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A:$A</definedName>
  </definedNames>
  <calcPr calcId="162913"/>
</workbook>
</file>

<file path=xl/calcChain.xml><?xml version="1.0" encoding="utf-8"?>
<calcChain xmlns="http://schemas.openxmlformats.org/spreadsheetml/2006/main">
  <c r="I1" i="10" l="1"/>
  <c r="H4" i="1" l="1"/>
  <c r="F1" i="34" l="1"/>
  <c r="G1" i="34" s="1"/>
  <c r="E1" i="34"/>
  <c r="F1" i="6"/>
  <c r="G1" i="6" s="1"/>
  <c r="I1" i="33"/>
  <c r="J1" i="33" s="1"/>
  <c r="H1" i="33"/>
  <c r="J1" i="5"/>
  <c r="K1" i="5" s="1"/>
  <c r="H1" i="5"/>
  <c r="J1" i="30"/>
  <c r="I1" i="25" l="1"/>
  <c r="J1" i="25" s="1"/>
  <c r="H1" i="25"/>
  <c r="J1" i="32" l="1"/>
  <c r="K1" i="32" s="1"/>
  <c r="H1" i="32"/>
  <c r="K1" i="31"/>
  <c r="L1" i="31" s="1"/>
  <c r="I1" i="31"/>
  <c r="L1" i="30"/>
  <c r="M1" i="30" s="1"/>
  <c r="K1" i="29"/>
  <c r="L1" i="29" s="1"/>
  <c r="I1" i="29"/>
  <c r="H1" i="28"/>
  <c r="I1" i="28" s="1"/>
  <c r="F1" i="28"/>
  <c r="D1" i="18" l="1"/>
  <c r="E1" i="26"/>
  <c r="E1" i="6"/>
  <c r="H1" i="24"/>
  <c r="H1" i="14"/>
  <c r="I1" i="23"/>
  <c r="I1" i="13"/>
  <c r="H1" i="4"/>
  <c r="J1" i="22"/>
  <c r="J1" i="11"/>
  <c r="I1" i="21"/>
  <c r="G1" i="9"/>
  <c r="F1" i="19"/>
  <c r="F1" i="8"/>
  <c r="E1" i="18" l="1"/>
  <c r="F1" i="26"/>
  <c r="J1" i="24"/>
  <c r="J1" i="14"/>
  <c r="K1" i="23"/>
  <c r="K1" i="13"/>
  <c r="J1" i="4"/>
  <c r="L1" i="22"/>
  <c r="L1" i="11"/>
  <c r="K1" i="21"/>
  <c r="K1" i="10"/>
  <c r="I1" i="9"/>
  <c r="H1" i="19"/>
  <c r="I1" i="19" s="1"/>
  <c r="H1" i="8"/>
  <c r="I1" i="8" s="1"/>
  <c r="J1" i="9" l="1"/>
  <c r="G1" i="26"/>
  <c r="K1" i="24"/>
  <c r="L1" i="23"/>
  <c r="M1" i="22"/>
  <c r="L1" i="21"/>
  <c r="F1" i="18"/>
  <c r="K1" i="14"/>
  <c r="L1" i="13"/>
  <c r="M1" i="11"/>
  <c r="L1" i="10"/>
  <c r="K1" i="4"/>
</calcChain>
</file>

<file path=xl/sharedStrings.xml><?xml version="1.0" encoding="utf-8"?>
<sst xmlns="http://schemas.openxmlformats.org/spreadsheetml/2006/main" count="5571" uniqueCount="162">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3" xfId="0" applyBorder="1" applyAlignment="1">
      <alignment horizontal="center" vertical="center" shrinkToFit="1"/>
    </xf>
    <xf numFmtId="0" fontId="0" fillId="0" borderId="7" xfId="0" applyBorder="1" applyAlignment="1">
      <alignment horizontal="center"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182" fontId="3" fillId="0" borderId="0" xfId="0" applyNumberFormat="1" applyFont="1" applyAlignment="1">
      <alignment horizontal="left" vertical="center"/>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1" xfId="0" applyFont="1" applyBorder="1" applyAlignment="1">
      <alignment horizontal="center" vertical="center"/>
    </xf>
    <xf numFmtId="0" fontId="3" fillId="0" borderId="40" xfId="0" applyFont="1" applyBorder="1" applyAlignment="1">
      <alignment horizontal="center" vertical="center"/>
    </xf>
    <xf numFmtId="0" fontId="3" fillId="0" borderId="30"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182" fontId="3" fillId="0" borderId="0" xfId="0" applyNumberFormat="1" applyFont="1" applyBorder="1" applyAlignment="1">
      <alignment horizontal="left"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7" xfId="0" applyFont="1" applyBorder="1" applyAlignment="1">
      <alignment horizontal="center" vertical="center"/>
    </xf>
    <xf numFmtId="0" fontId="2" fillId="0" borderId="42" xfId="0" applyFont="1" applyBorder="1" applyAlignment="1">
      <alignment horizontal="center" vertical="center"/>
    </xf>
    <xf numFmtId="0" fontId="2" fillId="0" borderId="80"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6"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182" fontId="2" fillId="0" borderId="0" xfId="0" applyNumberFormat="1" applyFont="1" applyBorder="1" applyAlignment="1">
      <alignment horizontal="left" vertical="center"/>
    </xf>
    <xf numFmtId="0" fontId="2" fillId="0" borderId="71"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122"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502" t="s">
        <v>0</v>
      </c>
      <c r="F1" s="502"/>
      <c r="G1" s="502"/>
      <c r="H1" s="502"/>
      <c r="I1" s="2"/>
      <c r="J1" s="2"/>
      <c r="K1" s="2"/>
      <c r="L1" s="2"/>
    </row>
    <row r="2" spans="1:13" ht="24" customHeight="1" x14ac:dyDescent="0.2">
      <c r="A2" s="2"/>
      <c r="B2" s="2"/>
      <c r="C2" s="2"/>
      <c r="D2" s="2"/>
      <c r="E2" s="2"/>
      <c r="F2" s="364">
        <v>5</v>
      </c>
      <c r="G2" s="246">
        <v>7</v>
      </c>
      <c r="H2" s="2"/>
      <c r="I2" s="2"/>
      <c r="J2" s="2"/>
      <c r="K2" s="2"/>
      <c r="L2" s="2"/>
      <c r="M2" s="2"/>
    </row>
    <row r="3" spans="1:13" ht="24" customHeight="1" x14ac:dyDescent="0.2"/>
    <row r="4" spans="1:13" ht="20.25" customHeight="1" x14ac:dyDescent="0.2">
      <c r="D4" s="3"/>
      <c r="E4" s="4" t="s">
        <v>1</v>
      </c>
      <c r="F4" s="3"/>
      <c r="H4" s="253">
        <f>G2</f>
        <v>7</v>
      </c>
    </row>
    <row r="5" spans="1:13" ht="10.5" customHeight="1" thickBot="1" x14ac:dyDescent="0.25">
      <c r="E5" s="5"/>
    </row>
    <row r="6" spans="1:13" ht="21" customHeight="1" x14ac:dyDescent="0.2">
      <c r="E6" s="340"/>
      <c r="F6" s="503" t="s">
        <v>2</v>
      </c>
      <c r="G6" s="504"/>
      <c r="H6" s="504"/>
      <c r="I6" s="505"/>
    </row>
    <row r="7" spans="1:13" ht="21" customHeight="1" x14ac:dyDescent="0.2">
      <c r="E7" s="7"/>
      <c r="F7" s="8"/>
      <c r="G7" s="9" t="s">
        <v>3</v>
      </c>
      <c r="H7" s="343" t="s">
        <v>149</v>
      </c>
      <c r="I7" s="344" t="s">
        <v>148</v>
      </c>
    </row>
    <row r="8" spans="1:13" ht="21" customHeight="1" x14ac:dyDescent="0.2">
      <c r="E8" s="341" t="s">
        <v>4</v>
      </c>
      <c r="F8" s="371">
        <v>2346250</v>
      </c>
      <c r="G8" s="371">
        <v>1033018</v>
      </c>
      <c r="H8" s="371">
        <v>908551</v>
      </c>
      <c r="I8" s="372">
        <v>404681</v>
      </c>
    </row>
    <row r="9" spans="1:13" ht="21" customHeight="1" x14ac:dyDescent="0.2">
      <c r="E9" s="10" t="s">
        <v>5</v>
      </c>
      <c r="F9" s="373">
        <v>936252</v>
      </c>
      <c r="G9" s="373">
        <v>410692</v>
      </c>
      <c r="H9" s="373">
        <v>357883</v>
      </c>
      <c r="I9" s="374">
        <v>167677</v>
      </c>
    </row>
    <row r="10" spans="1:13" ht="21" customHeight="1" x14ac:dyDescent="0.2">
      <c r="E10" s="10" t="s">
        <v>6</v>
      </c>
      <c r="F10" s="373">
        <v>308293</v>
      </c>
      <c r="G10" s="373">
        <v>141642</v>
      </c>
      <c r="H10" s="373">
        <v>113797</v>
      </c>
      <c r="I10" s="374">
        <v>52854</v>
      </c>
    </row>
    <row r="11" spans="1:13" ht="21" customHeight="1" x14ac:dyDescent="0.2">
      <c r="E11" s="10" t="s">
        <v>14</v>
      </c>
      <c r="F11" s="373">
        <v>188680</v>
      </c>
      <c r="G11" s="373">
        <v>84227</v>
      </c>
      <c r="H11" s="373">
        <v>75473</v>
      </c>
      <c r="I11" s="374">
        <v>28980</v>
      </c>
    </row>
    <row r="12" spans="1:13" ht="21" customHeight="1" x14ac:dyDescent="0.2">
      <c r="E12" s="10" t="s">
        <v>7</v>
      </c>
      <c r="F12" s="373">
        <v>125331</v>
      </c>
      <c r="G12" s="373">
        <v>52245</v>
      </c>
      <c r="H12" s="373">
        <v>50460</v>
      </c>
      <c r="I12" s="374">
        <v>22626</v>
      </c>
    </row>
    <row r="13" spans="1:13" ht="21" customHeight="1" x14ac:dyDescent="0.2">
      <c r="E13" s="10" t="s">
        <v>8</v>
      </c>
      <c r="F13" s="373">
        <v>73609</v>
      </c>
      <c r="G13" s="373">
        <v>33118</v>
      </c>
      <c r="H13" s="373">
        <v>28546</v>
      </c>
      <c r="I13" s="374">
        <v>11945</v>
      </c>
    </row>
    <row r="14" spans="1:13" ht="21" customHeight="1" x14ac:dyDescent="0.2">
      <c r="E14" s="10" t="s">
        <v>9</v>
      </c>
      <c r="F14" s="373">
        <v>53516</v>
      </c>
      <c r="G14" s="373">
        <v>20492</v>
      </c>
      <c r="H14" s="373">
        <v>21204</v>
      </c>
      <c r="I14" s="374">
        <v>11820</v>
      </c>
    </row>
    <row r="15" spans="1:13" ht="21" customHeight="1" x14ac:dyDescent="0.2">
      <c r="E15" s="10" t="s">
        <v>10</v>
      </c>
      <c r="F15" s="373">
        <v>108536</v>
      </c>
      <c r="G15" s="373">
        <v>46755</v>
      </c>
      <c r="H15" s="373">
        <v>42266</v>
      </c>
      <c r="I15" s="374">
        <v>19515</v>
      </c>
    </row>
    <row r="16" spans="1:13" ht="21" customHeight="1" x14ac:dyDescent="0.2">
      <c r="E16" s="10" t="s">
        <v>11</v>
      </c>
      <c r="F16" s="373">
        <v>57435</v>
      </c>
      <c r="G16" s="373">
        <v>25451</v>
      </c>
      <c r="H16" s="373">
        <v>21860</v>
      </c>
      <c r="I16" s="374">
        <v>10124</v>
      </c>
    </row>
    <row r="17" spans="5:13" ht="21" customHeight="1" x14ac:dyDescent="0.2">
      <c r="E17" s="10" t="s">
        <v>12</v>
      </c>
      <c r="F17" s="373">
        <v>65838</v>
      </c>
      <c r="G17" s="373">
        <v>28239</v>
      </c>
      <c r="H17" s="373">
        <v>25826</v>
      </c>
      <c r="I17" s="374">
        <v>11773</v>
      </c>
    </row>
    <row r="18" spans="5:13" ht="21" customHeight="1" x14ac:dyDescent="0.2">
      <c r="E18" s="10" t="s">
        <v>13</v>
      </c>
      <c r="F18" s="373">
        <v>18542</v>
      </c>
      <c r="G18" s="373">
        <v>7071</v>
      </c>
      <c r="H18" s="373">
        <v>7375</v>
      </c>
      <c r="I18" s="374">
        <v>4096</v>
      </c>
      <c r="M18" s="1" t="s">
        <v>87</v>
      </c>
    </row>
    <row r="19" spans="5:13" ht="21" customHeight="1" x14ac:dyDescent="0.2">
      <c r="E19" s="10" t="s">
        <v>15</v>
      </c>
      <c r="F19" s="373">
        <v>16161</v>
      </c>
      <c r="G19" s="373">
        <v>7069</v>
      </c>
      <c r="H19" s="373">
        <v>6215</v>
      </c>
      <c r="I19" s="374">
        <v>2877</v>
      </c>
    </row>
    <row r="20" spans="5:13" ht="21" customHeight="1" x14ac:dyDescent="0.2">
      <c r="E20" s="10" t="s">
        <v>16</v>
      </c>
      <c r="F20" s="373">
        <v>49469</v>
      </c>
      <c r="G20" s="373">
        <v>23051</v>
      </c>
      <c r="H20" s="373">
        <v>19344</v>
      </c>
      <c r="I20" s="374">
        <v>7074</v>
      </c>
    </row>
    <row r="21" spans="5:13" ht="21" customHeight="1" x14ac:dyDescent="0.2">
      <c r="E21" s="10" t="s">
        <v>17</v>
      </c>
      <c r="F21" s="373">
        <v>58757</v>
      </c>
      <c r="G21" s="373">
        <v>27084</v>
      </c>
      <c r="H21" s="373">
        <v>23469</v>
      </c>
      <c r="I21" s="374">
        <v>8204</v>
      </c>
    </row>
    <row r="22" spans="5:13" ht="21" customHeight="1" x14ac:dyDescent="0.2">
      <c r="E22" s="10" t="s">
        <v>18</v>
      </c>
      <c r="F22" s="373">
        <v>58342</v>
      </c>
      <c r="G22" s="373">
        <v>25796</v>
      </c>
      <c r="H22" s="373">
        <v>23451</v>
      </c>
      <c r="I22" s="374">
        <v>9095</v>
      </c>
    </row>
    <row r="23" spans="5:13" ht="21" customHeight="1" x14ac:dyDescent="0.2">
      <c r="E23" s="10" t="s">
        <v>19</v>
      </c>
      <c r="F23" s="373">
        <v>26676</v>
      </c>
      <c r="G23" s="373">
        <v>11914</v>
      </c>
      <c r="H23" s="373">
        <v>10581</v>
      </c>
      <c r="I23" s="374">
        <v>4181</v>
      </c>
    </row>
    <row r="24" spans="5:13" ht="21" customHeight="1" x14ac:dyDescent="0.2">
      <c r="E24" s="10" t="s">
        <v>20</v>
      </c>
      <c r="F24" s="373">
        <v>34238</v>
      </c>
      <c r="G24" s="373">
        <v>15523</v>
      </c>
      <c r="H24" s="373">
        <v>13678</v>
      </c>
      <c r="I24" s="374">
        <v>5037</v>
      </c>
    </row>
    <row r="25" spans="5:13" ht="21" customHeight="1" x14ac:dyDescent="0.2">
      <c r="E25" s="10" t="s">
        <v>21</v>
      </c>
      <c r="F25" s="373">
        <v>34449</v>
      </c>
      <c r="G25" s="373">
        <v>15492</v>
      </c>
      <c r="H25" s="373">
        <v>13800</v>
      </c>
      <c r="I25" s="374">
        <v>5157</v>
      </c>
    </row>
    <row r="26" spans="5:13" ht="21" customHeight="1" x14ac:dyDescent="0.2">
      <c r="E26" s="10" t="s">
        <v>22</v>
      </c>
      <c r="F26" s="373">
        <v>13646</v>
      </c>
      <c r="G26" s="373">
        <v>5741</v>
      </c>
      <c r="H26" s="373">
        <v>5507</v>
      </c>
      <c r="I26" s="374">
        <v>2398</v>
      </c>
    </row>
    <row r="27" spans="5:13" ht="21" customHeight="1" x14ac:dyDescent="0.2">
      <c r="E27" s="10" t="s">
        <v>23</v>
      </c>
      <c r="F27" s="373">
        <v>22799</v>
      </c>
      <c r="G27" s="373">
        <v>9585</v>
      </c>
      <c r="H27" s="373">
        <v>9957</v>
      </c>
      <c r="I27" s="374">
        <v>3257</v>
      </c>
    </row>
    <row r="28" spans="5:13" ht="21" customHeight="1" x14ac:dyDescent="0.2">
      <c r="E28" s="10" t="s">
        <v>24</v>
      </c>
      <c r="F28" s="373">
        <v>10172</v>
      </c>
      <c r="G28" s="373">
        <v>3893</v>
      </c>
      <c r="H28" s="373">
        <v>4216</v>
      </c>
      <c r="I28" s="374">
        <v>2063</v>
      </c>
    </row>
    <row r="29" spans="5:13" ht="21" customHeight="1" x14ac:dyDescent="0.2">
      <c r="E29" s="10" t="s">
        <v>25</v>
      </c>
      <c r="F29" s="373">
        <v>13467</v>
      </c>
      <c r="G29" s="373">
        <v>6269</v>
      </c>
      <c r="H29" s="373">
        <v>5336</v>
      </c>
      <c r="I29" s="374">
        <v>1862</v>
      </c>
    </row>
    <row r="30" spans="5:13" ht="21" customHeight="1" x14ac:dyDescent="0.2">
      <c r="E30" s="10" t="s">
        <v>26</v>
      </c>
      <c r="F30" s="373">
        <v>11125</v>
      </c>
      <c r="G30" s="373">
        <v>4690</v>
      </c>
      <c r="H30" s="373">
        <v>4512</v>
      </c>
      <c r="I30" s="374">
        <v>1923</v>
      </c>
    </row>
    <row r="31" spans="5:13" ht="21" customHeight="1" x14ac:dyDescent="0.2">
      <c r="E31" s="10" t="s">
        <v>27</v>
      </c>
      <c r="F31" s="373">
        <v>9829</v>
      </c>
      <c r="G31" s="373">
        <v>3913</v>
      </c>
      <c r="H31" s="373">
        <v>4000</v>
      </c>
      <c r="I31" s="374">
        <v>1916</v>
      </c>
    </row>
    <row r="32" spans="5:13" ht="21" customHeight="1" x14ac:dyDescent="0.2">
      <c r="E32" s="10" t="s">
        <v>28</v>
      </c>
      <c r="F32" s="373">
        <v>3218</v>
      </c>
      <c r="G32" s="373">
        <v>1501</v>
      </c>
      <c r="H32" s="373">
        <v>1274</v>
      </c>
      <c r="I32" s="374">
        <v>443</v>
      </c>
    </row>
    <row r="33" spans="5:9" ht="21" customHeight="1" x14ac:dyDescent="0.2">
      <c r="E33" s="10" t="s">
        <v>29</v>
      </c>
      <c r="F33" s="373">
        <v>4999</v>
      </c>
      <c r="G33" s="373">
        <v>2236</v>
      </c>
      <c r="H33" s="373">
        <v>2021</v>
      </c>
      <c r="I33" s="374">
        <v>742</v>
      </c>
    </row>
    <row r="34" spans="5:9" ht="21" customHeight="1" x14ac:dyDescent="0.2">
      <c r="E34" s="10" t="s">
        <v>30</v>
      </c>
      <c r="F34" s="373">
        <v>3729</v>
      </c>
      <c r="G34" s="373">
        <v>1606</v>
      </c>
      <c r="H34" s="373">
        <v>1409</v>
      </c>
      <c r="I34" s="374">
        <v>714</v>
      </c>
    </row>
    <row r="35" spans="5:9" ht="21" customHeight="1" x14ac:dyDescent="0.2">
      <c r="E35" s="10" t="s">
        <v>31</v>
      </c>
      <c r="F35" s="373">
        <v>4031</v>
      </c>
      <c r="G35" s="373">
        <v>1885</v>
      </c>
      <c r="H35" s="373">
        <v>1387</v>
      </c>
      <c r="I35" s="374">
        <v>759</v>
      </c>
    </row>
    <row r="36" spans="5:9" ht="21" customHeight="1" x14ac:dyDescent="0.2">
      <c r="E36" s="10" t="s">
        <v>32</v>
      </c>
      <c r="F36" s="373">
        <v>4666</v>
      </c>
      <c r="G36" s="373">
        <v>2085</v>
      </c>
      <c r="H36" s="373">
        <v>1798</v>
      </c>
      <c r="I36" s="374">
        <v>783</v>
      </c>
    </row>
    <row r="37" spans="5:9" ht="21" customHeight="1" x14ac:dyDescent="0.2">
      <c r="E37" s="10" t="s">
        <v>33</v>
      </c>
      <c r="F37" s="373">
        <v>4139</v>
      </c>
      <c r="G37" s="373">
        <v>1810</v>
      </c>
      <c r="H37" s="373">
        <v>1618</v>
      </c>
      <c r="I37" s="374">
        <v>711</v>
      </c>
    </row>
    <row r="38" spans="5:9" ht="21" customHeight="1" x14ac:dyDescent="0.2">
      <c r="E38" s="10" t="s">
        <v>34</v>
      </c>
      <c r="F38" s="373">
        <v>3022</v>
      </c>
      <c r="G38" s="373">
        <v>1292</v>
      </c>
      <c r="H38" s="373">
        <v>1182</v>
      </c>
      <c r="I38" s="374">
        <v>548</v>
      </c>
    </row>
    <row r="39" spans="5:9" ht="21" customHeight="1" x14ac:dyDescent="0.2">
      <c r="E39" s="10" t="s">
        <v>35</v>
      </c>
      <c r="F39" s="373">
        <v>9830</v>
      </c>
      <c r="G39" s="373">
        <v>4116</v>
      </c>
      <c r="H39" s="373">
        <v>3935</v>
      </c>
      <c r="I39" s="374">
        <v>1779</v>
      </c>
    </row>
    <row r="40" spans="5:9" ht="21" customHeight="1" x14ac:dyDescent="0.2">
      <c r="E40" s="10" t="s">
        <v>36</v>
      </c>
      <c r="F40" s="373">
        <v>12387</v>
      </c>
      <c r="G40" s="373">
        <v>5998</v>
      </c>
      <c r="H40" s="373">
        <v>4799</v>
      </c>
      <c r="I40" s="374">
        <v>1590</v>
      </c>
    </row>
    <row r="41" spans="5:9" ht="21" customHeight="1" thickBot="1" x14ac:dyDescent="0.25">
      <c r="E41" s="11" t="s">
        <v>37</v>
      </c>
      <c r="F41" s="375">
        <v>1067</v>
      </c>
      <c r="G41" s="375">
        <v>537</v>
      </c>
      <c r="H41" s="375">
        <v>372</v>
      </c>
      <c r="I41" s="376">
        <v>158</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6.777343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5">
        <f>第１表!F2</f>
        <v>5</v>
      </c>
      <c r="K1" s="525"/>
      <c r="L1" s="248">
        <f>第１表!G2</f>
        <v>7</v>
      </c>
      <c r="M1" s="529">
        <f>IF(L1&lt;3,L1+12-2,L1-2)</f>
        <v>5</v>
      </c>
      <c r="N1" s="529"/>
    </row>
    <row r="2" spans="2:112" ht="24" customHeight="1" thickBot="1" x14ac:dyDescent="0.25">
      <c r="B2" s="290" t="s">
        <v>130</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7</v>
      </c>
      <c r="CC3" s="547"/>
      <c r="CD3" s="547"/>
      <c r="CE3" s="547"/>
      <c r="CF3" s="547"/>
      <c r="CG3" s="547"/>
      <c r="CH3" s="547"/>
      <c r="CI3" s="547"/>
      <c r="CJ3" s="547"/>
      <c r="CK3" s="547"/>
      <c r="CL3" s="548"/>
      <c r="CM3" s="546" t="s">
        <v>160</v>
      </c>
      <c r="CN3" s="547"/>
      <c r="CO3" s="547"/>
      <c r="CP3" s="547"/>
      <c r="CQ3" s="547"/>
      <c r="CR3" s="547"/>
      <c r="CS3" s="547"/>
      <c r="CT3" s="547"/>
      <c r="CU3" s="547"/>
      <c r="CV3" s="547"/>
      <c r="CW3" s="548"/>
      <c r="CX3" s="546" t="s">
        <v>156</v>
      </c>
      <c r="CY3" s="547"/>
      <c r="CZ3" s="547"/>
      <c r="DA3" s="547"/>
      <c r="DB3" s="547"/>
      <c r="DC3" s="547"/>
      <c r="DD3" s="547"/>
      <c r="DE3" s="547"/>
      <c r="DF3" s="547"/>
      <c r="DG3" s="547"/>
      <c r="DH3" s="548"/>
    </row>
    <row r="4" spans="2:112" ht="21" customHeight="1" x14ac:dyDescent="0.2">
      <c r="B4" s="550"/>
      <c r="C4" s="554" t="s">
        <v>61</v>
      </c>
      <c r="D4" s="537"/>
      <c r="E4" s="538"/>
      <c r="F4" s="536" t="s">
        <v>62</v>
      </c>
      <c r="G4" s="537"/>
      <c r="H4" s="537"/>
      <c r="I4" s="537"/>
      <c r="J4" s="537"/>
      <c r="K4" s="537"/>
      <c r="L4" s="545"/>
      <c r="M4" s="539" t="s">
        <v>52</v>
      </c>
      <c r="N4" s="554" t="s">
        <v>61</v>
      </c>
      <c r="O4" s="537"/>
      <c r="P4" s="538"/>
      <c r="Q4" s="536" t="s">
        <v>62</v>
      </c>
      <c r="R4" s="537"/>
      <c r="S4" s="537"/>
      <c r="T4" s="537"/>
      <c r="U4" s="537"/>
      <c r="V4" s="537"/>
      <c r="W4" s="538"/>
      <c r="X4" s="539" t="s">
        <v>52</v>
      </c>
      <c r="Y4" s="541" t="s">
        <v>61</v>
      </c>
      <c r="Z4" s="537"/>
      <c r="AA4" s="545"/>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45"/>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row>
    <row r="5" spans="2:112" ht="30" customHeight="1" thickBot="1" x14ac:dyDescent="0.25">
      <c r="B5" s="551"/>
      <c r="C5" s="264" t="s">
        <v>43</v>
      </c>
      <c r="D5" s="259" t="s">
        <v>44</v>
      </c>
      <c r="E5" s="380" t="s">
        <v>45</v>
      </c>
      <c r="F5" s="267" t="s">
        <v>83</v>
      </c>
      <c r="G5" s="259" t="s">
        <v>47</v>
      </c>
      <c r="H5" s="259" t="s">
        <v>48</v>
      </c>
      <c r="I5" s="259" t="s">
        <v>49</v>
      </c>
      <c r="J5" s="259" t="s">
        <v>50</v>
      </c>
      <c r="K5" s="259" t="s">
        <v>51</v>
      </c>
      <c r="L5" s="268" t="s">
        <v>45</v>
      </c>
      <c r="M5" s="540"/>
      <c r="N5" s="264" t="s">
        <v>43</v>
      </c>
      <c r="O5" s="259" t="s">
        <v>44</v>
      </c>
      <c r="P5" s="265" t="s">
        <v>45</v>
      </c>
      <c r="Q5" s="267" t="s">
        <v>83</v>
      </c>
      <c r="R5" s="259" t="s">
        <v>47</v>
      </c>
      <c r="S5" s="259" t="s">
        <v>48</v>
      </c>
      <c r="T5" s="259" t="s">
        <v>49</v>
      </c>
      <c r="U5" s="259" t="s">
        <v>50</v>
      </c>
      <c r="V5" s="259" t="s">
        <v>51</v>
      </c>
      <c r="W5" s="265" t="s">
        <v>45</v>
      </c>
      <c r="X5" s="540"/>
      <c r="Y5" s="321" t="s">
        <v>43</v>
      </c>
      <c r="Z5" s="259" t="s">
        <v>44</v>
      </c>
      <c r="AA5" s="268" t="s">
        <v>45</v>
      </c>
      <c r="AB5" s="267" t="s">
        <v>83</v>
      </c>
      <c r="AC5" s="259" t="s">
        <v>47</v>
      </c>
      <c r="AD5" s="259" t="s">
        <v>48</v>
      </c>
      <c r="AE5" s="259" t="s">
        <v>49</v>
      </c>
      <c r="AF5" s="259" t="s">
        <v>50</v>
      </c>
      <c r="AG5" s="259" t="s">
        <v>51</v>
      </c>
      <c r="AH5" s="265" t="s">
        <v>45</v>
      </c>
      <c r="AI5" s="540"/>
      <c r="AJ5" s="321" t="s">
        <v>43</v>
      </c>
      <c r="AK5" s="259" t="s">
        <v>44</v>
      </c>
      <c r="AL5" s="265" t="s">
        <v>45</v>
      </c>
      <c r="AM5" s="267" t="s">
        <v>83</v>
      </c>
      <c r="AN5" s="259" t="s">
        <v>47</v>
      </c>
      <c r="AO5" s="259" t="s">
        <v>48</v>
      </c>
      <c r="AP5" s="259" t="s">
        <v>49</v>
      </c>
      <c r="AQ5" s="259" t="s">
        <v>50</v>
      </c>
      <c r="AR5" s="259" t="s">
        <v>51</v>
      </c>
      <c r="AS5" s="265" t="s">
        <v>45</v>
      </c>
      <c r="AT5" s="540"/>
      <c r="AU5" s="321" t="s">
        <v>43</v>
      </c>
      <c r="AV5" s="259" t="s">
        <v>44</v>
      </c>
      <c r="AW5" s="268" t="s">
        <v>45</v>
      </c>
      <c r="AX5" s="267" t="s">
        <v>83</v>
      </c>
      <c r="AY5" s="259" t="s">
        <v>47</v>
      </c>
      <c r="AZ5" s="259" t="s">
        <v>48</v>
      </c>
      <c r="BA5" s="259" t="s">
        <v>49</v>
      </c>
      <c r="BB5" s="259" t="s">
        <v>50</v>
      </c>
      <c r="BC5" s="259" t="s">
        <v>51</v>
      </c>
      <c r="BD5" s="268" t="s">
        <v>45</v>
      </c>
      <c r="BE5" s="540"/>
      <c r="BF5" s="321" t="s">
        <v>43</v>
      </c>
      <c r="BG5" s="259" t="s">
        <v>44</v>
      </c>
      <c r="BH5" s="265" t="s">
        <v>45</v>
      </c>
      <c r="BI5" s="267" t="s">
        <v>83</v>
      </c>
      <c r="BJ5" s="259" t="s">
        <v>47</v>
      </c>
      <c r="BK5" s="259" t="s">
        <v>48</v>
      </c>
      <c r="BL5" s="259" t="s">
        <v>49</v>
      </c>
      <c r="BM5" s="259" t="s">
        <v>50</v>
      </c>
      <c r="BN5" s="259" t="s">
        <v>51</v>
      </c>
      <c r="BO5" s="265" t="s">
        <v>45</v>
      </c>
      <c r="BP5" s="540"/>
      <c r="BQ5" s="321" t="s">
        <v>43</v>
      </c>
      <c r="BR5" s="259" t="s">
        <v>44</v>
      </c>
      <c r="BS5" s="265" t="s">
        <v>45</v>
      </c>
      <c r="BT5" s="267" t="s">
        <v>83</v>
      </c>
      <c r="BU5" s="259" t="s">
        <v>47</v>
      </c>
      <c r="BV5" s="259" t="s">
        <v>48</v>
      </c>
      <c r="BW5" s="259" t="s">
        <v>49</v>
      </c>
      <c r="BX5" s="259" t="s">
        <v>50</v>
      </c>
      <c r="BY5" s="259" t="s">
        <v>51</v>
      </c>
      <c r="BZ5" s="265" t="s">
        <v>45</v>
      </c>
      <c r="CA5" s="540"/>
      <c r="CB5" s="321" t="s">
        <v>43</v>
      </c>
      <c r="CC5" s="259" t="s">
        <v>44</v>
      </c>
      <c r="CD5" s="265" t="s">
        <v>45</v>
      </c>
      <c r="CE5" s="267" t="s">
        <v>83</v>
      </c>
      <c r="CF5" s="259" t="s">
        <v>47</v>
      </c>
      <c r="CG5" s="259" t="s">
        <v>48</v>
      </c>
      <c r="CH5" s="259" t="s">
        <v>49</v>
      </c>
      <c r="CI5" s="259" t="s">
        <v>50</v>
      </c>
      <c r="CJ5" s="259" t="s">
        <v>51</v>
      </c>
      <c r="CK5" s="265" t="s">
        <v>45</v>
      </c>
      <c r="CL5" s="540"/>
      <c r="CM5" s="321" t="s">
        <v>43</v>
      </c>
      <c r="CN5" s="259" t="s">
        <v>44</v>
      </c>
      <c r="CO5" s="265" t="s">
        <v>45</v>
      </c>
      <c r="CP5" s="267" t="s">
        <v>83</v>
      </c>
      <c r="CQ5" s="259" t="s">
        <v>47</v>
      </c>
      <c r="CR5" s="259" t="s">
        <v>48</v>
      </c>
      <c r="CS5" s="259" t="s">
        <v>49</v>
      </c>
      <c r="CT5" s="259" t="s">
        <v>50</v>
      </c>
      <c r="CU5" s="259" t="s">
        <v>51</v>
      </c>
      <c r="CV5" s="265" t="s">
        <v>45</v>
      </c>
      <c r="CW5" s="540"/>
      <c r="CX5" s="363" t="s">
        <v>43</v>
      </c>
      <c r="CY5" s="259" t="s">
        <v>44</v>
      </c>
      <c r="CZ5" s="265" t="s">
        <v>45</v>
      </c>
      <c r="DA5" s="267" t="s">
        <v>83</v>
      </c>
      <c r="DB5" s="259" t="s">
        <v>47</v>
      </c>
      <c r="DC5" s="259" t="s">
        <v>48</v>
      </c>
      <c r="DD5" s="259" t="s">
        <v>49</v>
      </c>
      <c r="DE5" s="259" t="s">
        <v>50</v>
      </c>
      <c r="DF5" s="259" t="s">
        <v>51</v>
      </c>
      <c r="DG5" s="265" t="s">
        <v>45</v>
      </c>
      <c r="DH5" s="540"/>
    </row>
    <row r="6" spans="2:112" ht="21" customHeight="1" x14ac:dyDescent="0.2">
      <c r="B6" s="260" t="s">
        <v>4</v>
      </c>
      <c r="C6" s="269">
        <v>0</v>
      </c>
      <c r="D6" s="273">
        <v>0</v>
      </c>
      <c r="E6" s="381">
        <v>0</v>
      </c>
      <c r="F6" s="272">
        <v>0</v>
      </c>
      <c r="G6" s="273">
        <v>14260</v>
      </c>
      <c r="H6" s="273">
        <v>18850</v>
      </c>
      <c r="I6" s="273">
        <v>20696</v>
      </c>
      <c r="J6" s="273">
        <v>23101</v>
      </c>
      <c r="K6" s="273">
        <v>21569</v>
      </c>
      <c r="L6" s="274">
        <v>98476</v>
      </c>
      <c r="M6" s="275">
        <v>98476</v>
      </c>
      <c r="N6" s="269">
        <v>0</v>
      </c>
      <c r="O6" s="273">
        <v>6</v>
      </c>
      <c r="P6" s="270">
        <v>6</v>
      </c>
      <c r="Q6" s="272">
        <v>0</v>
      </c>
      <c r="R6" s="273">
        <v>24</v>
      </c>
      <c r="S6" s="273">
        <v>136</v>
      </c>
      <c r="T6" s="273">
        <v>300</v>
      </c>
      <c r="U6" s="273">
        <v>595</v>
      </c>
      <c r="V6" s="273">
        <v>1086</v>
      </c>
      <c r="W6" s="270">
        <v>2141</v>
      </c>
      <c r="X6" s="275">
        <v>2147</v>
      </c>
      <c r="Y6" s="269">
        <v>1096</v>
      </c>
      <c r="Z6" s="273">
        <v>2602</v>
      </c>
      <c r="AA6" s="270">
        <v>3698</v>
      </c>
      <c r="AB6" s="272">
        <v>0</v>
      </c>
      <c r="AC6" s="273">
        <v>8255</v>
      </c>
      <c r="AD6" s="273">
        <v>12635</v>
      </c>
      <c r="AE6" s="273">
        <v>8728</v>
      </c>
      <c r="AF6" s="273">
        <v>7456</v>
      </c>
      <c r="AG6" s="273">
        <v>4968</v>
      </c>
      <c r="AH6" s="270">
        <v>42042</v>
      </c>
      <c r="AI6" s="275">
        <v>45740</v>
      </c>
      <c r="AJ6" s="269">
        <v>146</v>
      </c>
      <c r="AK6" s="273">
        <v>536</v>
      </c>
      <c r="AL6" s="270">
        <v>682</v>
      </c>
      <c r="AM6" s="272">
        <v>0</v>
      </c>
      <c r="AN6" s="273">
        <v>985</v>
      </c>
      <c r="AO6" s="273">
        <v>1631</v>
      </c>
      <c r="AP6" s="273">
        <v>861</v>
      </c>
      <c r="AQ6" s="273">
        <v>904</v>
      </c>
      <c r="AR6" s="273">
        <v>349</v>
      </c>
      <c r="AS6" s="270">
        <v>4730</v>
      </c>
      <c r="AT6" s="275">
        <v>5412</v>
      </c>
      <c r="AU6" s="269">
        <v>0</v>
      </c>
      <c r="AV6" s="273">
        <v>0</v>
      </c>
      <c r="AW6" s="270">
        <v>0</v>
      </c>
      <c r="AX6" s="272">
        <v>0</v>
      </c>
      <c r="AY6" s="273">
        <v>13509</v>
      </c>
      <c r="AZ6" s="273">
        <v>13022</v>
      </c>
      <c r="BA6" s="273">
        <v>7566</v>
      </c>
      <c r="BB6" s="273">
        <v>3997</v>
      </c>
      <c r="BC6" s="273">
        <v>1426</v>
      </c>
      <c r="BD6" s="274">
        <v>39520</v>
      </c>
      <c r="BE6" s="275">
        <v>39520</v>
      </c>
      <c r="BF6" s="269">
        <v>0</v>
      </c>
      <c r="BG6" s="273">
        <v>0</v>
      </c>
      <c r="BH6" s="270">
        <v>0</v>
      </c>
      <c r="BI6" s="272">
        <v>0</v>
      </c>
      <c r="BJ6" s="273">
        <v>2576</v>
      </c>
      <c r="BK6" s="273">
        <v>4180</v>
      </c>
      <c r="BL6" s="273">
        <v>2506</v>
      </c>
      <c r="BM6" s="273">
        <v>1407</v>
      </c>
      <c r="BN6" s="273">
        <v>427</v>
      </c>
      <c r="BO6" s="270">
        <v>11096</v>
      </c>
      <c r="BP6" s="275">
        <v>11096</v>
      </c>
      <c r="BQ6" s="269">
        <v>35</v>
      </c>
      <c r="BR6" s="273">
        <v>162</v>
      </c>
      <c r="BS6" s="270">
        <v>197</v>
      </c>
      <c r="BT6" s="272">
        <v>0</v>
      </c>
      <c r="BU6" s="273">
        <v>1333</v>
      </c>
      <c r="BV6" s="273">
        <v>2009</v>
      </c>
      <c r="BW6" s="273">
        <v>3398</v>
      </c>
      <c r="BX6" s="273">
        <v>3090</v>
      </c>
      <c r="BY6" s="273">
        <v>1138</v>
      </c>
      <c r="BZ6" s="270">
        <v>10968</v>
      </c>
      <c r="CA6" s="275">
        <v>11165</v>
      </c>
      <c r="CB6" s="269">
        <v>3</v>
      </c>
      <c r="CC6" s="273">
        <v>3</v>
      </c>
      <c r="CD6" s="270">
        <v>6</v>
      </c>
      <c r="CE6" s="272">
        <v>0</v>
      </c>
      <c r="CF6" s="273">
        <v>121</v>
      </c>
      <c r="CG6" s="273">
        <v>237</v>
      </c>
      <c r="CH6" s="273">
        <v>474</v>
      </c>
      <c r="CI6" s="273">
        <v>245</v>
      </c>
      <c r="CJ6" s="273">
        <v>182</v>
      </c>
      <c r="CK6" s="270">
        <v>1259</v>
      </c>
      <c r="CL6" s="275">
        <v>1265</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2">
        <v>0</v>
      </c>
      <c r="F7" s="279">
        <v>0</v>
      </c>
      <c r="G7" s="280">
        <v>5470</v>
      </c>
      <c r="H7" s="280">
        <v>7862</v>
      </c>
      <c r="I7" s="280">
        <v>9175</v>
      </c>
      <c r="J7" s="280">
        <v>9013</v>
      </c>
      <c r="K7" s="280">
        <v>8955</v>
      </c>
      <c r="L7" s="281">
        <v>40475</v>
      </c>
      <c r="M7" s="282">
        <v>40475</v>
      </c>
      <c r="N7" s="276">
        <v>0</v>
      </c>
      <c r="O7" s="280">
        <v>0</v>
      </c>
      <c r="P7" s="277">
        <v>0</v>
      </c>
      <c r="Q7" s="279">
        <v>0</v>
      </c>
      <c r="R7" s="280">
        <v>-7</v>
      </c>
      <c r="S7" s="280">
        <v>64</v>
      </c>
      <c r="T7" s="280">
        <v>125</v>
      </c>
      <c r="U7" s="280">
        <v>241</v>
      </c>
      <c r="V7" s="280">
        <v>490</v>
      </c>
      <c r="W7" s="277">
        <v>913</v>
      </c>
      <c r="X7" s="282">
        <v>913</v>
      </c>
      <c r="Y7" s="276">
        <v>541</v>
      </c>
      <c r="Z7" s="280">
        <v>1466</v>
      </c>
      <c r="AA7" s="277">
        <v>2007</v>
      </c>
      <c r="AB7" s="279">
        <v>0</v>
      </c>
      <c r="AC7" s="280">
        <v>3497</v>
      </c>
      <c r="AD7" s="280">
        <v>6779</v>
      </c>
      <c r="AE7" s="280">
        <v>4682</v>
      </c>
      <c r="AF7" s="280">
        <v>3801</v>
      </c>
      <c r="AG7" s="280">
        <v>2254</v>
      </c>
      <c r="AH7" s="277">
        <v>21013</v>
      </c>
      <c r="AI7" s="282">
        <v>23020</v>
      </c>
      <c r="AJ7" s="276">
        <v>71</v>
      </c>
      <c r="AK7" s="280">
        <v>229</v>
      </c>
      <c r="AL7" s="277">
        <v>300</v>
      </c>
      <c r="AM7" s="279">
        <v>0</v>
      </c>
      <c r="AN7" s="280">
        <v>299</v>
      </c>
      <c r="AO7" s="280">
        <v>640</v>
      </c>
      <c r="AP7" s="280">
        <v>414</v>
      </c>
      <c r="AQ7" s="280">
        <v>337</v>
      </c>
      <c r="AR7" s="280">
        <v>107</v>
      </c>
      <c r="AS7" s="277">
        <v>1797</v>
      </c>
      <c r="AT7" s="282">
        <v>2097</v>
      </c>
      <c r="AU7" s="276">
        <v>0</v>
      </c>
      <c r="AV7" s="280">
        <v>0</v>
      </c>
      <c r="AW7" s="277">
        <v>0</v>
      </c>
      <c r="AX7" s="279">
        <v>0</v>
      </c>
      <c r="AY7" s="280">
        <v>4940</v>
      </c>
      <c r="AZ7" s="280">
        <v>5669</v>
      </c>
      <c r="BA7" s="280">
        <v>3123</v>
      </c>
      <c r="BB7" s="280">
        <v>1426</v>
      </c>
      <c r="BC7" s="280">
        <v>595</v>
      </c>
      <c r="BD7" s="281">
        <v>15753</v>
      </c>
      <c r="BE7" s="282">
        <v>15753</v>
      </c>
      <c r="BF7" s="276">
        <v>0</v>
      </c>
      <c r="BG7" s="280">
        <v>0</v>
      </c>
      <c r="BH7" s="277">
        <v>0</v>
      </c>
      <c r="BI7" s="279">
        <v>0</v>
      </c>
      <c r="BJ7" s="280">
        <v>917</v>
      </c>
      <c r="BK7" s="280">
        <v>1755</v>
      </c>
      <c r="BL7" s="280">
        <v>1184</v>
      </c>
      <c r="BM7" s="280">
        <v>665</v>
      </c>
      <c r="BN7" s="280">
        <v>196</v>
      </c>
      <c r="BO7" s="277">
        <v>4717</v>
      </c>
      <c r="BP7" s="282">
        <v>4717</v>
      </c>
      <c r="BQ7" s="276">
        <v>6</v>
      </c>
      <c r="BR7" s="280">
        <v>70</v>
      </c>
      <c r="BS7" s="277">
        <v>76</v>
      </c>
      <c r="BT7" s="279">
        <v>0</v>
      </c>
      <c r="BU7" s="280">
        <v>517</v>
      </c>
      <c r="BV7" s="280">
        <v>868</v>
      </c>
      <c r="BW7" s="280">
        <v>1578</v>
      </c>
      <c r="BX7" s="280">
        <v>1106</v>
      </c>
      <c r="BY7" s="280">
        <v>445</v>
      </c>
      <c r="BZ7" s="277">
        <v>4514</v>
      </c>
      <c r="CA7" s="282">
        <v>4590</v>
      </c>
      <c r="CB7" s="276">
        <v>0</v>
      </c>
      <c r="CC7" s="280">
        <v>3</v>
      </c>
      <c r="CD7" s="277">
        <v>3</v>
      </c>
      <c r="CE7" s="279">
        <v>0</v>
      </c>
      <c r="CF7" s="280">
        <v>47</v>
      </c>
      <c r="CG7" s="280">
        <v>142</v>
      </c>
      <c r="CH7" s="280">
        <v>293</v>
      </c>
      <c r="CI7" s="280">
        <v>149</v>
      </c>
      <c r="CJ7" s="280">
        <v>100</v>
      </c>
      <c r="CK7" s="277">
        <v>731</v>
      </c>
      <c r="CL7" s="282">
        <v>734</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2">
        <v>0</v>
      </c>
      <c r="F8" s="279">
        <v>0</v>
      </c>
      <c r="G8" s="280">
        <v>1743</v>
      </c>
      <c r="H8" s="280">
        <v>1861</v>
      </c>
      <c r="I8" s="280">
        <v>2487</v>
      </c>
      <c r="J8" s="280">
        <v>2830</v>
      </c>
      <c r="K8" s="280">
        <v>2837</v>
      </c>
      <c r="L8" s="281">
        <v>11758</v>
      </c>
      <c r="M8" s="282">
        <v>11758</v>
      </c>
      <c r="N8" s="276">
        <v>0</v>
      </c>
      <c r="O8" s="280">
        <v>0</v>
      </c>
      <c r="P8" s="277">
        <v>0</v>
      </c>
      <c r="Q8" s="279">
        <v>0</v>
      </c>
      <c r="R8" s="280">
        <v>4</v>
      </c>
      <c r="S8" s="280">
        <v>10</v>
      </c>
      <c r="T8" s="280">
        <v>36</v>
      </c>
      <c r="U8" s="280">
        <v>52</v>
      </c>
      <c r="V8" s="280">
        <v>147</v>
      </c>
      <c r="W8" s="277">
        <v>249</v>
      </c>
      <c r="X8" s="282">
        <v>249</v>
      </c>
      <c r="Y8" s="276">
        <v>172</v>
      </c>
      <c r="Z8" s="280">
        <v>360</v>
      </c>
      <c r="AA8" s="277">
        <v>532</v>
      </c>
      <c r="AB8" s="279">
        <v>0</v>
      </c>
      <c r="AC8" s="280">
        <v>1349</v>
      </c>
      <c r="AD8" s="280">
        <v>1710</v>
      </c>
      <c r="AE8" s="280">
        <v>998</v>
      </c>
      <c r="AF8" s="280">
        <v>1185</v>
      </c>
      <c r="AG8" s="280">
        <v>792</v>
      </c>
      <c r="AH8" s="277">
        <v>6034</v>
      </c>
      <c r="AI8" s="282">
        <v>6566</v>
      </c>
      <c r="AJ8" s="276">
        <v>17</v>
      </c>
      <c r="AK8" s="280">
        <v>0</v>
      </c>
      <c r="AL8" s="277">
        <v>17</v>
      </c>
      <c r="AM8" s="279">
        <v>0</v>
      </c>
      <c r="AN8" s="280">
        <v>151</v>
      </c>
      <c r="AO8" s="280">
        <v>214</v>
      </c>
      <c r="AP8" s="280">
        <v>18</v>
      </c>
      <c r="AQ8" s="280">
        <v>149</v>
      </c>
      <c r="AR8" s="280">
        <v>38</v>
      </c>
      <c r="AS8" s="277">
        <v>570</v>
      </c>
      <c r="AT8" s="282">
        <v>587</v>
      </c>
      <c r="AU8" s="276">
        <v>0</v>
      </c>
      <c r="AV8" s="280">
        <v>0</v>
      </c>
      <c r="AW8" s="277">
        <v>0</v>
      </c>
      <c r="AX8" s="279">
        <v>0</v>
      </c>
      <c r="AY8" s="280">
        <v>1649</v>
      </c>
      <c r="AZ8" s="280">
        <v>1634</v>
      </c>
      <c r="BA8" s="280">
        <v>708</v>
      </c>
      <c r="BB8" s="280">
        <v>555</v>
      </c>
      <c r="BC8" s="280">
        <v>198</v>
      </c>
      <c r="BD8" s="281">
        <v>4744</v>
      </c>
      <c r="BE8" s="282">
        <v>4744</v>
      </c>
      <c r="BF8" s="276">
        <v>0</v>
      </c>
      <c r="BG8" s="280">
        <v>0</v>
      </c>
      <c r="BH8" s="277">
        <v>0</v>
      </c>
      <c r="BI8" s="279">
        <v>0</v>
      </c>
      <c r="BJ8" s="280">
        <v>263</v>
      </c>
      <c r="BK8" s="280">
        <v>487</v>
      </c>
      <c r="BL8" s="280">
        <v>284</v>
      </c>
      <c r="BM8" s="280">
        <v>172</v>
      </c>
      <c r="BN8" s="280">
        <v>107</v>
      </c>
      <c r="BO8" s="277">
        <v>1313</v>
      </c>
      <c r="BP8" s="282">
        <v>1313</v>
      </c>
      <c r="BQ8" s="276">
        <v>13</v>
      </c>
      <c r="BR8" s="280">
        <v>10</v>
      </c>
      <c r="BS8" s="277">
        <v>23</v>
      </c>
      <c r="BT8" s="279">
        <v>0</v>
      </c>
      <c r="BU8" s="280">
        <v>173</v>
      </c>
      <c r="BV8" s="280">
        <v>232</v>
      </c>
      <c r="BW8" s="280">
        <v>221</v>
      </c>
      <c r="BX8" s="280">
        <v>163</v>
      </c>
      <c r="BY8" s="280">
        <v>125</v>
      </c>
      <c r="BZ8" s="277">
        <v>914</v>
      </c>
      <c r="CA8" s="282">
        <v>937</v>
      </c>
      <c r="CB8" s="276">
        <v>0</v>
      </c>
      <c r="CC8" s="280">
        <v>0</v>
      </c>
      <c r="CD8" s="277">
        <v>0</v>
      </c>
      <c r="CE8" s="279">
        <v>0</v>
      </c>
      <c r="CF8" s="280">
        <v>43</v>
      </c>
      <c r="CG8" s="280">
        <v>29</v>
      </c>
      <c r="CH8" s="280">
        <v>45</v>
      </c>
      <c r="CI8" s="280">
        <v>59</v>
      </c>
      <c r="CJ8" s="280">
        <v>34</v>
      </c>
      <c r="CK8" s="277">
        <v>210</v>
      </c>
      <c r="CL8" s="282">
        <v>210</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2">
        <v>0</v>
      </c>
      <c r="F9" s="279">
        <v>0</v>
      </c>
      <c r="G9" s="280">
        <v>747</v>
      </c>
      <c r="H9" s="280">
        <v>1422</v>
      </c>
      <c r="I9" s="280">
        <v>1341</v>
      </c>
      <c r="J9" s="280">
        <v>1357</v>
      </c>
      <c r="K9" s="280">
        <v>1301</v>
      </c>
      <c r="L9" s="281">
        <v>6168</v>
      </c>
      <c r="M9" s="282">
        <v>6168</v>
      </c>
      <c r="N9" s="276">
        <v>0</v>
      </c>
      <c r="O9" s="280">
        <v>6</v>
      </c>
      <c r="P9" s="277">
        <v>6</v>
      </c>
      <c r="Q9" s="279">
        <v>0</v>
      </c>
      <c r="R9" s="280">
        <v>0</v>
      </c>
      <c r="S9" s="280">
        <v>5</v>
      </c>
      <c r="T9" s="280">
        <v>11</v>
      </c>
      <c r="U9" s="280">
        <v>19</v>
      </c>
      <c r="V9" s="280">
        <v>35</v>
      </c>
      <c r="W9" s="277">
        <v>70</v>
      </c>
      <c r="X9" s="282">
        <v>76</v>
      </c>
      <c r="Y9" s="276">
        <v>37</v>
      </c>
      <c r="Z9" s="280">
        <v>175</v>
      </c>
      <c r="AA9" s="277">
        <v>212</v>
      </c>
      <c r="AB9" s="279">
        <v>0</v>
      </c>
      <c r="AC9" s="280">
        <v>356</v>
      </c>
      <c r="AD9" s="280">
        <v>940</v>
      </c>
      <c r="AE9" s="280">
        <v>655</v>
      </c>
      <c r="AF9" s="280">
        <v>351</v>
      </c>
      <c r="AG9" s="280">
        <v>314</v>
      </c>
      <c r="AH9" s="277">
        <v>2616</v>
      </c>
      <c r="AI9" s="282">
        <v>2828</v>
      </c>
      <c r="AJ9" s="276">
        <v>0</v>
      </c>
      <c r="AK9" s="280">
        <v>19</v>
      </c>
      <c r="AL9" s="277">
        <v>19</v>
      </c>
      <c r="AM9" s="279">
        <v>0</v>
      </c>
      <c r="AN9" s="280">
        <v>32</v>
      </c>
      <c r="AO9" s="280">
        <v>6</v>
      </c>
      <c r="AP9" s="280">
        <v>20</v>
      </c>
      <c r="AQ9" s="280">
        <v>75</v>
      </c>
      <c r="AR9" s="280">
        <v>0</v>
      </c>
      <c r="AS9" s="277">
        <v>133</v>
      </c>
      <c r="AT9" s="282">
        <v>152</v>
      </c>
      <c r="AU9" s="276">
        <v>0</v>
      </c>
      <c r="AV9" s="280">
        <v>0</v>
      </c>
      <c r="AW9" s="277">
        <v>0</v>
      </c>
      <c r="AX9" s="279">
        <v>0</v>
      </c>
      <c r="AY9" s="280">
        <v>1055</v>
      </c>
      <c r="AZ9" s="280">
        <v>1139</v>
      </c>
      <c r="BA9" s="280">
        <v>861</v>
      </c>
      <c r="BB9" s="280">
        <v>426</v>
      </c>
      <c r="BC9" s="280">
        <v>112</v>
      </c>
      <c r="BD9" s="281">
        <v>3593</v>
      </c>
      <c r="BE9" s="282">
        <v>3593</v>
      </c>
      <c r="BF9" s="276">
        <v>0</v>
      </c>
      <c r="BG9" s="280">
        <v>0</v>
      </c>
      <c r="BH9" s="277">
        <v>0</v>
      </c>
      <c r="BI9" s="279">
        <v>0</v>
      </c>
      <c r="BJ9" s="280">
        <v>78</v>
      </c>
      <c r="BK9" s="280">
        <v>250</v>
      </c>
      <c r="BL9" s="280">
        <v>98</v>
      </c>
      <c r="BM9" s="280">
        <v>87</v>
      </c>
      <c r="BN9" s="280">
        <v>0</v>
      </c>
      <c r="BO9" s="277">
        <v>513</v>
      </c>
      <c r="BP9" s="282">
        <v>513</v>
      </c>
      <c r="BQ9" s="276">
        <v>0</v>
      </c>
      <c r="BR9" s="280">
        <v>4</v>
      </c>
      <c r="BS9" s="277">
        <v>4</v>
      </c>
      <c r="BT9" s="279">
        <v>0</v>
      </c>
      <c r="BU9" s="280">
        <v>94</v>
      </c>
      <c r="BV9" s="280">
        <v>142</v>
      </c>
      <c r="BW9" s="280">
        <v>327</v>
      </c>
      <c r="BX9" s="280">
        <v>374</v>
      </c>
      <c r="BY9" s="280">
        <v>15</v>
      </c>
      <c r="BZ9" s="277">
        <v>952</v>
      </c>
      <c r="CA9" s="282">
        <v>956</v>
      </c>
      <c r="CB9" s="276">
        <v>0</v>
      </c>
      <c r="CC9" s="280">
        <v>0</v>
      </c>
      <c r="CD9" s="277">
        <v>0</v>
      </c>
      <c r="CE9" s="279">
        <v>0</v>
      </c>
      <c r="CF9" s="280">
        <v>0</v>
      </c>
      <c r="CG9" s="280">
        <v>8</v>
      </c>
      <c r="CH9" s="280">
        <v>0</v>
      </c>
      <c r="CI9" s="280">
        <v>0</v>
      </c>
      <c r="CJ9" s="280">
        <v>9</v>
      </c>
      <c r="CK9" s="277">
        <v>17</v>
      </c>
      <c r="CL9" s="282">
        <v>17</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2">
        <v>0</v>
      </c>
      <c r="F10" s="279">
        <v>0</v>
      </c>
      <c r="G10" s="280">
        <v>1625</v>
      </c>
      <c r="H10" s="280">
        <v>1881</v>
      </c>
      <c r="I10" s="280">
        <v>1541</v>
      </c>
      <c r="J10" s="280">
        <v>1643</v>
      </c>
      <c r="K10" s="280">
        <v>1103</v>
      </c>
      <c r="L10" s="281">
        <v>7793</v>
      </c>
      <c r="M10" s="282">
        <v>7793</v>
      </c>
      <c r="N10" s="276">
        <v>0</v>
      </c>
      <c r="O10" s="280">
        <v>0</v>
      </c>
      <c r="P10" s="277">
        <v>0</v>
      </c>
      <c r="Q10" s="279">
        <v>0</v>
      </c>
      <c r="R10" s="280">
        <v>14</v>
      </c>
      <c r="S10" s="280">
        <v>10</v>
      </c>
      <c r="T10" s="280">
        <v>40</v>
      </c>
      <c r="U10" s="280">
        <v>90</v>
      </c>
      <c r="V10" s="280">
        <v>74</v>
      </c>
      <c r="W10" s="277">
        <v>228</v>
      </c>
      <c r="X10" s="282">
        <v>228</v>
      </c>
      <c r="Y10" s="276">
        <v>15</v>
      </c>
      <c r="Z10" s="280">
        <v>8</v>
      </c>
      <c r="AA10" s="277">
        <v>23</v>
      </c>
      <c r="AB10" s="279">
        <v>0</v>
      </c>
      <c r="AC10" s="280">
        <v>482</v>
      </c>
      <c r="AD10" s="280">
        <v>448</v>
      </c>
      <c r="AE10" s="280">
        <v>343</v>
      </c>
      <c r="AF10" s="280">
        <v>328</v>
      </c>
      <c r="AG10" s="280">
        <v>250</v>
      </c>
      <c r="AH10" s="277">
        <v>1851</v>
      </c>
      <c r="AI10" s="282">
        <v>1874</v>
      </c>
      <c r="AJ10" s="276">
        <v>0</v>
      </c>
      <c r="AK10" s="280">
        <v>0</v>
      </c>
      <c r="AL10" s="277">
        <v>0</v>
      </c>
      <c r="AM10" s="279">
        <v>0</v>
      </c>
      <c r="AN10" s="280">
        <v>110</v>
      </c>
      <c r="AO10" s="280">
        <v>36</v>
      </c>
      <c r="AP10" s="280">
        <v>148</v>
      </c>
      <c r="AQ10" s="280">
        <v>80</v>
      </c>
      <c r="AR10" s="280">
        <v>12</v>
      </c>
      <c r="AS10" s="277">
        <v>386</v>
      </c>
      <c r="AT10" s="282">
        <v>386</v>
      </c>
      <c r="AU10" s="276">
        <v>0</v>
      </c>
      <c r="AV10" s="280">
        <v>0</v>
      </c>
      <c r="AW10" s="277">
        <v>0</v>
      </c>
      <c r="AX10" s="279">
        <v>0</v>
      </c>
      <c r="AY10" s="280">
        <v>1245</v>
      </c>
      <c r="AZ10" s="280">
        <v>746</v>
      </c>
      <c r="BA10" s="280">
        <v>381</v>
      </c>
      <c r="BB10" s="280">
        <v>189</v>
      </c>
      <c r="BC10" s="280">
        <v>126</v>
      </c>
      <c r="BD10" s="281">
        <v>2687</v>
      </c>
      <c r="BE10" s="282">
        <v>2687</v>
      </c>
      <c r="BF10" s="276">
        <v>0</v>
      </c>
      <c r="BG10" s="280">
        <v>0</v>
      </c>
      <c r="BH10" s="277">
        <v>0</v>
      </c>
      <c r="BI10" s="279">
        <v>0</v>
      </c>
      <c r="BJ10" s="280">
        <v>156</v>
      </c>
      <c r="BK10" s="280">
        <v>176</v>
      </c>
      <c r="BL10" s="280">
        <v>128</v>
      </c>
      <c r="BM10" s="280">
        <v>39</v>
      </c>
      <c r="BN10" s="280">
        <v>3</v>
      </c>
      <c r="BO10" s="277">
        <v>502</v>
      </c>
      <c r="BP10" s="282">
        <v>502</v>
      </c>
      <c r="BQ10" s="276">
        <v>0</v>
      </c>
      <c r="BR10" s="280">
        <v>11</v>
      </c>
      <c r="BS10" s="277">
        <v>11</v>
      </c>
      <c r="BT10" s="279">
        <v>0</v>
      </c>
      <c r="BU10" s="280">
        <v>113</v>
      </c>
      <c r="BV10" s="280">
        <v>183</v>
      </c>
      <c r="BW10" s="280">
        <v>220</v>
      </c>
      <c r="BX10" s="280">
        <v>75</v>
      </c>
      <c r="BY10" s="280">
        <v>64</v>
      </c>
      <c r="BZ10" s="277">
        <v>655</v>
      </c>
      <c r="CA10" s="282">
        <v>666</v>
      </c>
      <c r="CB10" s="276">
        <v>0</v>
      </c>
      <c r="CC10" s="280">
        <v>0</v>
      </c>
      <c r="CD10" s="277">
        <v>0</v>
      </c>
      <c r="CE10" s="279">
        <v>0</v>
      </c>
      <c r="CF10" s="280">
        <v>2</v>
      </c>
      <c r="CG10" s="280">
        <v>0</v>
      </c>
      <c r="CH10" s="280">
        <v>14</v>
      </c>
      <c r="CI10" s="280">
        <v>10</v>
      </c>
      <c r="CJ10" s="280">
        <v>0</v>
      </c>
      <c r="CK10" s="277">
        <v>26</v>
      </c>
      <c r="CL10" s="282">
        <v>26</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2">
        <v>0</v>
      </c>
      <c r="F11" s="279">
        <v>0</v>
      </c>
      <c r="G11" s="280">
        <v>263</v>
      </c>
      <c r="H11" s="280">
        <v>756</v>
      </c>
      <c r="I11" s="280">
        <v>747</v>
      </c>
      <c r="J11" s="280">
        <v>602</v>
      </c>
      <c r="K11" s="280">
        <v>717</v>
      </c>
      <c r="L11" s="281">
        <v>3085</v>
      </c>
      <c r="M11" s="282">
        <v>3085</v>
      </c>
      <c r="N11" s="276">
        <v>0</v>
      </c>
      <c r="O11" s="280">
        <v>0</v>
      </c>
      <c r="P11" s="277">
        <v>0</v>
      </c>
      <c r="Q11" s="279">
        <v>0</v>
      </c>
      <c r="R11" s="280">
        <v>0</v>
      </c>
      <c r="S11" s="280">
        <v>3</v>
      </c>
      <c r="T11" s="280">
        <v>0</v>
      </c>
      <c r="U11" s="280">
        <v>3</v>
      </c>
      <c r="V11" s="280">
        <v>34</v>
      </c>
      <c r="W11" s="277">
        <v>40</v>
      </c>
      <c r="X11" s="282">
        <v>40</v>
      </c>
      <c r="Y11" s="276">
        <v>11</v>
      </c>
      <c r="Z11" s="280">
        <v>20</v>
      </c>
      <c r="AA11" s="277">
        <v>31</v>
      </c>
      <c r="AB11" s="279">
        <v>0</v>
      </c>
      <c r="AC11" s="280">
        <v>145</v>
      </c>
      <c r="AD11" s="280">
        <v>171</v>
      </c>
      <c r="AE11" s="280">
        <v>212</v>
      </c>
      <c r="AF11" s="280">
        <v>158</v>
      </c>
      <c r="AG11" s="280">
        <v>93</v>
      </c>
      <c r="AH11" s="277">
        <v>779</v>
      </c>
      <c r="AI11" s="282">
        <v>810</v>
      </c>
      <c r="AJ11" s="276">
        <v>0</v>
      </c>
      <c r="AK11" s="280">
        <v>26</v>
      </c>
      <c r="AL11" s="277">
        <v>26</v>
      </c>
      <c r="AM11" s="279">
        <v>0</v>
      </c>
      <c r="AN11" s="280">
        <v>34</v>
      </c>
      <c r="AO11" s="280">
        <v>44</v>
      </c>
      <c r="AP11" s="280">
        <v>55</v>
      </c>
      <c r="AQ11" s="280">
        <v>30</v>
      </c>
      <c r="AR11" s="280">
        <v>0</v>
      </c>
      <c r="AS11" s="277">
        <v>163</v>
      </c>
      <c r="AT11" s="282">
        <v>189</v>
      </c>
      <c r="AU11" s="276">
        <v>0</v>
      </c>
      <c r="AV11" s="280">
        <v>0</v>
      </c>
      <c r="AW11" s="277">
        <v>0</v>
      </c>
      <c r="AX11" s="279">
        <v>0</v>
      </c>
      <c r="AY11" s="280">
        <v>284</v>
      </c>
      <c r="AZ11" s="280">
        <v>361</v>
      </c>
      <c r="BA11" s="280">
        <v>287</v>
      </c>
      <c r="BB11" s="280">
        <v>136</v>
      </c>
      <c r="BC11" s="280">
        <v>96</v>
      </c>
      <c r="BD11" s="281">
        <v>1164</v>
      </c>
      <c r="BE11" s="282">
        <v>1164</v>
      </c>
      <c r="BF11" s="276">
        <v>0</v>
      </c>
      <c r="BG11" s="280">
        <v>0</v>
      </c>
      <c r="BH11" s="277">
        <v>0</v>
      </c>
      <c r="BI11" s="279">
        <v>0</v>
      </c>
      <c r="BJ11" s="280">
        <v>57</v>
      </c>
      <c r="BK11" s="280">
        <v>61</v>
      </c>
      <c r="BL11" s="280">
        <v>51</v>
      </c>
      <c r="BM11" s="280">
        <v>14</v>
      </c>
      <c r="BN11" s="280">
        <v>9</v>
      </c>
      <c r="BO11" s="277">
        <v>192</v>
      </c>
      <c r="BP11" s="282">
        <v>192</v>
      </c>
      <c r="BQ11" s="276">
        <v>5</v>
      </c>
      <c r="BR11" s="280">
        <v>11</v>
      </c>
      <c r="BS11" s="277">
        <v>16</v>
      </c>
      <c r="BT11" s="279">
        <v>0</v>
      </c>
      <c r="BU11" s="280">
        <v>44</v>
      </c>
      <c r="BV11" s="280">
        <v>45</v>
      </c>
      <c r="BW11" s="280">
        <v>140</v>
      </c>
      <c r="BX11" s="280">
        <v>110</v>
      </c>
      <c r="BY11" s="280">
        <v>67</v>
      </c>
      <c r="BZ11" s="277">
        <v>406</v>
      </c>
      <c r="CA11" s="282">
        <v>422</v>
      </c>
      <c r="CB11" s="276">
        <v>0</v>
      </c>
      <c r="CC11" s="280">
        <v>0</v>
      </c>
      <c r="CD11" s="277">
        <v>0</v>
      </c>
      <c r="CE11" s="279">
        <v>0</v>
      </c>
      <c r="CF11" s="280">
        <v>0</v>
      </c>
      <c r="CG11" s="280">
        <v>0</v>
      </c>
      <c r="CH11" s="280">
        <v>8</v>
      </c>
      <c r="CI11" s="280">
        <v>0</v>
      </c>
      <c r="CJ11" s="280">
        <v>0</v>
      </c>
      <c r="CK11" s="277">
        <v>8</v>
      </c>
      <c r="CL11" s="282">
        <v>8</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2">
        <v>0</v>
      </c>
      <c r="F12" s="279">
        <v>0</v>
      </c>
      <c r="G12" s="280">
        <v>694</v>
      </c>
      <c r="H12" s="280">
        <v>863</v>
      </c>
      <c r="I12" s="280">
        <v>1002</v>
      </c>
      <c r="J12" s="280">
        <v>1098</v>
      </c>
      <c r="K12" s="280">
        <v>1165</v>
      </c>
      <c r="L12" s="281">
        <v>4822</v>
      </c>
      <c r="M12" s="282">
        <v>4822</v>
      </c>
      <c r="N12" s="276">
        <v>0</v>
      </c>
      <c r="O12" s="280">
        <v>0</v>
      </c>
      <c r="P12" s="277">
        <v>0</v>
      </c>
      <c r="Q12" s="279">
        <v>0</v>
      </c>
      <c r="R12" s="280">
        <v>0</v>
      </c>
      <c r="S12" s="280">
        <v>8</v>
      </c>
      <c r="T12" s="280">
        <v>11</v>
      </c>
      <c r="U12" s="280">
        <v>17</v>
      </c>
      <c r="V12" s="280">
        <v>23</v>
      </c>
      <c r="W12" s="277">
        <v>59</v>
      </c>
      <c r="X12" s="282">
        <v>59</v>
      </c>
      <c r="Y12" s="276">
        <v>34</v>
      </c>
      <c r="Z12" s="280">
        <v>52</v>
      </c>
      <c r="AA12" s="277">
        <v>86</v>
      </c>
      <c r="AB12" s="279">
        <v>0</v>
      </c>
      <c r="AC12" s="280">
        <v>458</v>
      </c>
      <c r="AD12" s="280">
        <v>403</v>
      </c>
      <c r="AE12" s="280">
        <v>423</v>
      </c>
      <c r="AF12" s="280">
        <v>301</v>
      </c>
      <c r="AG12" s="280">
        <v>257</v>
      </c>
      <c r="AH12" s="277">
        <v>1842</v>
      </c>
      <c r="AI12" s="282">
        <v>1928</v>
      </c>
      <c r="AJ12" s="276">
        <v>0</v>
      </c>
      <c r="AK12" s="280">
        <v>0</v>
      </c>
      <c r="AL12" s="277">
        <v>0</v>
      </c>
      <c r="AM12" s="279">
        <v>0</v>
      </c>
      <c r="AN12" s="280">
        <v>32</v>
      </c>
      <c r="AO12" s="280">
        <v>57</v>
      </c>
      <c r="AP12" s="280">
        <v>26</v>
      </c>
      <c r="AQ12" s="280">
        <v>47</v>
      </c>
      <c r="AR12" s="280">
        <v>20</v>
      </c>
      <c r="AS12" s="277">
        <v>182</v>
      </c>
      <c r="AT12" s="282">
        <v>182</v>
      </c>
      <c r="AU12" s="276">
        <v>0</v>
      </c>
      <c r="AV12" s="280">
        <v>0</v>
      </c>
      <c r="AW12" s="277">
        <v>0</v>
      </c>
      <c r="AX12" s="279">
        <v>0</v>
      </c>
      <c r="AY12" s="280">
        <v>306</v>
      </c>
      <c r="AZ12" s="280">
        <v>360</v>
      </c>
      <c r="BA12" s="280">
        <v>218</v>
      </c>
      <c r="BB12" s="280">
        <v>116</v>
      </c>
      <c r="BC12" s="280">
        <v>24</v>
      </c>
      <c r="BD12" s="281">
        <v>1024</v>
      </c>
      <c r="BE12" s="282">
        <v>1024</v>
      </c>
      <c r="BF12" s="276">
        <v>0</v>
      </c>
      <c r="BG12" s="280">
        <v>0</v>
      </c>
      <c r="BH12" s="277">
        <v>0</v>
      </c>
      <c r="BI12" s="279">
        <v>0</v>
      </c>
      <c r="BJ12" s="280">
        <v>182</v>
      </c>
      <c r="BK12" s="280">
        <v>129</v>
      </c>
      <c r="BL12" s="280">
        <v>130</v>
      </c>
      <c r="BM12" s="280">
        <v>56</v>
      </c>
      <c r="BN12" s="280">
        <v>18</v>
      </c>
      <c r="BO12" s="277">
        <v>515</v>
      </c>
      <c r="BP12" s="282">
        <v>515</v>
      </c>
      <c r="BQ12" s="276">
        <v>0</v>
      </c>
      <c r="BR12" s="280">
        <v>0</v>
      </c>
      <c r="BS12" s="277">
        <v>0</v>
      </c>
      <c r="BT12" s="279">
        <v>0</v>
      </c>
      <c r="BU12" s="280">
        <v>99</v>
      </c>
      <c r="BV12" s="280">
        <v>45</v>
      </c>
      <c r="BW12" s="280">
        <v>77</v>
      </c>
      <c r="BX12" s="280">
        <v>216</v>
      </c>
      <c r="BY12" s="280">
        <v>10</v>
      </c>
      <c r="BZ12" s="277">
        <v>447</v>
      </c>
      <c r="CA12" s="282">
        <v>447</v>
      </c>
      <c r="CB12" s="276">
        <v>0</v>
      </c>
      <c r="CC12" s="280">
        <v>0</v>
      </c>
      <c r="CD12" s="277">
        <v>0</v>
      </c>
      <c r="CE12" s="279">
        <v>0</v>
      </c>
      <c r="CF12" s="280">
        <v>6</v>
      </c>
      <c r="CG12" s="280">
        <v>8</v>
      </c>
      <c r="CH12" s="280">
        <v>39</v>
      </c>
      <c r="CI12" s="280">
        <v>0</v>
      </c>
      <c r="CJ12" s="280">
        <v>10</v>
      </c>
      <c r="CK12" s="277">
        <v>63</v>
      </c>
      <c r="CL12" s="282">
        <v>63</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2">
        <v>0</v>
      </c>
      <c r="F13" s="279">
        <v>0</v>
      </c>
      <c r="G13" s="280">
        <v>1399</v>
      </c>
      <c r="H13" s="280">
        <v>1058</v>
      </c>
      <c r="I13" s="280">
        <v>720</v>
      </c>
      <c r="J13" s="280">
        <v>1681</v>
      </c>
      <c r="K13" s="280">
        <v>1188</v>
      </c>
      <c r="L13" s="281">
        <v>6046</v>
      </c>
      <c r="M13" s="282">
        <v>6046</v>
      </c>
      <c r="N13" s="276">
        <v>0</v>
      </c>
      <c r="O13" s="280">
        <v>0</v>
      </c>
      <c r="P13" s="277">
        <v>0</v>
      </c>
      <c r="Q13" s="279">
        <v>0</v>
      </c>
      <c r="R13" s="280">
        <v>0</v>
      </c>
      <c r="S13" s="280">
        <v>10</v>
      </c>
      <c r="T13" s="280">
        <v>14</v>
      </c>
      <c r="U13" s="280">
        <v>26</v>
      </c>
      <c r="V13" s="280">
        <v>58</v>
      </c>
      <c r="W13" s="277">
        <v>108</v>
      </c>
      <c r="X13" s="282">
        <v>108</v>
      </c>
      <c r="Y13" s="276">
        <v>59</v>
      </c>
      <c r="Z13" s="280">
        <v>115</v>
      </c>
      <c r="AA13" s="277">
        <v>174</v>
      </c>
      <c r="AB13" s="279">
        <v>0</v>
      </c>
      <c r="AC13" s="280">
        <v>624</v>
      </c>
      <c r="AD13" s="280">
        <v>364</v>
      </c>
      <c r="AE13" s="280">
        <v>191</v>
      </c>
      <c r="AF13" s="280">
        <v>276</v>
      </c>
      <c r="AG13" s="280">
        <v>124</v>
      </c>
      <c r="AH13" s="277">
        <v>1579</v>
      </c>
      <c r="AI13" s="282">
        <v>1753</v>
      </c>
      <c r="AJ13" s="276">
        <v>6</v>
      </c>
      <c r="AK13" s="280">
        <v>41</v>
      </c>
      <c r="AL13" s="277">
        <v>47</v>
      </c>
      <c r="AM13" s="279">
        <v>0</v>
      </c>
      <c r="AN13" s="280">
        <v>109</v>
      </c>
      <c r="AO13" s="280">
        <v>84</v>
      </c>
      <c r="AP13" s="280">
        <v>25</v>
      </c>
      <c r="AQ13" s="280">
        <v>32</v>
      </c>
      <c r="AR13" s="280">
        <v>77</v>
      </c>
      <c r="AS13" s="277">
        <v>327</v>
      </c>
      <c r="AT13" s="282">
        <v>374</v>
      </c>
      <c r="AU13" s="276">
        <v>0</v>
      </c>
      <c r="AV13" s="280">
        <v>0</v>
      </c>
      <c r="AW13" s="277">
        <v>0</v>
      </c>
      <c r="AX13" s="279">
        <v>0</v>
      </c>
      <c r="AY13" s="280">
        <v>1023</v>
      </c>
      <c r="AZ13" s="280">
        <v>629</v>
      </c>
      <c r="BA13" s="280">
        <v>323</v>
      </c>
      <c r="BB13" s="280">
        <v>231</v>
      </c>
      <c r="BC13" s="280">
        <v>58</v>
      </c>
      <c r="BD13" s="281">
        <v>2264</v>
      </c>
      <c r="BE13" s="282">
        <v>2264</v>
      </c>
      <c r="BF13" s="276">
        <v>0</v>
      </c>
      <c r="BG13" s="280">
        <v>0</v>
      </c>
      <c r="BH13" s="277">
        <v>0</v>
      </c>
      <c r="BI13" s="279">
        <v>0</v>
      </c>
      <c r="BJ13" s="280">
        <v>149</v>
      </c>
      <c r="BK13" s="280">
        <v>97</v>
      </c>
      <c r="BL13" s="280">
        <v>39</v>
      </c>
      <c r="BM13" s="280">
        <v>37</v>
      </c>
      <c r="BN13" s="280">
        <v>18</v>
      </c>
      <c r="BO13" s="277">
        <v>340</v>
      </c>
      <c r="BP13" s="282">
        <v>340</v>
      </c>
      <c r="BQ13" s="276">
        <v>0</v>
      </c>
      <c r="BR13" s="280">
        <v>33</v>
      </c>
      <c r="BS13" s="277">
        <v>33</v>
      </c>
      <c r="BT13" s="279">
        <v>0</v>
      </c>
      <c r="BU13" s="280">
        <v>81</v>
      </c>
      <c r="BV13" s="280">
        <v>107</v>
      </c>
      <c r="BW13" s="280">
        <v>144</v>
      </c>
      <c r="BX13" s="280">
        <v>129</v>
      </c>
      <c r="BY13" s="280">
        <v>11</v>
      </c>
      <c r="BZ13" s="277">
        <v>472</v>
      </c>
      <c r="CA13" s="282">
        <v>505</v>
      </c>
      <c r="CB13" s="276">
        <v>0</v>
      </c>
      <c r="CC13" s="280">
        <v>0</v>
      </c>
      <c r="CD13" s="277">
        <v>0</v>
      </c>
      <c r="CE13" s="279">
        <v>0</v>
      </c>
      <c r="CF13" s="280">
        <v>4</v>
      </c>
      <c r="CG13" s="280">
        <v>16</v>
      </c>
      <c r="CH13" s="280">
        <v>37</v>
      </c>
      <c r="CI13" s="280">
        <v>4</v>
      </c>
      <c r="CJ13" s="280">
        <v>9</v>
      </c>
      <c r="CK13" s="277">
        <v>70</v>
      </c>
      <c r="CL13" s="282">
        <v>70</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2">
        <v>0</v>
      </c>
      <c r="F14" s="279">
        <v>0</v>
      </c>
      <c r="G14" s="280">
        <v>89</v>
      </c>
      <c r="H14" s="280">
        <v>187</v>
      </c>
      <c r="I14" s="280">
        <v>349</v>
      </c>
      <c r="J14" s="280">
        <v>365</v>
      </c>
      <c r="K14" s="280">
        <v>502</v>
      </c>
      <c r="L14" s="281">
        <v>1492</v>
      </c>
      <c r="M14" s="282">
        <v>1492</v>
      </c>
      <c r="N14" s="276">
        <v>0</v>
      </c>
      <c r="O14" s="280">
        <v>0</v>
      </c>
      <c r="P14" s="277">
        <v>0</v>
      </c>
      <c r="Q14" s="279">
        <v>0</v>
      </c>
      <c r="R14" s="280">
        <v>0</v>
      </c>
      <c r="S14" s="280">
        <v>14</v>
      </c>
      <c r="T14" s="280">
        <v>4</v>
      </c>
      <c r="U14" s="280">
        <v>29</v>
      </c>
      <c r="V14" s="280">
        <v>28</v>
      </c>
      <c r="W14" s="277">
        <v>75</v>
      </c>
      <c r="X14" s="282">
        <v>75</v>
      </c>
      <c r="Y14" s="276">
        <v>25</v>
      </c>
      <c r="Z14" s="280">
        <v>47</v>
      </c>
      <c r="AA14" s="277">
        <v>72</v>
      </c>
      <c r="AB14" s="279">
        <v>0</v>
      </c>
      <c r="AC14" s="280">
        <v>166</v>
      </c>
      <c r="AD14" s="280">
        <v>184</v>
      </c>
      <c r="AE14" s="280">
        <v>134</v>
      </c>
      <c r="AF14" s="280">
        <v>127</v>
      </c>
      <c r="AG14" s="280">
        <v>108</v>
      </c>
      <c r="AH14" s="277">
        <v>719</v>
      </c>
      <c r="AI14" s="282">
        <v>791</v>
      </c>
      <c r="AJ14" s="276">
        <v>0</v>
      </c>
      <c r="AK14" s="280">
        <v>19</v>
      </c>
      <c r="AL14" s="277">
        <v>19</v>
      </c>
      <c r="AM14" s="279">
        <v>0</v>
      </c>
      <c r="AN14" s="280">
        <v>32</v>
      </c>
      <c r="AO14" s="280">
        <v>12</v>
      </c>
      <c r="AP14" s="280">
        <v>27</v>
      </c>
      <c r="AQ14" s="280">
        <v>60</v>
      </c>
      <c r="AR14" s="280">
        <v>18</v>
      </c>
      <c r="AS14" s="277">
        <v>149</v>
      </c>
      <c r="AT14" s="282">
        <v>168</v>
      </c>
      <c r="AU14" s="276">
        <v>0</v>
      </c>
      <c r="AV14" s="280">
        <v>0</v>
      </c>
      <c r="AW14" s="277">
        <v>0</v>
      </c>
      <c r="AX14" s="279">
        <v>0</v>
      </c>
      <c r="AY14" s="280">
        <v>305</v>
      </c>
      <c r="AZ14" s="280">
        <v>237</v>
      </c>
      <c r="BA14" s="280">
        <v>260</v>
      </c>
      <c r="BB14" s="280">
        <v>137</v>
      </c>
      <c r="BC14" s="280">
        <v>26</v>
      </c>
      <c r="BD14" s="281">
        <v>965</v>
      </c>
      <c r="BE14" s="282">
        <v>965</v>
      </c>
      <c r="BF14" s="276">
        <v>0</v>
      </c>
      <c r="BG14" s="280">
        <v>0</v>
      </c>
      <c r="BH14" s="277">
        <v>0</v>
      </c>
      <c r="BI14" s="279">
        <v>0</v>
      </c>
      <c r="BJ14" s="280">
        <v>142</v>
      </c>
      <c r="BK14" s="280">
        <v>111</v>
      </c>
      <c r="BL14" s="280">
        <v>45</v>
      </c>
      <c r="BM14" s="280">
        <v>86</v>
      </c>
      <c r="BN14" s="280">
        <v>4</v>
      </c>
      <c r="BO14" s="277">
        <v>388</v>
      </c>
      <c r="BP14" s="282">
        <v>388</v>
      </c>
      <c r="BQ14" s="276">
        <v>0</v>
      </c>
      <c r="BR14" s="280">
        <v>0</v>
      </c>
      <c r="BS14" s="277">
        <v>0</v>
      </c>
      <c r="BT14" s="279">
        <v>0</v>
      </c>
      <c r="BU14" s="280">
        <v>34</v>
      </c>
      <c r="BV14" s="280">
        <v>95</v>
      </c>
      <c r="BW14" s="280">
        <v>79</v>
      </c>
      <c r="BX14" s="280">
        <v>70</v>
      </c>
      <c r="BY14" s="280">
        <v>0</v>
      </c>
      <c r="BZ14" s="277">
        <v>278</v>
      </c>
      <c r="CA14" s="282">
        <v>278</v>
      </c>
      <c r="CB14" s="276">
        <v>0</v>
      </c>
      <c r="CC14" s="280">
        <v>0</v>
      </c>
      <c r="CD14" s="277">
        <v>0</v>
      </c>
      <c r="CE14" s="279">
        <v>0</v>
      </c>
      <c r="CF14" s="280">
        <v>0</v>
      </c>
      <c r="CG14" s="280">
        <v>13</v>
      </c>
      <c r="CH14" s="280">
        <v>2</v>
      </c>
      <c r="CI14" s="280">
        <v>4</v>
      </c>
      <c r="CJ14" s="280">
        <v>0</v>
      </c>
      <c r="CK14" s="277">
        <v>19</v>
      </c>
      <c r="CL14" s="282">
        <v>19</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2">
        <v>0</v>
      </c>
      <c r="F15" s="279">
        <v>0</v>
      </c>
      <c r="G15" s="280">
        <v>462</v>
      </c>
      <c r="H15" s="280">
        <v>555</v>
      </c>
      <c r="I15" s="280">
        <v>765</v>
      </c>
      <c r="J15" s="280">
        <v>1120</v>
      </c>
      <c r="K15" s="280">
        <v>703</v>
      </c>
      <c r="L15" s="281">
        <v>3605</v>
      </c>
      <c r="M15" s="282">
        <v>3605</v>
      </c>
      <c r="N15" s="276">
        <v>0</v>
      </c>
      <c r="O15" s="280">
        <v>0</v>
      </c>
      <c r="P15" s="277">
        <v>0</v>
      </c>
      <c r="Q15" s="279">
        <v>0</v>
      </c>
      <c r="R15" s="280">
        <v>0</v>
      </c>
      <c r="S15" s="280">
        <v>7</v>
      </c>
      <c r="T15" s="280">
        <v>9</v>
      </c>
      <c r="U15" s="280">
        <v>28</v>
      </c>
      <c r="V15" s="280">
        <v>13</v>
      </c>
      <c r="W15" s="277">
        <v>57</v>
      </c>
      <c r="X15" s="282">
        <v>57</v>
      </c>
      <c r="Y15" s="276">
        <v>43</v>
      </c>
      <c r="Z15" s="280">
        <v>98</v>
      </c>
      <c r="AA15" s="277">
        <v>141</v>
      </c>
      <c r="AB15" s="279">
        <v>0</v>
      </c>
      <c r="AC15" s="280">
        <v>149</v>
      </c>
      <c r="AD15" s="280">
        <v>245</v>
      </c>
      <c r="AE15" s="280">
        <v>215</v>
      </c>
      <c r="AF15" s="280">
        <v>127</v>
      </c>
      <c r="AG15" s="280">
        <v>80</v>
      </c>
      <c r="AH15" s="277">
        <v>816</v>
      </c>
      <c r="AI15" s="282">
        <v>957</v>
      </c>
      <c r="AJ15" s="276">
        <v>0</v>
      </c>
      <c r="AK15" s="280">
        <v>14</v>
      </c>
      <c r="AL15" s="277">
        <v>14</v>
      </c>
      <c r="AM15" s="279">
        <v>0</v>
      </c>
      <c r="AN15" s="280">
        <v>0</v>
      </c>
      <c r="AO15" s="280">
        <v>46</v>
      </c>
      <c r="AP15" s="280">
        <v>21</v>
      </c>
      <c r="AQ15" s="280">
        <v>1</v>
      </c>
      <c r="AR15" s="280">
        <v>18</v>
      </c>
      <c r="AS15" s="277">
        <v>86</v>
      </c>
      <c r="AT15" s="282">
        <v>100</v>
      </c>
      <c r="AU15" s="276">
        <v>0</v>
      </c>
      <c r="AV15" s="280">
        <v>0</v>
      </c>
      <c r="AW15" s="277">
        <v>0</v>
      </c>
      <c r="AX15" s="279">
        <v>0</v>
      </c>
      <c r="AY15" s="280">
        <v>467</v>
      </c>
      <c r="AZ15" s="280">
        <v>294</v>
      </c>
      <c r="BA15" s="280">
        <v>217</v>
      </c>
      <c r="BB15" s="280">
        <v>103</v>
      </c>
      <c r="BC15" s="280">
        <v>0</v>
      </c>
      <c r="BD15" s="281">
        <v>1081</v>
      </c>
      <c r="BE15" s="282">
        <v>1081</v>
      </c>
      <c r="BF15" s="276">
        <v>0</v>
      </c>
      <c r="BG15" s="280">
        <v>0</v>
      </c>
      <c r="BH15" s="277">
        <v>0</v>
      </c>
      <c r="BI15" s="279">
        <v>0</v>
      </c>
      <c r="BJ15" s="280">
        <v>39</v>
      </c>
      <c r="BK15" s="280">
        <v>110</v>
      </c>
      <c r="BL15" s="280">
        <v>105</v>
      </c>
      <c r="BM15" s="280">
        <v>68</v>
      </c>
      <c r="BN15" s="280">
        <v>9</v>
      </c>
      <c r="BO15" s="277">
        <v>331</v>
      </c>
      <c r="BP15" s="282">
        <v>331</v>
      </c>
      <c r="BQ15" s="276">
        <v>4</v>
      </c>
      <c r="BR15" s="280">
        <v>17</v>
      </c>
      <c r="BS15" s="277">
        <v>21</v>
      </c>
      <c r="BT15" s="279">
        <v>0</v>
      </c>
      <c r="BU15" s="280">
        <v>63</v>
      </c>
      <c r="BV15" s="280">
        <v>34</v>
      </c>
      <c r="BW15" s="280">
        <v>27</v>
      </c>
      <c r="BX15" s="280">
        <v>77</v>
      </c>
      <c r="BY15" s="280">
        <v>59</v>
      </c>
      <c r="BZ15" s="277">
        <v>260</v>
      </c>
      <c r="CA15" s="282">
        <v>281</v>
      </c>
      <c r="CB15" s="276">
        <v>0</v>
      </c>
      <c r="CC15" s="280">
        <v>0</v>
      </c>
      <c r="CD15" s="277">
        <v>0</v>
      </c>
      <c r="CE15" s="279">
        <v>0</v>
      </c>
      <c r="CF15" s="280">
        <v>0</v>
      </c>
      <c r="CG15" s="280">
        <v>4</v>
      </c>
      <c r="CH15" s="280">
        <v>11</v>
      </c>
      <c r="CI15" s="280">
        <v>0</v>
      </c>
      <c r="CJ15" s="280">
        <v>0</v>
      </c>
      <c r="CK15" s="277">
        <v>15</v>
      </c>
      <c r="CL15" s="282">
        <v>15</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2">
        <v>0</v>
      </c>
      <c r="F16" s="279">
        <v>0</v>
      </c>
      <c r="G16" s="280">
        <v>214</v>
      </c>
      <c r="H16" s="280">
        <v>170</v>
      </c>
      <c r="I16" s="280">
        <v>165</v>
      </c>
      <c r="J16" s="280">
        <v>676</v>
      </c>
      <c r="K16" s="280">
        <v>359</v>
      </c>
      <c r="L16" s="281">
        <v>1584</v>
      </c>
      <c r="M16" s="282">
        <v>1584</v>
      </c>
      <c r="N16" s="276">
        <v>0</v>
      </c>
      <c r="O16" s="280">
        <v>0</v>
      </c>
      <c r="P16" s="277">
        <v>0</v>
      </c>
      <c r="Q16" s="279">
        <v>0</v>
      </c>
      <c r="R16" s="280">
        <v>0</v>
      </c>
      <c r="S16" s="280">
        <v>0</v>
      </c>
      <c r="T16" s="280">
        <v>0</v>
      </c>
      <c r="U16" s="280">
        <v>18</v>
      </c>
      <c r="V16" s="280">
        <v>37</v>
      </c>
      <c r="W16" s="277">
        <v>55</v>
      </c>
      <c r="X16" s="282">
        <v>55</v>
      </c>
      <c r="Y16" s="276">
        <v>8</v>
      </c>
      <c r="Z16" s="280">
        <v>16</v>
      </c>
      <c r="AA16" s="277">
        <v>24</v>
      </c>
      <c r="AB16" s="279">
        <v>0</v>
      </c>
      <c r="AC16" s="280">
        <v>62</v>
      </c>
      <c r="AD16" s="280">
        <v>81</v>
      </c>
      <c r="AE16" s="280">
        <v>121</v>
      </c>
      <c r="AF16" s="280">
        <v>87</v>
      </c>
      <c r="AG16" s="280">
        <v>96</v>
      </c>
      <c r="AH16" s="277">
        <v>447</v>
      </c>
      <c r="AI16" s="282">
        <v>471</v>
      </c>
      <c r="AJ16" s="276">
        <v>0</v>
      </c>
      <c r="AK16" s="280">
        <v>8</v>
      </c>
      <c r="AL16" s="277">
        <v>8</v>
      </c>
      <c r="AM16" s="279">
        <v>0</v>
      </c>
      <c r="AN16" s="280">
        <v>28</v>
      </c>
      <c r="AO16" s="280">
        <v>0</v>
      </c>
      <c r="AP16" s="280">
        <v>0</v>
      </c>
      <c r="AQ16" s="280">
        <v>24</v>
      </c>
      <c r="AR16" s="280">
        <v>8</v>
      </c>
      <c r="AS16" s="277">
        <v>60</v>
      </c>
      <c r="AT16" s="282">
        <v>68</v>
      </c>
      <c r="AU16" s="276">
        <v>0</v>
      </c>
      <c r="AV16" s="280">
        <v>0</v>
      </c>
      <c r="AW16" s="277">
        <v>0</v>
      </c>
      <c r="AX16" s="279">
        <v>0</v>
      </c>
      <c r="AY16" s="280">
        <v>119</v>
      </c>
      <c r="AZ16" s="280">
        <v>120</v>
      </c>
      <c r="BA16" s="280">
        <v>118</v>
      </c>
      <c r="BB16" s="280">
        <v>64</v>
      </c>
      <c r="BC16" s="280">
        <v>44</v>
      </c>
      <c r="BD16" s="281">
        <v>465</v>
      </c>
      <c r="BE16" s="282">
        <v>465</v>
      </c>
      <c r="BF16" s="276">
        <v>0</v>
      </c>
      <c r="BG16" s="280">
        <v>0</v>
      </c>
      <c r="BH16" s="277">
        <v>0</v>
      </c>
      <c r="BI16" s="279">
        <v>0</v>
      </c>
      <c r="BJ16" s="280">
        <v>5</v>
      </c>
      <c r="BK16" s="280">
        <v>52</v>
      </c>
      <c r="BL16" s="280">
        <v>18</v>
      </c>
      <c r="BM16" s="280">
        <v>37</v>
      </c>
      <c r="BN16" s="280">
        <v>13</v>
      </c>
      <c r="BO16" s="277">
        <v>125</v>
      </c>
      <c r="BP16" s="282">
        <v>125</v>
      </c>
      <c r="BQ16" s="276">
        <v>0</v>
      </c>
      <c r="BR16" s="280">
        <v>0</v>
      </c>
      <c r="BS16" s="277">
        <v>0</v>
      </c>
      <c r="BT16" s="279">
        <v>0</v>
      </c>
      <c r="BU16" s="280">
        <v>7</v>
      </c>
      <c r="BV16" s="280">
        <v>1</v>
      </c>
      <c r="BW16" s="280">
        <v>29</v>
      </c>
      <c r="BX16" s="280">
        <v>24</v>
      </c>
      <c r="BY16" s="280">
        <v>3</v>
      </c>
      <c r="BZ16" s="277">
        <v>64</v>
      </c>
      <c r="CA16" s="282">
        <v>64</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2">
        <v>0</v>
      </c>
      <c r="F17" s="279">
        <v>0</v>
      </c>
      <c r="G17" s="280">
        <v>9</v>
      </c>
      <c r="H17" s="280">
        <v>142</v>
      </c>
      <c r="I17" s="280">
        <v>138</v>
      </c>
      <c r="J17" s="280">
        <v>185</v>
      </c>
      <c r="K17" s="280">
        <v>109</v>
      </c>
      <c r="L17" s="281">
        <v>583</v>
      </c>
      <c r="M17" s="282">
        <v>583</v>
      </c>
      <c r="N17" s="276">
        <v>0</v>
      </c>
      <c r="O17" s="280">
        <v>0</v>
      </c>
      <c r="P17" s="277">
        <v>0</v>
      </c>
      <c r="Q17" s="279">
        <v>0</v>
      </c>
      <c r="R17" s="280">
        <v>0</v>
      </c>
      <c r="S17" s="280">
        <v>0</v>
      </c>
      <c r="T17" s="280">
        <v>0</v>
      </c>
      <c r="U17" s="280">
        <v>4</v>
      </c>
      <c r="V17" s="280">
        <v>0</v>
      </c>
      <c r="W17" s="277">
        <v>4</v>
      </c>
      <c r="X17" s="282">
        <v>4</v>
      </c>
      <c r="Y17" s="276">
        <v>0</v>
      </c>
      <c r="Z17" s="280">
        <v>10</v>
      </c>
      <c r="AA17" s="277">
        <v>10</v>
      </c>
      <c r="AB17" s="279">
        <v>0</v>
      </c>
      <c r="AC17" s="280">
        <v>25</v>
      </c>
      <c r="AD17" s="280">
        <v>38</v>
      </c>
      <c r="AE17" s="280">
        <v>25</v>
      </c>
      <c r="AF17" s="280">
        <v>26</v>
      </c>
      <c r="AG17" s="280">
        <v>6</v>
      </c>
      <c r="AH17" s="277">
        <v>120</v>
      </c>
      <c r="AI17" s="282">
        <v>130</v>
      </c>
      <c r="AJ17" s="276">
        <v>0</v>
      </c>
      <c r="AK17" s="280">
        <v>0</v>
      </c>
      <c r="AL17" s="277">
        <v>0</v>
      </c>
      <c r="AM17" s="279">
        <v>0</v>
      </c>
      <c r="AN17" s="280">
        <v>6</v>
      </c>
      <c r="AO17" s="280">
        <v>18</v>
      </c>
      <c r="AP17" s="280">
        <v>0</v>
      </c>
      <c r="AQ17" s="280">
        <v>0</v>
      </c>
      <c r="AR17" s="280">
        <v>9</v>
      </c>
      <c r="AS17" s="277">
        <v>33</v>
      </c>
      <c r="AT17" s="282">
        <v>33</v>
      </c>
      <c r="AU17" s="276">
        <v>0</v>
      </c>
      <c r="AV17" s="280">
        <v>0</v>
      </c>
      <c r="AW17" s="277">
        <v>0</v>
      </c>
      <c r="AX17" s="279">
        <v>0</v>
      </c>
      <c r="AY17" s="280">
        <v>46</v>
      </c>
      <c r="AZ17" s="280">
        <v>18</v>
      </c>
      <c r="BA17" s="280">
        <v>47</v>
      </c>
      <c r="BB17" s="280">
        <v>9</v>
      </c>
      <c r="BC17" s="280">
        <v>3</v>
      </c>
      <c r="BD17" s="281">
        <v>123</v>
      </c>
      <c r="BE17" s="282">
        <v>123</v>
      </c>
      <c r="BF17" s="276">
        <v>0</v>
      </c>
      <c r="BG17" s="280">
        <v>0</v>
      </c>
      <c r="BH17" s="277">
        <v>0</v>
      </c>
      <c r="BI17" s="279">
        <v>0</v>
      </c>
      <c r="BJ17" s="280">
        <v>24</v>
      </c>
      <c r="BK17" s="280">
        <v>25</v>
      </c>
      <c r="BL17" s="280">
        <v>25</v>
      </c>
      <c r="BM17" s="280">
        <v>8</v>
      </c>
      <c r="BN17" s="280">
        <v>0</v>
      </c>
      <c r="BO17" s="277">
        <v>82</v>
      </c>
      <c r="BP17" s="282">
        <v>82</v>
      </c>
      <c r="BQ17" s="276">
        <v>0</v>
      </c>
      <c r="BR17" s="280">
        <v>0</v>
      </c>
      <c r="BS17" s="277">
        <v>0</v>
      </c>
      <c r="BT17" s="279">
        <v>0</v>
      </c>
      <c r="BU17" s="280">
        <v>2</v>
      </c>
      <c r="BV17" s="280">
        <v>12</v>
      </c>
      <c r="BW17" s="280">
        <v>33</v>
      </c>
      <c r="BX17" s="280">
        <v>30</v>
      </c>
      <c r="BY17" s="280">
        <v>77</v>
      </c>
      <c r="BZ17" s="277">
        <v>154</v>
      </c>
      <c r="CA17" s="282">
        <v>154</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2">
        <v>0</v>
      </c>
      <c r="F18" s="279">
        <v>0</v>
      </c>
      <c r="G18" s="280">
        <v>135</v>
      </c>
      <c r="H18" s="280">
        <v>99</v>
      </c>
      <c r="I18" s="280">
        <v>64</v>
      </c>
      <c r="J18" s="280">
        <v>131</v>
      </c>
      <c r="K18" s="280">
        <v>102</v>
      </c>
      <c r="L18" s="281">
        <v>531</v>
      </c>
      <c r="M18" s="282">
        <v>531</v>
      </c>
      <c r="N18" s="276">
        <v>0</v>
      </c>
      <c r="O18" s="280">
        <v>0</v>
      </c>
      <c r="P18" s="277">
        <v>0</v>
      </c>
      <c r="Q18" s="279">
        <v>0</v>
      </c>
      <c r="R18" s="280">
        <v>0</v>
      </c>
      <c r="S18" s="280">
        <v>0</v>
      </c>
      <c r="T18" s="280">
        <v>1</v>
      </c>
      <c r="U18" s="280">
        <v>5</v>
      </c>
      <c r="V18" s="280">
        <v>13</v>
      </c>
      <c r="W18" s="277">
        <v>19</v>
      </c>
      <c r="X18" s="282">
        <v>19</v>
      </c>
      <c r="Y18" s="276">
        <v>10</v>
      </c>
      <c r="Z18" s="280">
        <v>41</v>
      </c>
      <c r="AA18" s="277">
        <v>51</v>
      </c>
      <c r="AB18" s="279">
        <v>0</v>
      </c>
      <c r="AC18" s="280">
        <v>109</v>
      </c>
      <c r="AD18" s="280">
        <v>79</v>
      </c>
      <c r="AE18" s="280">
        <v>78</v>
      </c>
      <c r="AF18" s="280">
        <v>195</v>
      </c>
      <c r="AG18" s="280">
        <v>23</v>
      </c>
      <c r="AH18" s="277">
        <v>484</v>
      </c>
      <c r="AI18" s="282">
        <v>535</v>
      </c>
      <c r="AJ18" s="276">
        <v>0</v>
      </c>
      <c r="AK18" s="280">
        <v>23</v>
      </c>
      <c r="AL18" s="277">
        <v>23</v>
      </c>
      <c r="AM18" s="279">
        <v>0</v>
      </c>
      <c r="AN18" s="280">
        <v>0</v>
      </c>
      <c r="AO18" s="280">
        <v>36</v>
      </c>
      <c r="AP18" s="280">
        <v>0</v>
      </c>
      <c r="AQ18" s="280">
        <v>0</v>
      </c>
      <c r="AR18" s="280">
        <v>0</v>
      </c>
      <c r="AS18" s="277">
        <v>36</v>
      </c>
      <c r="AT18" s="282">
        <v>59</v>
      </c>
      <c r="AU18" s="276">
        <v>0</v>
      </c>
      <c r="AV18" s="280">
        <v>0</v>
      </c>
      <c r="AW18" s="277">
        <v>0</v>
      </c>
      <c r="AX18" s="279">
        <v>0</v>
      </c>
      <c r="AY18" s="280">
        <v>204</v>
      </c>
      <c r="AZ18" s="280">
        <v>232</v>
      </c>
      <c r="BA18" s="280">
        <v>63</v>
      </c>
      <c r="BB18" s="280">
        <v>69</v>
      </c>
      <c r="BC18" s="280">
        <v>5</v>
      </c>
      <c r="BD18" s="281">
        <v>573</v>
      </c>
      <c r="BE18" s="282">
        <v>573</v>
      </c>
      <c r="BF18" s="276">
        <v>0</v>
      </c>
      <c r="BG18" s="280">
        <v>0</v>
      </c>
      <c r="BH18" s="277">
        <v>0</v>
      </c>
      <c r="BI18" s="279">
        <v>0</v>
      </c>
      <c r="BJ18" s="280">
        <v>153</v>
      </c>
      <c r="BK18" s="280">
        <v>240</v>
      </c>
      <c r="BL18" s="280">
        <v>34</v>
      </c>
      <c r="BM18" s="280">
        <v>19</v>
      </c>
      <c r="BN18" s="280">
        <v>0</v>
      </c>
      <c r="BO18" s="277">
        <v>446</v>
      </c>
      <c r="BP18" s="282">
        <v>446</v>
      </c>
      <c r="BQ18" s="276">
        <v>0</v>
      </c>
      <c r="BR18" s="280">
        <v>0</v>
      </c>
      <c r="BS18" s="277">
        <v>0</v>
      </c>
      <c r="BT18" s="279">
        <v>0</v>
      </c>
      <c r="BU18" s="280">
        <v>4</v>
      </c>
      <c r="BV18" s="280">
        <v>15</v>
      </c>
      <c r="BW18" s="280">
        <v>19</v>
      </c>
      <c r="BX18" s="280">
        <v>60</v>
      </c>
      <c r="BY18" s="280">
        <v>0</v>
      </c>
      <c r="BZ18" s="277">
        <v>98</v>
      </c>
      <c r="CA18" s="282">
        <v>98</v>
      </c>
      <c r="CB18" s="276">
        <v>0</v>
      </c>
      <c r="CC18" s="280">
        <v>0</v>
      </c>
      <c r="CD18" s="277">
        <v>0</v>
      </c>
      <c r="CE18" s="279">
        <v>0</v>
      </c>
      <c r="CF18" s="280">
        <v>2</v>
      </c>
      <c r="CG18" s="280">
        <v>8</v>
      </c>
      <c r="CH18" s="280">
        <v>0</v>
      </c>
      <c r="CI18" s="280">
        <v>3</v>
      </c>
      <c r="CJ18" s="280">
        <v>0</v>
      </c>
      <c r="CK18" s="277">
        <v>13</v>
      </c>
      <c r="CL18" s="282">
        <v>13</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2">
        <v>0</v>
      </c>
      <c r="F19" s="279">
        <v>0</v>
      </c>
      <c r="G19" s="280">
        <v>62</v>
      </c>
      <c r="H19" s="280">
        <v>228</v>
      </c>
      <c r="I19" s="280">
        <v>428</v>
      </c>
      <c r="J19" s="280">
        <v>235</v>
      </c>
      <c r="K19" s="280">
        <v>687</v>
      </c>
      <c r="L19" s="281">
        <v>1640</v>
      </c>
      <c r="M19" s="282">
        <v>1640</v>
      </c>
      <c r="N19" s="276">
        <v>0</v>
      </c>
      <c r="O19" s="280">
        <v>0</v>
      </c>
      <c r="P19" s="277">
        <v>0</v>
      </c>
      <c r="Q19" s="279">
        <v>0</v>
      </c>
      <c r="R19" s="280">
        <v>0</v>
      </c>
      <c r="S19" s="280">
        <v>0</v>
      </c>
      <c r="T19" s="280">
        <v>0</v>
      </c>
      <c r="U19" s="280">
        <v>0</v>
      </c>
      <c r="V19" s="280">
        <v>16</v>
      </c>
      <c r="W19" s="277">
        <v>16</v>
      </c>
      <c r="X19" s="282">
        <v>16</v>
      </c>
      <c r="Y19" s="276">
        <v>4</v>
      </c>
      <c r="Z19" s="280">
        <v>23</v>
      </c>
      <c r="AA19" s="277">
        <v>27</v>
      </c>
      <c r="AB19" s="279">
        <v>0</v>
      </c>
      <c r="AC19" s="280">
        <v>36</v>
      </c>
      <c r="AD19" s="280">
        <v>109</v>
      </c>
      <c r="AE19" s="280">
        <v>60</v>
      </c>
      <c r="AF19" s="280">
        <v>24</v>
      </c>
      <c r="AG19" s="280">
        <v>60</v>
      </c>
      <c r="AH19" s="277">
        <v>289</v>
      </c>
      <c r="AI19" s="282">
        <v>316</v>
      </c>
      <c r="AJ19" s="276">
        <v>0</v>
      </c>
      <c r="AK19" s="280">
        <v>38</v>
      </c>
      <c r="AL19" s="277">
        <v>38</v>
      </c>
      <c r="AM19" s="279">
        <v>0</v>
      </c>
      <c r="AN19" s="280">
        <v>0</v>
      </c>
      <c r="AO19" s="280">
        <v>31</v>
      </c>
      <c r="AP19" s="280">
        <v>0</v>
      </c>
      <c r="AQ19" s="280">
        <v>0</v>
      </c>
      <c r="AR19" s="280">
        <v>0</v>
      </c>
      <c r="AS19" s="277">
        <v>31</v>
      </c>
      <c r="AT19" s="282">
        <v>69</v>
      </c>
      <c r="AU19" s="276">
        <v>0</v>
      </c>
      <c r="AV19" s="280">
        <v>0</v>
      </c>
      <c r="AW19" s="277">
        <v>0</v>
      </c>
      <c r="AX19" s="279">
        <v>0</v>
      </c>
      <c r="AY19" s="280">
        <v>193</v>
      </c>
      <c r="AZ19" s="280">
        <v>272</v>
      </c>
      <c r="BA19" s="280">
        <v>89</v>
      </c>
      <c r="BB19" s="280">
        <v>84</v>
      </c>
      <c r="BC19" s="280">
        <v>37</v>
      </c>
      <c r="BD19" s="281">
        <v>675</v>
      </c>
      <c r="BE19" s="282">
        <v>675</v>
      </c>
      <c r="BF19" s="276">
        <v>0</v>
      </c>
      <c r="BG19" s="280">
        <v>0</v>
      </c>
      <c r="BH19" s="277">
        <v>0</v>
      </c>
      <c r="BI19" s="279">
        <v>0</v>
      </c>
      <c r="BJ19" s="280">
        <v>0</v>
      </c>
      <c r="BK19" s="280">
        <v>116</v>
      </c>
      <c r="BL19" s="280">
        <v>27</v>
      </c>
      <c r="BM19" s="280">
        <v>8</v>
      </c>
      <c r="BN19" s="280">
        <v>9</v>
      </c>
      <c r="BO19" s="277">
        <v>160</v>
      </c>
      <c r="BP19" s="282">
        <v>160</v>
      </c>
      <c r="BQ19" s="276">
        <v>0</v>
      </c>
      <c r="BR19" s="280">
        <v>0</v>
      </c>
      <c r="BS19" s="277">
        <v>0</v>
      </c>
      <c r="BT19" s="279">
        <v>0</v>
      </c>
      <c r="BU19" s="280">
        <v>11</v>
      </c>
      <c r="BV19" s="280">
        <v>44</v>
      </c>
      <c r="BW19" s="280">
        <v>56</v>
      </c>
      <c r="BX19" s="280">
        <v>142</v>
      </c>
      <c r="BY19" s="280">
        <v>23</v>
      </c>
      <c r="BZ19" s="277">
        <v>276</v>
      </c>
      <c r="CA19" s="282">
        <v>276</v>
      </c>
      <c r="CB19" s="276">
        <v>0</v>
      </c>
      <c r="CC19" s="280">
        <v>0</v>
      </c>
      <c r="CD19" s="277">
        <v>0</v>
      </c>
      <c r="CE19" s="279">
        <v>0</v>
      </c>
      <c r="CF19" s="280">
        <v>0</v>
      </c>
      <c r="CG19" s="280">
        <v>5</v>
      </c>
      <c r="CH19" s="280">
        <v>4</v>
      </c>
      <c r="CI19" s="280">
        <v>3</v>
      </c>
      <c r="CJ19" s="280">
        <v>0</v>
      </c>
      <c r="CK19" s="277">
        <v>12</v>
      </c>
      <c r="CL19" s="282">
        <v>12</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2">
        <v>0</v>
      </c>
      <c r="F20" s="279">
        <v>0</v>
      </c>
      <c r="G20" s="280">
        <v>265</v>
      </c>
      <c r="H20" s="280">
        <v>299</v>
      </c>
      <c r="I20" s="280">
        <v>509</v>
      </c>
      <c r="J20" s="280">
        <v>300</v>
      </c>
      <c r="K20" s="280">
        <v>119</v>
      </c>
      <c r="L20" s="281">
        <v>1492</v>
      </c>
      <c r="M20" s="282">
        <v>1492</v>
      </c>
      <c r="N20" s="276">
        <v>0</v>
      </c>
      <c r="O20" s="280">
        <v>0</v>
      </c>
      <c r="P20" s="277">
        <v>0</v>
      </c>
      <c r="Q20" s="279">
        <v>0</v>
      </c>
      <c r="R20" s="280">
        <v>0</v>
      </c>
      <c r="S20" s="280">
        <v>0</v>
      </c>
      <c r="T20" s="280">
        <v>2</v>
      </c>
      <c r="U20" s="280">
        <v>10</v>
      </c>
      <c r="V20" s="280">
        <v>11</v>
      </c>
      <c r="W20" s="277">
        <v>23</v>
      </c>
      <c r="X20" s="282">
        <v>23</v>
      </c>
      <c r="Y20" s="276">
        <v>30</v>
      </c>
      <c r="Z20" s="280">
        <v>34</v>
      </c>
      <c r="AA20" s="277">
        <v>64</v>
      </c>
      <c r="AB20" s="279">
        <v>0</v>
      </c>
      <c r="AC20" s="280">
        <v>155</v>
      </c>
      <c r="AD20" s="280">
        <v>117</v>
      </c>
      <c r="AE20" s="280">
        <v>88</v>
      </c>
      <c r="AF20" s="280">
        <v>52</v>
      </c>
      <c r="AG20" s="280">
        <v>33</v>
      </c>
      <c r="AH20" s="277">
        <v>445</v>
      </c>
      <c r="AI20" s="282">
        <v>509</v>
      </c>
      <c r="AJ20" s="276">
        <v>0</v>
      </c>
      <c r="AK20" s="280">
        <v>18</v>
      </c>
      <c r="AL20" s="277">
        <v>18</v>
      </c>
      <c r="AM20" s="279">
        <v>0</v>
      </c>
      <c r="AN20" s="280">
        <v>18</v>
      </c>
      <c r="AO20" s="280">
        <v>81</v>
      </c>
      <c r="AP20" s="280">
        <v>2</v>
      </c>
      <c r="AQ20" s="280">
        <v>27</v>
      </c>
      <c r="AR20" s="280">
        <v>0</v>
      </c>
      <c r="AS20" s="277">
        <v>128</v>
      </c>
      <c r="AT20" s="282">
        <v>146</v>
      </c>
      <c r="AU20" s="276">
        <v>0</v>
      </c>
      <c r="AV20" s="280">
        <v>0</v>
      </c>
      <c r="AW20" s="277">
        <v>0</v>
      </c>
      <c r="AX20" s="279">
        <v>0</v>
      </c>
      <c r="AY20" s="280">
        <v>343</v>
      </c>
      <c r="AZ20" s="280">
        <v>307</v>
      </c>
      <c r="BA20" s="280">
        <v>261</v>
      </c>
      <c r="BB20" s="280">
        <v>168</v>
      </c>
      <c r="BC20" s="280">
        <v>40</v>
      </c>
      <c r="BD20" s="281">
        <v>1119</v>
      </c>
      <c r="BE20" s="282">
        <v>1119</v>
      </c>
      <c r="BF20" s="276">
        <v>0</v>
      </c>
      <c r="BG20" s="280">
        <v>0</v>
      </c>
      <c r="BH20" s="277">
        <v>0</v>
      </c>
      <c r="BI20" s="279">
        <v>0</v>
      </c>
      <c r="BJ20" s="280">
        <v>111</v>
      </c>
      <c r="BK20" s="280">
        <v>96</v>
      </c>
      <c r="BL20" s="280">
        <v>78</v>
      </c>
      <c r="BM20" s="280">
        <v>7</v>
      </c>
      <c r="BN20" s="280">
        <v>14</v>
      </c>
      <c r="BO20" s="277">
        <v>306</v>
      </c>
      <c r="BP20" s="282">
        <v>306</v>
      </c>
      <c r="BQ20" s="276">
        <v>0</v>
      </c>
      <c r="BR20" s="280">
        <v>3</v>
      </c>
      <c r="BS20" s="277">
        <v>3</v>
      </c>
      <c r="BT20" s="279">
        <v>0</v>
      </c>
      <c r="BU20" s="280">
        <v>0</v>
      </c>
      <c r="BV20" s="280">
        <v>25</v>
      </c>
      <c r="BW20" s="280">
        <v>208</v>
      </c>
      <c r="BX20" s="280">
        <v>32</v>
      </c>
      <c r="BY20" s="280">
        <v>89</v>
      </c>
      <c r="BZ20" s="277">
        <v>354</v>
      </c>
      <c r="CA20" s="282">
        <v>357</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2">
        <v>0</v>
      </c>
      <c r="F21" s="279">
        <v>0</v>
      </c>
      <c r="G21" s="280">
        <v>130</v>
      </c>
      <c r="H21" s="280">
        <v>121</v>
      </c>
      <c r="I21" s="280">
        <v>84</v>
      </c>
      <c r="J21" s="280">
        <v>235</v>
      </c>
      <c r="K21" s="280">
        <v>159</v>
      </c>
      <c r="L21" s="281">
        <v>729</v>
      </c>
      <c r="M21" s="282">
        <v>729</v>
      </c>
      <c r="N21" s="276">
        <v>0</v>
      </c>
      <c r="O21" s="280">
        <v>0</v>
      </c>
      <c r="P21" s="277">
        <v>0</v>
      </c>
      <c r="Q21" s="279">
        <v>0</v>
      </c>
      <c r="R21" s="280">
        <v>0</v>
      </c>
      <c r="S21" s="280">
        <v>1</v>
      </c>
      <c r="T21" s="280">
        <v>19</v>
      </c>
      <c r="U21" s="280">
        <v>1</v>
      </c>
      <c r="V21" s="280">
        <v>18</v>
      </c>
      <c r="W21" s="277">
        <v>39</v>
      </c>
      <c r="X21" s="282">
        <v>39</v>
      </c>
      <c r="Y21" s="276">
        <v>12</v>
      </c>
      <c r="Z21" s="280">
        <v>2</v>
      </c>
      <c r="AA21" s="277">
        <v>14</v>
      </c>
      <c r="AB21" s="279">
        <v>0</v>
      </c>
      <c r="AC21" s="280">
        <v>85</v>
      </c>
      <c r="AD21" s="280">
        <v>87</v>
      </c>
      <c r="AE21" s="280">
        <v>73</v>
      </c>
      <c r="AF21" s="280">
        <v>39</v>
      </c>
      <c r="AG21" s="280">
        <v>63</v>
      </c>
      <c r="AH21" s="277">
        <v>347</v>
      </c>
      <c r="AI21" s="282">
        <v>361</v>
      </c>
      <c r="AJ21" s="276">
        <v>0</v>
      </c>
      <c r="AK21" s="280">
        <v>0</v>
      </c>
      <c r="AL21" s="277">
        <v>0</v>
      </c>
      <c r="AM21" s="279">
        <v>0</v>
      </c>
      <c r="AN21" s="280">
        <v>9</v>
      </c>
      <c r="AO21" s="280">
        <v>29</v>
      </c>
      <c r="AP21" s="280">
        <v>0</v>
      </c>
      <c r="AQ21" s="280">
        <v>8</v>
      </c>
      <c r="AR21" s="280">
        <v>0</v>
      </c>
      <c r="AS21" s="277">
        <v>46</v>
      </c>
      <c r="AT21" s="282">
        <v>46</v>
      </c>
      <c r="AU21" s="276">
        <v>0</v>
      </c>
      <c r="AV21" s="280">
        <v>0</v>
      </c>
      <c r="AW21" s="277">
        <v>0</v>
      </c>
      <c r="AX21" s="279">
        <v>0</v>
      </c>
      <c r="AY21" s="280">
        <v>187</v>
      </c>
      <c r="AZ21" s="280">
        <v>129</v>
      </c>
      <c r="BA21" s="280">
        <v>78</v>
      </c>
      <c r="BB21" s="280">
        <v>0</v>
      </c>
      <c r="BC21" s="280">
        <v>0</v>
      </c>
      <c r="BD21" s="281">
        <v>394</v>
      </c>
      <c r="BE21" s="282">
        <v>394</v>
      </c>
      <c r="BF21" s="276">
        <v>0</v>
      </c>
      <c r="BG21" s="280">
        <v>0</v>
      </c>
      <c r="BH21" s="277">
        <v>0</v>
      </c>
      <c r="BI21" s="279">
        <v>0</v>
      </c>
      <c r="BJ21" s="280">
        <v>82</v>
      </c>
      <c r="BK21" s="280">
        <v>44</v>
      </c>
      <c r="BL21" s="280">
        <v>20</v>
      </c>
      <c r="BM21" s="280">
        <v>28</v>
      </c>
      <c r="BN21" s="280">
        <v>0</v>
      </c>
      <c r="BO21" s="277">
        <v>174</v>
      </c>
      <c r="BP21" s="282">
        <v>174</v>
      </c>
      <c r="BQ21" s="276">
        <v>0</v>
      </c>
      <c r="BR21" s="280">
        <v>0</v>
      </c>
      <c r="BS21" s="277">
        <v>0</v>
      </c>
      <c r="BT21" s="279">
        <v>0</v>
      </c>
      <c r="BU21" s="280">
        <v>8</v>
      </c>
      <c r="BV21" s="280">
        <v>18</v>
      </c>
      <c r="BW21" s="280">
        <v>8</v>
      </c>
      <c r="BX21" s="280">
        <v>0</v>
      </c>
      <c r="BY21" s="280">
        <v>56</v>
      </c>
      <c r="BZ21" s="277">
        <v>90</v>
      </c>
      <c r="CA21" s="282">
        <v>90</v>
      </c>
      <c r="CB21" s="276">
        <v>0</v>
      </c>
      <c r="CC21" s="280">
        <v>0</v>
      </c>
      <c r="CD21" s="277">
        <v>0</v>
      </c>
      <c r="CE21" s="279">
        <v>0</v>
      </c>
      <c r="CF21" s="280">
        <v>0</v>
      </c>
      <c r="CG21" s="280">
        <v>0</v>
      </c>
      <c r="CH21" s="280">
        <v>0</v>
      </c>
      <c r="CI21" s="280">
        <v>0</v>
      </c>
      <c r="CJ21" s="280">
        <v>5</v>
      </c>
      <c r="CK21" s="277">
        <v>5</v>
      </c>
      <c r="CL21" s="282">
        <v>5</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2">
        <v>0</v>
      </c>
      <c r="F22" s="279">
        <v>0</v>
      </c>
      <c r="G22" s="280">
        <v>257</v>
      </c>
      <c r="H22" s="280">
        <v>378</v>
      </c>
      <c r="I22" s="280">
        <v>279</v>
      </c>
      <c r="J22" s="280">
        <v>178</v>
      </c>
      <c r="K22" s="280">
        <v>348</v>
      </c>
      <c r="L22" s="281">
        <v>1440</v>
      </c>
      <c r="M22" s="282">
        <v>1440</v>
      </c>
      <c r="N22" s="276">
        <v>0</v>
      </c>
      <c r="O22" s="280">
        <v>0</v>
      </c>
      <c r="P22" s="277">
        <v>0</v>
      </c>
      <c r="Q22" s="279">
        <v>0</v>
      </c>
      <c r="R22" s="280">
        <v>9</v>
      </c>
      <c r="S22" s="280">
        <v>0</v>
      </c>
      <c r="T22" s="280">
        <v>6</v>
      </c>
      <c r="U22" s="280">
        <v>5</v>
      </c>
      <c r="V22" s="280">
        <v>14</v>
      </c>
      <c r="W22" s="277">
        <v>34</v>
      </c>
      <c r="X22" s="282">
        <v>34</v>
      </c>
      <c r="Y22" s="276">
        <v>33</v>
      </c>
      <c r="Z22" s="280">
        <v>9</v>
      </c>
      <c r="AA22" s="277">
        <v>42</v>
      </c>
      <c r="AB22" s="279">
        <v>0</v>
      </c>
      <c r="AC22" s="280">
        <v>219</v>
      </c>
      <c r="AD22" s="280">
        <v>252</v>
      </c>
      <c r="AE22" s="280">
        <v>96</v>
      </c>
      <c r="AF22" s="280">
        <v>53</v>
      </c>
      <c r="AG22" s="280">
        <v>96</v>
      </c>
      <c r="AH22" s="277">
        <v>716</v>
      </c>
      <c r="AI22" s="282">
        <v>758</v>
      </c>
      <c r="AJ22" s="276">
        <v>14</v>
      </c>
      <c r="AK22" s="280">
        <v>26</v>
      </c>
      <c r="AL22" s="277">
        <v>40</v>
      </c>
      <c r="AM22" s="279">
        <v>0</v>
      </c>
      <c r="AN22" s="280">
        <v>56</v>
      </c>
      <c r="AO22" s="280">
        <v>104</v>
      </c>
      <c r="AP22" s="280">
        <v>32</v>
      </c>
      <c r="AQ22" s="280">
        <v>20</v>
      </c>
      <c r="AR22" s="280">
        <v>0</v>
      </c>
      <c r="AS22" s="277">
        <v>212</v>
      </c>
      <c r="AT22" s="282">
        <v>252</v>
      </c>
      <c r="AU22" s="276">
        <v>0</v>
      </c>
      <c r="AV22" s="280">
        <v>0</v>
      </c>
      <c r="AW22" s="277">
        <v>0</v>
      </c>
      <c r="AX22" s="279">
        <v>0</v>
      </c>
      <c r="AY22" s="280">
        <v>241</v>
      </c>
      <c r="AZ22" s="280">
        <v>177</v>
      </c>
      <c r="BA22" s="280">
        <v>85</v>
      </c>
      <c r="BB22" s="280">
        <v>75</v>
      </c>
      <c r="BC22" s="280">
        <v>0</v>
      </c>
      <c r="BD22" s="281">
        <v>578</v>
      </c>
      <c r="BE22" s="282">
        <v>578</v>
      </c>
      <c r="BF22" s="276">
        <v>0</v>
      </c>
      <c r="BG22" s="280">
        <v>0</v>
      </c>
      <c r="BH22" s="277">
        <v>0</v>
      </c>
      <c r="BI22" s="279">
        <v>0</v>
      </c>
      <c r="BJ22" s="280">
        <v>53</v>
      </c>
      <c r="BK22" s="280">
        <v>94</v>
      </c>
      <c r="BL22" s="280">
        <v>59</v>
      </c>
      <c r="BM22" s="280">
        <v>51</v>
      </c>
      <c r="BN22" s="280">
        <v>2</v>
      </c>
      <c r="BO22" s="277">
        <v>259</v>
      </c>
      <c r="BP22" s="282">
        <v>259</v>
      </c>
      <c r="BQ22" s="276">
        <v>7</v>
      </c>
      <c r="BR22" s="280">
        <v>0</v>
      </c>
      <c r="BS22" s="277">
        <v>7</v>
      </c>
      <c r="BT22" s="279">
        <v>0</v>
      </c>
      <c r="BU22" s="280">
        <v>29</v>
      </c>
      <c r="BV22" s="280">
        <v>32</v>
      </c>
      <c r="BW22" s="280">
        <v>28</v>
      </c>
      <c r="BX22" s="280">
        <v>284</v>
      </c>
      <c r="BY22" s="280">
        <v>0</v>
      </c>
      <c r="BZ22" s="277">
        <v>373</v>
      </c>
      <c r="CA22" s="282">
        <v>380</v>
      </c>
      <c r="CB22" s="276">
        <v>0</v>
      </c>
      <c r="CC22" s="280">
        <v>0</v>
      </c>
      <c r="CD22" s="277">
        <v>0</v>
      </c>
      <c r="CE22" s="279">
        <v>0</v>
      </c>
      <c r="CF22" s="280">
        <v>0</v>
      </c>
      <c r="CG22" s="280">
        <v>0</v>
      </c>
      <c r="CH22" s="280">
        <v>6</v>
      </c>
      <c r="CI22" s="280">
        <v>13</v>
      </c>
      <c r="CJ22" s="280">
        <v>0</v>
      </c>
      <c r="CK22" s="277">
        <v>19</v>
      </c>
      <c r="CL22" s="282">
        <v>19</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2">
        <v>0</v>
      </c>
      <c r="F23" s="279">
        <v>0</v>
      </c>
      <c r="G23" s="280">
        <v>93</v>
      </c>
      <c r="H23" s="280">
        <v>164</v>
      </c>
      <c r="I23" s="280">
        <v>59</v>
      </c>
      <c r="J23" s="280">
        <v>378</v>
      </c>
      <c r="K23" s="280">
        <v>137</v>
      </c>
      <c r="L23" s="281">
        <v>831</v>
      </c>
      <c r="M23" s="282">
        <v>831</v>
      </c>
      <c r="N23" s="276">
        <v>0</v>
      </c>
      <c r="O23" s="280">
        <v>0</v>
      </c>
      <c r="P23" s="277">
        <v>0</v>
      </c>
      <c r="Q23" s="279">
        <v>0</v>
      </c>
      <c r="R23" s="280">
        <v>0</v>
      </c>
      <c r="S23" s="280">
        <v>0</v>
      </c>
      <c r="T23" s="280">
        <v>0</v>
      </c>
      <c r="U23" s="280">
        <v>1</v>
      </c>
      <c r="V23" s="280">
        <v>17</v>
      </c>
      <c r="W23" s="277">
        <v>18</v>
      </c>
      <c r="X23" s="282">
        <v>18</v>
      </c>
      <c r="Y23" s="276">
        <v>25</v>
      </c>
      <c r="Z23" s="280">
        <v>19</v>
      </c>
      <c r="AA23" s="277">
        <v>44</v>
      </c>
      <c r="AB23" s="279">
        <v>0</v>
      </c>
      <c r="AC23" s="280">
        <v>95</v>
      </c>
      <c r="AD23" s="280">
        <v>263</v>
      </c>
      <c r="AE23" s="280">
        <v>101</v>
      </c>
      <c r="AF23" s="280">
        <v>167</v>
      </c>
      <c r="AG23" s="280">
        <v>119</v>
      </c>
      <c r="AH23" s="277">
        <v>745</v>
      </c>
      <c r="AI23" s="282">
        <v>789</v>
      </c>
      <c r="AJ23" s="276">
        <v>0</v>
      </c>
      <c r="AK23" s="280">
        <v>22</v>
      </c>
      <c r="AL23" s="277">
        <v>22</v>
      </c>
      <c r="AM23" s="279">
        <v>0</v>
      </c>
      <c r="AN23" s="280">
        <v>16</v>
      </c>
      <c r="AO23" s="280">
        <v>18</v>
      </c>
      <c r="AP23" s="280">
        <v>27</v>
      </c>
      <c r="AQ23" s="280">
        <v>14</v>
      </c>
      <c r="AR23" s="280">
        <v>18</v>
      </c>
      <c r="AS23" s="277">
        <v>93</v>
      </c>
      <c r="AT23" s="282">
        <v>115</v>
      </c>
      <c r="AU23" s="276">
        <v>0</v>
      </c>
      <c r="AV23" s="280">
        <v>0</v>
      </c>
      <c r="AW23" s="277">
        <v>0</v>
      </c>
      <c r="AX23" s="279">
        <v>0</v>
      </c>
      <c r="AY23" s="280">
        <v>131</v>
      </c>
      <c r="AZ23" s="280">
        <v>145</v>
      </c>
      <c r="BA23" s="280">
        <v>103</v>
      </c>
      <c r="BB23" s="280">
        <v>37</v>
      </c>
      <c r="BC23" s="280">
        <v>28</v>
      </c>
      <c r="BD23" s="281">
        <v>444</v>
      </c>
      <c r="BE23" s="282">
        <v>444</v>
      </c>
      <c r="BF23" s="276">
        <v>0</v>
      </c>
      <c r="BG23" s="280">
        <v>0</v>
      </c>
      <c r="BH23" s="277">
        <v>0</v>
      </c>
      <c r="BI23" s="279">
        <v>0</v>
      </c>
      <c r="BJ23" s="280">
        <v>60</v>
      </c>
      <c r="BK23" s="280">
        <v>64</v>
      </c>
      <c r="BL23" s="280">
        <v>19</v>
      </c>
      <c r="BM23" s="280">
        <v>0</v>
      </c>
      <c r="BN23" s="280">
        <v>0</v>
      </c>
      <c r="BO23" s="277">
        <v>143</v>
      </c>
      <c r="BP23" s="282">
        <v>143</v>
      </c>
      <c r="BQ23" s="276">
        <v>0</v>
      </c>
      <c r="BR23" s="280">
        <v>0</v>
      </c>
      <c r="BS23" s="277">
        <v>0</v>
      </c>
      <c r="BT23" s="279">
        <v>0</v>
      </c>
      <c r="BU23" s="280">
        <v>7</v>
      </c>
      <c r="BV23" s="280">
        <v>9</v>
      </c>
      <c r="BW23" s="280">
        <v>97</v>
      </c>
      <c r="BX23" s="280">
        <v>94</v>
      </c>
      <c r="BY23" s="280">
        <v>37</v>
      </c>
      <c r="BZ23" s="277">
        <v>244</v>
      </c>
      <c r="CA23" s="282">
        <v>244</v>
      </c>
      <c r="CB23" s="276">
        <v>0</v>
      </c>
      <c r="CC23" s="280">
        <v>0</v>
      </c>
      <c r="CD23" s="277">
        <v>0</v>
      </c>
      <c r="CE23" s="279">
        <v>0</v>
      </c>
      <c r="CF23" s="280">
        <v>0</v>
      </c>
      <c r="CG23" s="280">
        <v>2</v>
      </c>
      <c r="CH23" s="280">
        <v>0</v>
      </c>
      <c r="CI23" s="280">
        <v>0</v>
      </c>
      <c r="CJ23" s="280">
        <v>0</v>
      </c>
      <c r="CK23" s="277">
        <v>2</v>
      </c>
      <c r="CL23" s="282">
        <v>2</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2">
        <v>0</v>
      </c>
      <c r="F24" s="279">
        <v>0</v>
      </c>
      <c r="G24" s="280">
        <v>65</v>
      </c>
      <c r="H24" s="280">
        <v>95</v>
      </c>
      <c r="I24" s="280">
        <v>14</v>
      </c>
      <c r="J24" s="280">
        <v>361</v>
      </c>
      <c r="K24" s="280">
        <v>117</v>
      </c>
      <c r="L24" s="281">
        <v>652</v>
      </c>
      <c r="M24" s="282">
        <v>652</v>
      </c>
      <c r="N24" s="276">
        <v>0</v>
      </c>
      <c r="O24" s="280">
        <v>0</v>
      </c>
      <c r="P24" s="277">
        <v>0</v>
      </c>
      <c r="Q24" s="279">
        <v>0</v>
      </c>
      <c r="R24" s="280">
        <v>4</v>
      </c>
      <c r="S24" s="280">
        <v>0</v>
      </c>
      <c r="T24" s="280">
        <v>0</v>
      </c>
      <c r="U24" s="280">
        <v>9</v>
      </c>
      <c r="V24" s="280">
        <v>0</v>
      </c>
      <c r="W24" s="277">
        <v>13</v>
      </c>
      <c r="X24" s="282">
        <v>13</v>
      </c>
      <c r="Y24" s="276">
        <v>0</v>
      </c>
      <c r="Z24" s="280">
        <v>2</v>
      </c>
      <c r="AA24" s="277">
        <v>2</v>
      </c>
      <c r="AB24" s="279">
        <v>0</v>
      </c>
      <c r="AC24" s="280">
        <v>19</v>
      </c>
      <c r="AD24" s="280">
        <v>20</v>
      </c>
      <c r="AE24" s="280">
        <v>29</v>
      </c>
      <c r="AF24" s="280">
        <v>15</v>
      </c>
      <c r="AG24" s="280">
        <v>12</v>
      </c>
      <c r="AH24" s="277">
        <v>95</v>
      </c>
      <c r="AI24" s="282">
        <v>97</v>
      </c>
      <c r="AJ24" s="276">
        <v>0</v>
      </c>
      <c r="AK24" s="280">
        <v>0</v>
      </c>
      <c r="AL24" s="277">
        <v>0</v>
      </c>
      <c r="AM24" s="279">
        <v>0</v>
      </c>
      <c r="AN24" s="280">
        <v>0</v>
      </c>
      <c r="AO24" s="280">
        <v>27</v>
      </c>
      <c r="AP24" s="280">
        <v>0</v>
      </c>
      <c r="AQ24" s="280">
        <v>0</v>
      </c>
      <c r="AR24" s="280">
        <v>0</v>
      </c>
      <c r="AS24" s="277">
        <v>27</v>
      </c>
      <c r="AT24" s="282">
        <v>27</v>
      </c>
      <c r="AU24" s="276">
        <v>0</v>
      </c>
      <c r="AV24" s="280">
        <v>0</v>
      </c>
      <c r="AW24" s="277">
        <v>0</v>
      </c>
      <c r="AX24" s="279">
        <v>0</v>
      </c>
      <c r="AY24" s="280">
        <v>114</v>
      </c>
      <c r="AZ24" s="280">
        <v>60</v>
      </c>
      <c r="BA24" s="280">
        <v>32</v>
      </c>
      <c r="BB24" s="280">
        <v>27</v>
      </c>
      <c r="BC24" s="280">
        <v>13</v>
      </c>
      <c r="BD24" s="281">
        <v>246</v>
      </c>
      <c r="BE24" s="282">
        <v>246</v>
      </c>
      <c r="BF24" s="276">
        <v>0</v>
      </c>
      <c r="BG24" s="280">
        <v>0</v>
      </c>
      <c r="BH24" s="277">
        <v>0</v>
      </c>
      <c r="BI24" s="279">
        <v>0</v>
      </c>
      <c r="BJ24" s="280">
        <v>19</v>
      </c>
      <c r="BK24" s="280">
        <v>26</v>
      </c>
      <c r="BL24" s="280">
        <v>12</v>
      </c>
      <c r="BM24" s="280">
        <v>7</v>
      </c>
      <c r="BN24" s="280">
        <v>15</v>
      </c>
      <c r="BO24" s="277">
        <v>79</v>
      </c>
      <c r="BP24" s="282">
        <v>79</v>
      </c>
      <c r="BQ24" s="276">
        <v>0</v>
      </c>
      <c r="BR24" s="280">
        <v>0</v>
      </c>
      <c r="BS24" s="277">
        <v>0</v>
      </c>
      <c r="BT24" s="279">
        <v>0</v>
      </c>
      <c r="BU24" s="280">
        <v>21</v>
      </c>
      <c r="BV24" s="280">
        <v>3</v>
      </c>
      <c r="BW24" s="280">
        <v>3</v>
      </c>
      <c r="BX24" s="280">
        <v>21</v>
      </c>
      <c r="BY24" s="280">
        <v>0</v>
      </c>
      <c r="BZ24" s="277">
        <v>48</v>
      </c>
      <c r="CA24" s="282">
        <v>48</v>
      </c>
      <c r="CB24" s="276">
        <v>0</v>
      </c>
      <c r="CC24" s="280">
        <v>0</v>
      </c>
      <c r="CD24" s="277">
        <v>0</v>
      </c>
      <c r="CE24" s="279">
        <v>0</v>
      </c>
      <c r="CF24" s="280">
        <v>0</v>
      </c>
      <c r="CG24" s="280">
        <v>2</v>
      </c>
      <c r="CH24" s="280">
        <v>0</v>
      </c>
      <c r="CI24" s="280">
        <v>0</v>
      </c>
      <c r="CJ24" s="280">
        <v>0</v>
      </c>
      <c r="CK24" s="277">
        <v>2</v>
      </c>
      <c r="CL24" s="282">
        <v>2</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2">
        <v>0</v>
      </c>
      <c r="F25" s="279">
        <v>0</v>
      </c>
      <c r="G25" s="280">
        <v>13</v>
      </c>
      <c r="H25" s="280">
        <v>200</v>
      </c>
      <c r="I25" s="280">
        <v>244</v>
      </c>
      <c r="J25" s="280">
        <v>47</v>
      </c>
      <c r="K25" s="280">
        <v>131</v>
      </c>
      <c r="L25" s="281">
        <v>635</v>
      </c>
      <c r="M25" s="282">
        <v>635</v>
      </c>
      <c r="N25" s="276">
        <v>0</v>
      </c>
      <c r="O25" s="280">
        <v>0</v>
      </c>
      <c r="P25" s="277">
        <v>0</v>
      </c>
      <c r="Q25" s="279">
        <v>0</v>
      </c>
      <c r="R25" s="280">
        <v>0</v>
      </c>
      <c r="S25" s="280">
        <v>0</v>
      </c>
      <c r="T25" s="280">
        <v>1</v>
      </c>
      <c r="U25" s="280">
        <v>7</v>
      </c>
      <c r="V25" s="280">
        <v>0</v>
      </c>
      <c r="W25" s="277">
        <v>8</v>
      </c>
      <c r="X25" s="282">
        <v>8</v>
      </c>
      <c r="Y25" s="276">
        <v>22</v>
      </c>
      <c r="Z25" s="280">
        <v>30</v>
      </c>
      <c r="AA25" s="277">
        <v>52</v>
      </c>
      <c r="AB25" s="279">
        <v>0</v>
      </c>
      <c r="AC25" s="280">
        <v>31</v>
      </c>
      <c r="AD25" s="280">
        <v>141</v>
      </c>
      <c r="AE25" s="280">
        <v>63</v>
      </c>
      <c r="AF25" s="280">
        <v>26</v>
      </c>
      <c r="AG25" s="280">
        <v>31</v>
      </c>
      <c r="AH25" s="277">
        <v>292</v>
      </c>
      <c r="AI25" s="282">
        <v>344</v>
      </c>
      <c r="AJ25" s="276">
        <v>0</v>
      </c>
      <c r="AK25" s="280">
        <v>8</v>
      </c>
      <c r="AL25" s="277">
        <v>8</v>
      </c>
      <c r="AM25" s="279">
        <v>0</v>
      </c>
      <c r="AN25" s="280">
        <v>0</v>
      </c>
      <c r="AO25" s="280">
        <v>15</v>
      </c>
      <c r="AP25" s="280">
        <v>0</v>
      </c>
      <c r="AQ25" s="280">
        <v>0</v>
      </c>
      <c r="AR25" s="280">
        <v>0</v>
      </c>
      <c r="AS25" s="277">
        <v>15</v>
      </c>
      <c r="AT25" s="282">
        <v>23</v>
      </c>
      <c r="AU25" s="276">
        <v>0</v>
      </c>
      <c r="AV25" s="280">
        <v>0</v>
      </c>
      <c r="AW25" s="277">
        <v>0</v>
      </c>
      <c r="AX25" s="279">
        <v>0</v>
      </c>
      <c r="AY25" s="280">
        <v>136</v>
      </c>
      <c r="AZ25" s="280">
        <v>125</v>
      </c>
      <c r="BA25" s="280">
        <v>75</v>
      </c>
      <c r="BB25" s="280">
        <v>31</v>
      </c>
      <c r="BC25" s="280">
        <v>1</v>
      </c>
      <c r="BD25" s="281">
        <v>368</v>
      </c>
      <c r="BE25" s="282">
        <v>368</v>
      </c>
      <c r="BF25" s="276">
        <v>0</v>
      </c>
      <c r="BG25" s="280">
        <v>0</v>
      </c>
      <c r="BH25" s="277">
        <v>0</v>
      </c>
      <c r="BI25" s="279">
        <v>0</v>
      </c>
      <c r="BJ25" s="280">
        <v>9</v>
      </c>
      <c r="BK25" s="280">
        <v>19</v>
      </c>
      <c r="BL25" s="280">
        <v>27</v>
      </c>
      <c r="BM25" s="280">
        <v>9</v>
      </c>
      <c r="BN25" s="280">
        <v>5</v>
      </c>
      <c r="BO25" s="277">
        <v>69</v>
      </c>
      <c r="BP25" s="282">
        <v>69</v>
      </c>
      <c r="BQ25" s="276">
        <v>0</v>
      </c>
      <c r="BR25" s="280">
        <v>0</v>
      </c>
      <c r="BS25" s="277">
        <v>0</v>
      </c>
      <c r="BT25" s="279">
        <v>0</v>
      </c>
      <c r="BU25" s="280">
        <v>0</v>
      </c>
      <c r="BV25" s="280">
        <v>11</v>
      </c>
      <c r="BW25" s="280">
        <v>42</v>
      </c>
      <c r="BX25" s="280">
        <v>53</v>
      </c>
      <c r="BY25" s="280">
        <v>11</v>
      </c>
      <c r="BZ25" s="277">
        <v>117</v>
      </c>
      <c r="CA25" s="282">
        <v>117</v>
      </c>
      <c r="CB25" s="276">
        <v>3</v>
      </c>
      <c r="CC25" s="280">
        <v>0</v>
      </c>
      <c r="CD25" s="277">
        <v>3</v>
      </c>
      <c r="CE25" s="279">
        <v>0</v>
      </c>
      <c r="CF25" s="280">
        <v>3</v>
      </c>
      <c r="CG25" s="280">
        <v>0</v>
      </c>
      <c r="CH25" s="280">
        <v>0</v>
      </c>
      <c r="CI25" s="280">
        <v>0</v>
      </c>
      <c r="CJ25" s="280">
        <v>8</v>
      </c>
      <c r="CK25" s="277">
        <v>11</v>
      </c>
      <c r="CL25" s="282">
        <v>14</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2">
        <v>0</v>
      </c>
      <c r="F26" s="279">
        <v>0</v>
      </c>
      <c r="G26" s="280">
        <v>187</v>
      </c>
      <c r="H26" s="280">
        <v>92</v>
      </c>
      <c r="I26" s="280">
        <v>95</v>
      </c>
      <c r="J26" s="280">
        <v>58</v>
      </c>
      <c r="K26" s="280">
        <v>149</v>
      </c>
      <c r="L26" s="281">
        <v>581</v>
      </c>
      <c r="M26" s="282">
        <v>581</v>
      </c>
      <c r="N26" s="276">
        <v>0</v>
      </c>
      <c r="O26" s="280">
        <v>0</v>
      </c>
      <c r="P26" s="277">
        <v>0</v>
      </c>
      <c r="Q26" s="279">
        <v>0</v>
      </c>
      <c r="R26" s="280">
        <v>0</v>
      </c>
      <c r="S26" s="280">
        <v>0</v>
      </c>
      <c r="T26" s="280">
        <v>6</v>
      </c>
      <c r="U26" s="280">
        <v>5</v>
      </c>
      <c r="V26" s="280">
        <v>9</v>
      </c>
      <c r="W26" s="277">
        <v>20</v>
      </c>
      <c r="X26" s="282">
        <v>20</v>
      </c>
      <c r="Y26" s="276">
        <v>13</v>
      </c>
      <c r="Z26" s="280">
        <v>14</v>
      </c>
      <c r="AA26" s="277">
        <v>27</v>
      </c>
      <c r="AB26" s="279">
        <v>0</v>
      </c>
      <c r="AC26" s="280">
        <v>50</v>
      </c>
      <c r="AD26" s="280">
        <v>39</v>
      </c>
      <c r="AE26" s="280">
        <v>44</v>
      </c>
      <c r="AF26" s="280">
        <v>30</v>
      </c>
      <c r="AG26" s="280">
        <v>9</v>
      </c>
      <c r="AH26" s="277">
        <v>172</v>
      </c>
      <c r="AI26" s="282">
        <v>199</v>
      </c>
      <c r="AJ26" s="276">
        <v>0</v>
      </c>
      <c r="AK26" s="280">
        <v>0</v>
      </c>
      <c r="AL26" s="277">
        <v>0</v>
      </c>
      <c r="AM26" s="279">
        <v>0</v>
      </c>
      <c r="AN26" s="280">
        <v>9</v>
      </c>
      <c r="AO26" s="280">
        <v>33</v>
      </c>
      <c r="AP26" s="280">
        <v>16</v>
      </c>
      <c r="AQ26" s="280">
        <v>0</v>
      </c>
      <c r="AR26" s="280">
        <v>0</v>
      </c>
      <c r="AS26" s="277">
        <v>58</v>
      </c>
      <c r="AT26" s="282">
        <v>58</v>
      </c>
      <c r="AU26" s="276">
        <v>0</v>
      </c>
      <c r="AV26" s="280">
        <v>0</v>
      </c>
      <c r="AW26" s="277">
        <v>0</v>
      </c>
      <c r="AX26" s="279">
        <v>0</v>
      </c>
      <c r="AY26" s="280">
        <v>101</v>
      </c>
      <c r="AZ26" s="280">
        <v>64</v>
      </c>
      <c r="BA26" s="280">
        <v>67</v>
      </c>
      <c r="BB26" s="280">
        <v>6</v>
      </c>
      <c r="BC26" s="280">
        <v>0</v>
      </c>
      <c r="BD26" s="281">
        <v>238</v>
      </c>
      <c r="BE26" s="282">
        <v>238</v>
      </c>
      <c r="BF26" s="276">
        <v>0</v>
      </c>
      <c r="BG26" s="280">
        <v>0</v>
      </c>
      <c r="BH26" s="277">
        <v>0</v>
      </c>
      <c r="BI26" s="279">
        <v>0</v>
      </c>
      <c r="BJ26" s="280">
        <v>0</v>
      </c>
      <c r="BK26" s="280">
        <v>68</v>
      </c>
      <c r="BL26" s="280">
        <v>31</v>
      </c>
      <c r="BM26" s="280">
        <v>1</v>
      </c>
      <c r="BN26" s="280">
        <v>0</v>
      </c>
      <c r="BO26" s="277">
        <v>100</v>
      </c>
      <c r="BP26" s="282">
        <v>100</v>
      </c>
      <c r="BQ26" s="276">
        <v>0</v>
      </c>
      <c r="BR26" s="280">
        <v>0</v>
      </c>
      <c r="BS26" s="277">
        <v>0</v>
      </c>
      <c r="BT26" s="279">
        <v>0</v>
      </c>
      <c r="BU26" s="280">
        <v>0</v>
      </c>
      <c r="BV26" s="280">
        <v>20</v>
      </c>
      <c r="BW26" s="280">
        <v>10</v>
      </c>
      <c r="BX26" s="280">
        <v>0</v>
      </c>
      <c r="BY26" s="280">
        <v>0</v>
      </c>
      <c r="BZ26" s="277">
        <v>30</v>
      </c>
      <c r="CA26" s="282">
        <v>3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2">
        <v>0</v>
      </c>
      <c r="F27" s="279">
        <v>0</v>
      </c>
      <c r="G27" s="280">
        <v>74</v>
      </c>
      <c r="H27" s="280">
        <v>35</v>
      </c>
      <c r="I27" s="280">
        <v>115</v>
      </c>
      <c r="J27" s="280">
        <v>28</v>
      </c>
      <c r="K27" s="280">
        <v>108</v>
      </c>
      <c r="L27" s="281">
        <v>360</v>
      </c>
      <c r="M27" s="282">
        <v>360</v>
      </c>
      <c r="N27" s="276">
        <v>0</v>
      </c>
      <c r="O27" s="280">
        <v>0</v>
      </c>
      <c r="P27" s="277">
        <v>0</v>
      </c>
      <c r="Q27" s="279">
        <v>0</v>
      </c>
      <c r="R27" s="280">
        <v>0</v>
      </c>
      <c r="S27" s="280">
        <v>0</v>
      </c>
      <c r="T27" s="280">
        <v>5</v>
      </c>
      <c r="U27" s="280">
        <v>0</v>
      </c>
      <c r="V27" s="280">
        <v>2</v>
      </c>
      <c r="W27" s="277">
        <v>7</v>
      </c>
      <c r="X27" s="282">
        <v>7</v>
      </c>
      <c r="Y27" s="276">
        <v>0</v>
      </c>
      <c r="Z27" s="280">
        <v>8</v>
      </c>
      <c r="AA27" s="277">
        <v>8</v>
      </c>
      <c r="AB27" s="279">
        <v>0</v>
      </c>
      <c r="AC27" s="280">
        <v>32</v>
      </c>
      <c r="AD27" s="280">
        <v>13</v>
      </c>
      <c r="AE27" s="280">
        <v>19</v>
      </c>
      <c r="AF27" s="280">
        <v>8</v>
      </c>
      <c r="AG27" s="280">
        <v>34</v>
      </c>
      <c r="AH27" s="277">
        <v>106</v>
      </c>
      <c r="AI27" s="282">
        <v>114</v>
      </c>
      <c r="AJ27" s="276">
        <v>0</v>
      </c>
      <c r="AK27" s="280">
        <v>22</v>
      </c>
      <c r="AL27" s="277">
        <v>22</v>
      </c>
      <c r="AM27" s="279">
        <v>0</v>
      </c>
      <c r="AN27" s="280">
        <v>0</v>
      </c>
      <c r="AO27" s="280">
        <v>0</v>
      </c>
      <c r="AP27" s="280">
        <v>14</v>
      </c>
      <c r="AQ27" s="280">
        <v>0</v>
      </c>
      <c r="AR27" s="280">
        <v>0</v>
      </c>
      <c r="AS27" s="277">
        <v>14</v>
      </c>
      <c r="AT27" s="282">
        <v>36</v>
      </c>
      <c r="AU27" s="276">
        <v>0</v>
      </c>
      <c r="AV27" s="280">
        <v>0</v>
      </c>
      <c r="AW27" s="277">
        <v>0</v>
      </c>
      <c r="AX27" s="279">
        <v>0</v>
      </c>
      <c r="AY27" s="280">
        <v>72</v>
      </c>
      <c r="AZ27" s="280">
        <v>9</v>
      </c>
      <c r="BA27" s="280">
        <v>12</v>
      </c>
      <c r="BB27" s="280">
        <v>37</v>
      </c>
      <c r="BC27" s="280">
        <v>0</v>
      </c>
      <c r="BD27" s="281">
        <v>130</v>
      </c>
      <c r="BE27" s="282">
        <v>130</v>
      </c>
      <c r="BF27" s="276">
        <v>0</v>
      </c>
      <c r="BG27" s="280">
        <v>0</v>
      </c>
      <c r="BH27" s="277">
        <v>0</v>
      </c>
      <c r="BI27" s="279">
        <v>0</v>
      </c>
      <c r="BJ27" s="280">
        <v>20</v>
      </c>
      <c r="BK27" s="280">
        <v>51</v>
      </c>
      <c r="BL27" s="280">
        <v>36</v>
      </c>
      <c r="BM27" s="280">
        <v>3</v>
      </c>
      <c r="BN27" s="280">
        <v>0</v>
      </c>
      <c r="BO27" s="277">
        <v>110</v>
      </c>
      <c r="BP27" s="282">
        <v>110</v>
      </c>
      <c r="BQ27" s="276">
        <v>0</v>
      </c>
      <c r="BR27" s="280">
        <v>0</v>
      </c>
      <c r="BS27" s="277">
        <v>0</v>
      </c>
      <c r="BT27" s="279">
        <v>0</v>
      </c>
      <c r="BU27" s="280">
        <v>10</v>
      </c>
      <c r="BV27" s="280">
        <v>0</v>
      </c>
      <c r="BW27" s="280">
        <v>5</v>
      </c>
      <c r="BX27" s="280">
        <v>17</v>
      </c>
      <c r="BY27" s="280">
        <v>0</v>
      </c>
      <c r="BZ27" s="277">
        <v>32</v>
      </c>
      <c r="CA27" s="282">
        <v>32</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2">
        <v>0</v>
      </c>
      <c r="F28" s="279">
        <v>0</v>
      </c>
      <c r="G28" s="280">
        <v>129</v>
      </c>
      <c r="H28" s="280">
        <v>97</v>
      </c>
      <c r="I28" s="280">
        <v>221</v>
      </c>
      <c r="J28" s="280">
        <v>14</v>
      </c>
      <c r="K28" s="280">
        <v>-7</v>
      </c>
      <c r="L28" s="281">
        <v>454</v>
      </c>
      <c r="M28" s="282">
        <v>454</v>
      </c>
      <c r="N28" s="276">
        <v>0</v>
      </c>
      <c r="O28" s="280">
        <v>0</v>
      </c>
      <c r="P28" s="277">
        <v>0</v>
      </c>
      <c r="Q28" s="279">
        <v>0</v>
      </c>
      <c r="R28" s="280">
        <v>0</v>
      </c>
      <c r="S28" s="280">
        <v>0</v>
      </c>
      <c r="T28" s="280">
        <v>0</v>
      </c>
      <c r="U28" s="280">
        <v>15</v>
      </c>
      <c r="V28" s="280">
        <v>21</v>
      </c>
      <c r="W28" s="277">
        <v>36</v>
      </c>
      <c r="X28" s="282">
        <v>36</v>
      </c>
      <c r="Y28" s="276">
        <v>0</v>
      </c>
      <c r="Z28" s="280">
        <v>9</v>
      </c>
      <c r="AA28" s="277">
        <v>9</v>
      </c>
      <c r="AB28" s="279">
        <v>0</v>
      </c>
      <c r="AC28" s="280">
        <v>15</v>
      </c>
      <c r="AD28" s="280">
        <v>21</v>
      </c>
      <c r="AE28" s="280">
        <v>24</v>
      </c>
      <c r="AF28" s="280">
        <v>9</v>
      </c>
      <c r="AG28" s="280">
        <v>4</v>
      </c>
      <c r="AH28" s="277">
        <v>73</v>
      </c>
      <c r="AI28" s="282">
        <v>82</v>
      </c>
      <c r="AJ28" s="276">
        <v>0</v>
      </c>
      <c r="AK28" s="280">
        <v>0</v>
      </c>
      <c r="AL28" s="277">
        <v>0</v>
      </c>
      <c r="AM28" s="279">
        <v>0</v>
      </c>
      <c r="AN28" s="280">
        <v>2</v>
      </c>
      <c r="AO28" s="280">
        <v>27</v>
      </c>
      <c r="AP28" s="280">
        <v>0</v>
      </c>
      <c r="AQ28" s="280">
        <v>0</v>
      </c>
      <c r="AR28" s="280">
        <v>0</v>
      </c>
      <c r="AS28" s="277">
        <v>29</v>
      </c>
      <c r="AT28" s="282">
        <v>29</v>
      </c>
      <c r="AU28" s="276">
        <v>0</v>
      </c>
      <c r="AV28" s="280">
        <v>0</v>
      </c>
      <c r="AW28" s="277">
        <v>0</v>
      </c>
      <c r="AX28" s="279">
        <v>0</v>
      </c>
      <c r="AY28" s="280">
        <v>76</v>
      </c>
      <c r="AZ28" s="280">
        <v>63</v>
      </c>
      <c r="BA28" s="280">
        <v>22</v>
      </c>
      <c r="BB28" s="280">
        <v>1</v>
      </c>
      <c r="BC28" s="280">
        <v>0</v>
      </c>
      <c r="BD28" s="281">
        <v>162</v>
      </c>
      <c r="BE28" s="282">
        <v>162</v>
      </c>
      <c r="BF28" s="276">
        <v>0</v>
      </c>
      <c r="BG28" s="280">
        <v>0</v>
      </c>
      <c r="BH28" s="277">
        <v>0</v>
      </c>
      <c r="BI28" s="279">
        <v>0</v>
      </c>
      <c r="BJ28" s="280">
        <v>17</v>
      </c>
      <c r="BK28" s="280">
        <v>21</v>
      </c>
      <c r="BL28" s="280">
        <v>9</v>
      </c>
      <c r="BM28" s="280">
        <v>0</v>
      </c>
      <c r="BN28" s="280">
        <v>0</v>
      </c>
      <c r="BO28" s="277">
        <v>47</v>
      </c>
      <c r="BP28" s="282">
        <v>47</v>
      </c>
      <c r="BQ28" s="276">
        <v>0</v>
      </c>
      <c r="BR28" s="280">
        <v>0</v>
      </c>
      <c r="BS28" s="277">
        <v>0</v>
      </c>
      <c r="BT28" s="279">
        <v>0</v>
      </c>
      <c r="BU28" s="280">
        <v>11</v>
      </c>
      <c r="BV28" s="280">
        <v>40</v>
      </c>
      <c r="BW28" s="280">
        <v>3</v>
      </c>
      <c r="BX28" s="280">
        <v>2</v>
      </c>
      <c r="BY28" s="280">
        <v>0</v>
      </c>
      <c r="BZ28" s="277">
        <v>56</v>
      </c>
      <c r="CA28" s="282">
        <v>56</v>
      </c>
      <c r="CB28" s="276">
        <v>0</v>
      </c>
      <c r="CC28" s="280">
        <v>0</v>
      </c>
      <c r="CD28" s="277">
        <v>0</v>
      </c>
      <c r="CE28" s="279">
        <v>0</v>
      </c>
      <c r="CF28" s="280">
        <v>0</v>
      </c>
      <c r="CG28" s="280">
        <v>0</v>
      </c>
      <c r="CH28" s="280">
        <v>8</v>
      </c>
      <c r="CI28" s="280">
        <v>0</v>
      </c>
      <c r="CJ28" s="280">
        <v>0</v>
      </c>
      <c r="CK28" s="277">
        <v>8</v>
      </c>
      <c r="CL28" s="282">
        <v>8</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2">
        <v>0</v>
      </c>
      <c r="F29" s="279">
        <v>0</v>
      </c>
      <c r="G29" s="280">
        <v>3</v>
      </c>
      <c r="H29" s="280">
        <v>55</v>
      </c>
      <c r="I29" s="280">
        <v>68</v>
      </c>
      <c r="J29" s="280">
        <v>177</v>
      </c>
      <c r="K29" s="280">
        <v>104</v>
      </c>
      <c r="L29" s="281">
        <v>407</v>
      </c>
      <c r="M29" s="282">
        <v>407</v>
      </c>
      <c r="N29" s="276">
        <v>0</v>
      </c>
      <c r="O29" s="280">
        <v>0</v>
      </c>
      <c r="P29" s="277">
        <v>0</v>
      </c>
      <c r="Q29" s="279">
        <v>0</v>
      </c>
      <c r="R29" s="280">
        <v>0</v>
      </c>
      <c r="S29" s="280">
        <v>0</v>
      </c>
      <c r="T29" s="280">
        <v>1</v>
      </c>
      <c r="U29" s="280">
        <v>5</v>
      </c>
      <c r="V29" s="280">
        <v>5</v>
      </c>
      <c r="W29" s="277">
        <v>11</v>
      </c>
      <c r="X29" s="282">
        <v>11</v>
      </c>
      <c r="Y29" s="276">
        <v>0</v>
      </c>
      <c r="Z29" s="280">
        <v>31</v>
      </c>
      <c r="AA29" s="277">
        <v>31</v>
      </c>
      <c r="AB29" s="279">
        <v>0</v>
      </c>
      <c r="AC29" s="280">
        <v>41</v>
      </c>
      <c r="AD29" s="280">
        <v>49</v>
      </c>
      <c r="AE29" s="280">
        <v>31</v>
      </c>
      <c r="AF29" s="280">
        <v>48</v>
      </c>
      <c r="AG29" s="280">
        <v>37</v>
      </c>
      <c r="AH29" s="277">
        <v>206</v>
      </c>
      <c r="AI29" s="282">
        <v>237</v>
      </c>
      <c r="AJ29" s="276">
        <v>0</v>
      </c>
      <c r="AK29" s="280">
        <v>0</v>
      </c>
      <c r="AL29" s="277">
        <v>0</v>
      </c>
      <c r="AM29" s="279">
        <v>0</v>
      </c>
      <c r="AN29" s="280">
        <v>0</v>
      </c>
      <c r="AO29" s="280">
        <v>15</v>
      </c>
      <c r="AP29" s="280">
        <v>0</v>
      </c>
      <c r="AQ29" s="280">
        <v>0</v>
      </c>
      <c r="AR29" s="280">
        <v>0</v>
      </c>
      <c r="AS29" s="277">
        <v>15</v>
      </c>
      <c r="AT29" s="282">
        <v>15</v>
      </c>
      <c r="AU29" s="276">
        <v>0</v>
      </c>
      <c r="AV29" s="280">
        <v>0</v>
      </c>
      <c r="AW29" s="277">
        <v>0</v>
      </c>
      <c r="AX29" s="279">
        <v>0</v>
      </c>
      <c r="AY29" s="280">
        <v>92</v>
      </c>
      <c r="AZ29" s="280">
        <v>68</v>
      </c>
      <c r="BA29" s="280">
        <v>73</v>
      </c>
      <c r="BB29" s="280">
        <v>47</v>
      </c>
      <c r="BC29" s="280">
        <v>2</v>
      </c>
      <c r="BD29" s="281">
        <v>282</v>
      </c>
      <c r="BE29" s="282">
        <v>282</v>
      </c>
      <c r="BF29" s="276">
        <v>0</v>
      </c>
      <c r="BG29" s="280">
        <v>0</v>
      </c>
      <c r="BH29" s="277">
        <v>0</v>
      </c>
      <c r="BI29" s="279">
        <v>0</v>
      </c>
      <c r="BJ29" s="280">
        <v>0</v>
      </c>
      <c r="BK29" s="280">
        <v>33</v>
      </c>
      <c r="BL29" s="280">
        <v>8</v>
      </c>
      <c r="BM29" s="280">
        <v>0</v>
      </c>
      <c r="BN29" s="280">
        <v>0</v>
      </c>
      <c r="BO29" s="277">
        <v>41</v>
      </c>
      <c r="BP29" s="282">
        <v>41</v>
      </c>
      <c r="BQ29" s="276">
        <v>0</v>
      </c>
      <c r="BR29" s="280">
        <v>3</v>
      </c>
      <c r="BS29" s="277">
        <v>3</v>
      </c>
      <c r="BT29" s="279">
        <v>0</v>
      </c>
      <c r="BU29" s="280">
        <v>5</v>
      </c>
      <c r="BV29" s="280">
        <v>3</v>
      </c>
      <c r="BW29" s="280">
        <v>14</v>
      </c>
      <c r="BX29" s="280">
        <v>0</v>
      </c>
      <c r="BY29" s="280">
        <v>16</v>
      </c>
      <c r="BZ29" s="277">
        <v>38</v>
      </c>
      <c r="CA29" s="282">
        <v>41</v>
      </c>
      <c r="CB29" s="276">
        <v>0</v>
      </c>
      <c r="CC29" s="280">
        <v>0</v>
      </c>
      <c r="CD29" s="277">
        <v>0</v>
      </c>
      <c r="CE29" s="279">
        <v>0</v>
      </c>
      <c r="CF29" s="280">
        <v>3</v>
      </c>
      <c r="CG29" s="280">
        <v>0</v>
      </c>
      <c r="CH29" s="280">
        <v>7</v>
      </c>
      <c r="CI29" s="280">
        <v>0</v>
      </c>
      <c r="CJ29" s="280">
        <v>3</v>
      </c>
      <c r="CK29" s="277">
        <v>13</v>
      </c>
      <c r="CL29" s="282">
        <v>13</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2">
        <v>0</v>
      </c>
      <c r="F30" s="279">
        <v>0</v>
      </c>
      <c r="G30" s="280">
        <v>0</v>
      </c>
      <c r="H30" s="280">
        <v>70</v>
      </c>
      <c r="I30" s="280">
        <v>0</v>
      </c>
      <c r="J30" s="280">
        <v>18</v>
      </c>
      <c r="K30" s="280">
        <v>0</v>
      </c>
      <c r="L30" s="281">
        <v>88</v>
      </c>
      <c r="M30" s="282">
        <v>88</v>
      </c>
      <c r="N30" s="276">
        <v>0</v>
      </c>
      <c r="O30" s="280">
        <v>0</v>
      </c>
      <c r="P30" s="277">
        <v>0</v>
      </c>
      <c r="Q30" s="279">
        <v>0</v>
      </c>
      <c r="R30" s="280">
        <v>0</v>
      </c>
      <c r="S30" s="280">
        <v>0</v>
      </c>
      <c r="T30" s="280">
        <v>0</v>
      </c>
      <c r="U30" s="280">
        <v>1</v>
      </c>
      <c r="V30" s="280">
        <v>0</v>
      </c>
      <c r="W30" s="277">
        <v>1</v>
      </c>
      <c r="X30" s="282">
        <v>1</v>
      </c>
      <c r="Y30" s="276">
        <v>0</v>
      </c>
      <c r="Z30" s="280">
        <v>0</v>
      </c>
      <c r="AA30" s="277">
        <v>0</v>
      </c>
      <c r="AB30" s="279">
        <v>0</v>
      </c>
      <c r="AC30" s="280">
        <v>0</v>
      </c>
      <c r="AD30" s="280">
        <v>19</v>
      </c>
      <c r="AE30" s="280">
        <v>0</v>
      </c>
      <c r="AF30" s="280">
        <v>8</v>
      </c>
      <c r="AG30" s="280">
        <v>0</v>
      </c>
      <c r="AH30" s="277">
        <v>27</v>
      </c>
      <c r="AI30" s="282">
        <v>27</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30</v>
      </c>
      <c r="AZ30" s="280">
        <v>3</v>
      </c>
      <c r="BA30" s="280">
        <v>0</v>
      </c>
      <c r="BB30" s="280">
        <v>0</v>
      </c>
      <c r="BC30" s="280">
        <v>0</v>
      </c>
      <c r="BD30" s="281">
        <v>33</v>
      </c>
      <c r="BE30" s="282">
        <v>33</v>
      </c>
      <c r="BF30" s="276">
        <v>0</v>
      </c>
      <c r="BG30" s="280">
        <v>0</v>
      </c>
      <c r="BH30" s="277">
        <v>0</v>
      </c>
      <c r="BI30" s="279">
        <v>0</v>
      </c>
      <c r="BJ30" s="280">
        <v>0</v>
      </c>
      <c r="BK30" s="280">
        <v>0</v>
      </c>
      <c r="BL30" s="280">
        <v>1</v>
      </c>
      <c r="BM30" s="280">
        <v>0</v>
      </c>
      <c r="BN30" s="280">
        <v>0</v>
      </c>
      <c r="BO30" s="277">
        <v>1</v>
      </c>
      <c r="BP30" s="282">
        <v>1</v>
      </c>
      <c r="BQ30" s="276">
        <v>0</v>
      </c>
      <c r="BR30" s="280">
        <v>0</v>
      </c>
      <c r="BS30" s="277">
        <v>0</v>
      </c>
      <c r="BT30" s="279">
        <v>0</v>
      </c>
      <c r="BU30" s="280">
        <v>0</v>
      </c>
      <c r="BV30" s="280">
        <v>0</v>
      </c>
      <c r="BW30" s="280">
        <v>0</v>
      </c>
      <c r="BX30" s="280">
        <v>0</v>
      </c>
      <c r="BY30" s="280">
        <v>14</v>
      </c>
      <c r="BZ30" s="277">
        <v>14</v>
      </c>
      <c r="CA30" s="282">
        <v>14</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2">
        <v>0</v>
      </c>
      <c r="F31" s="279">
        <v>0</v>
      </c>
      <c r="G31" s="280">
        <v>0</v>
      </c>
      <c r="H31" s="280">
        <v>37</v>
      </c>
      <c r="I31" s="280">
        <v>0</v>
      </c>
      <c r="J31" s="280">
        <v>6</v>
      </c>
      <c r="K31" s="280">
        <v>0</v>
      </c>
      <c r="L31" s="281">
        <v>43</v>
      </c>
      <c r="M31" s="282">
        <v>43</v>
      </c>
      <c r="N31" s="276">
        <v>0</v>
      </c>
      <c r="O31" s="280">
        <v>0</v>
      </c>
      <c r="P31" s="277">
        <v>0</v>
      </c>
      <c r="Q31" s="279">
        <v>0</v>
      </c>
      <c r="R31" s="280">
        <v>0</v>
      </c>
      <c r="S31" s="280">
        <v>0</v>
      </c>
      <c r="T31" s="280">
        <v>0</v>
      </c>
      <c r="U31" s="280">
        <v>0</v>
      </c>
      <c r="V31" s="280">
        <v>4</v>
      </c>
      <c r="W31" s="277">
        <v>4</v>
      </c>
      <c r="X31" s="282">
        <v>4</v>
      </c>
      <c r="Y31" s="276">
        <v>0</v>
      </c>
      <c r="Z31" s="280">
        <v>2</v>
      </c>
      <c r="AA31" s="277">
        <v>2</v>
      </c>
      <c r="AB31" s="279">
        <v>0</v>
      </c>
      <c r="AC31" s="280">
        <v>0</v>
      </c>
      <c r="AD31" s="280">
        <v>4</v>
      </c>
      <c r="AE31" s="280">
        <v>0</v>
      </c>
      <c r="AF31" s="280">
        <v>0</v>
      </c>
      <c r="AG31" s="280">
        <v>0</v>
      </c>
      <c r="AH31" s="277">
        <v>4</v>
      </c>
      <c r="AI31" s="282">
        <v>6</v>
      </c>
      <c r="AJ31" s="276">
        <v>0</v>
      </c>
      <c r="AK31" s="280">
        <v>0</v>
      </c>
      <c r="AL31" s="277">
        <v>0</v>
      </c>
      <c r="AM31" s="279">
        <v>0</v>
      </c>
      <c r="AN31" s="280">
        <v>0</v>
      </c>
      <c r="AO31" s="280">
        <v>12</v>
      </c>
      <c r="AP31" s="280">
        <v>0</v>
      </c>
      <c r="AQ31" s="280">
        <v>0</v>
      </c>
      <c r="AR31" s="280">
        <v>0</v>
      </c>
      <c r="AS31" s="277">
        <v>12</v>
      </c>
      <c r="AT31" s="282">
        <v>12</v>
      </c>
      <c r="AU31" s="276">
        <v>0</v>
      </c>
      <c r="AV31" s="280">
        <v>0</v>
      </c>
      <c r="AW31" s="277">
        <v>0</v>
      </c>
      <c r="AX31" s="279">
        <v>0</v>
      </c>
      <c r="AY31" s="280">
        <v>37</v>
      </c>
      <c r="AZ31" s="280">
        <v>34</v>
      </c>
      <c r="BA31" s="280">
        <v>3</v>
      </c>
      <c r="BB31" s="280">
        <v>0</v>
      </c>
      <c r="BC31" s="280">
        <v>0</v>
      </c>
      <c r="BD31" s="281">
        <v>74</v>
      </c>
      <c r="BE31" s="282">
        <v>74</v>
      </c>
      <c r="BF31" s="276">
        <v>0</v>
      </c>
      <c r="BG31" s="280">
        <v>0</v>
      </c>
      <c r="BH31" s="277">
        <v>0</v>
      </c>
      <c r="BI31" s="279">
        <v>0</v>
      </c>
      <c r="BJ31" s="280">
        <v>0</v>
      </c>
      <c r="BK31" s="280">
        <v>0</v>
      </c>
      <c r="BL31" s="280">
        <v>0</v>
      </c>
      <c r="BM31" s="280">
        <v>0</v>
      </c>
      <c r="BN31" s="280">
        <v>0</v>
      </c>
      <c r="BO31" s="277">
        <v>0</v>
      </c>
      <c r="BP31" s="282">
        <v>0</v>
      </c>
      <c r="BQ31" s="276">
        <v>0</v>
      </c>
      <c r="BR31" s="280">
        <v>0</v>
      </c>
      <c r="BS31" s="277">
        <v>0</v>
      </c>
      <c r="BT31" s="279">
        <v>0</v>
      </c>
      <c r="BU31" s="280">
        <v>0</v>
      </c>
      <c r="BV31" s="280">
        <v>0</v>
      </c>
      <c r="BW31" s="280">
        <v>8</v>
      </c>
      <c r="BX31" s="280">
        <v>0</v>
      </c>
      <c r="BY31" s="280">
        <v>7</v>
      </c>
      <c r="BZ31" s="277">
        <v>15</v>
      </c>
      <c r="CA31" s="282">
        <v>15</v>
      </c>
      <c r="CB31" s="276">
        <v>0</v>
      </c>
      <c r="CC31" s="280">
        <v>0</v>
      </c>
      <c r="CD31" s="277">
        <v>0</v>
      </c>
      <c r="CE31" s="279">
        <v>0</v>
      </c>
      <c r="CF31" s="280">
        <v>0</v>
      </c>
      <c r="CG31" s="280">
        <v>0</v>
      </c>
      <c r="CH31" s="280">
        <v>0</v>
      </c>
      <c r="CI31" s="280">
        <v>0</v>
      </c>
      <c r="CJ31" s="280">
        <v>4</v>
      </c>
      <c r="CK31" s="277">
        <v>4</v>
      </c>
      <c r="CL31" s="282">
        <v>4</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2">
        <v>0</v>
      </c>
      <c r="F32" s="279">
        <v>0</v>
      </c>
      <c r="G32" s="280">
        <v>8</v>
      </c>
      <c r="H32" s="280">
        <v>0</v>
      </c>
      <c r="I32" s="280">
        <v>21</v>
      </c>
      <c r="J32" s="280">
        <v>11</v>
      </c>
      <c r="K32" s="280">
        <v>67</v>
      </c>
      <c r="L32" s="281">
        <v>107</v>
      </c>
      <c r="M32" s="282">
        <v>107</v>
      </c>
      <c r="N32" s="276">
        <v>0</v>
      </c>
      <c r="O32" s="280">
        <v>0</v>
      </c>
      <c r="P32" s="277">
        <v>0</v>
      </c>
      <c r="Q32" s="279">
        <v>0</v>
      </c>
      <c r="R32" s="280">
        <v>0</v>
      </c>
      <c r="S32" s="280">
        <v>0</v>
      </c>
      <c r="T32" s="280">
        <v>0</v>
      </c>
      <c r="U32" s="280">
        <v>0</v>
      </c>
      <c r="V32" s="280">
        <v>0</v>
      </c>
      <c r="W32" s="277">
        <v>0</v>
      </c>
      <c r="X32" s="282">
        <v>0</v>
      </c>
      <c r="Y32" s="276">
        <v>0</v>
      </c>
      <c r="Z32" s="280">
        <v>9</v>
      </c>
      <c r="AA32" s="277">
        <v>9</v>
      </c>
      <c r="AB32" s="279">
        <v>0</v>
      </c>
      <c r="AC32" s="280">
        <v>7</v>
      </c>
      <c r="AD32" s="280">
        <v>0</v>
      </c>
      <c r="AE32" s="280">
        <v>4</v>
      </c>
      <c r="AF32" s="280">
        <v>5</v>
      </c>
      <c r="AG32" s="280">
        <v>7</v>
      </c>
      <c r="AH32" s="277">
        <v>23</v>
      </c>
      <c r="AI32" s="282">
        <v>32</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3</v>
      </c>
      <c r="AZ32" s="280">
        <v>0</v>
      </c>
      <c r="BA32" s="280">
        <v>0</v>
      </c>
      <c r="BB32" s="280">
        <v>14</v>
      </c>
      <c r="BC32" s="280">
        <v>0</v>
      </c>
      <c r="BD32" s="281">
        <v>17</v>
      </c>
      <c r="BE32" s="282">
        <v>17</v>
      </c>
      <c r="BF32" s="276">
        <v>0</v>
      </c>
      <c r="BG32" s="280">
        <v>0</v>
      </c>
      <c r="BH32" s="277">
        <v>0</v>
      </c>
      <c r="BI32" s="279">
        <v>0</v>
      </c>
      <c r="BJ32" s="280">
        <v>0</v>
      </c>
      <c r="BK32" s="280">
        <v>0</v>
      </c>
      <c r="BL32" s="280">
        <v>21</v>
      </c>
      <c r="BM32" s="280">
        <v>0</v>
      </c>
      <c r="BN32" s="280">
        <v>0</v>
      </c>
      <c r="BO32" s="277">
        <v>21</v>
      </c>
      <c r="BP32" s="282">
        <v>21</v>
      </c>
      <c r="BQ32" s="276">
        <v>0</v>
      </c>
      <c r="BR32" s="280">
        <v>0</v>
      </c>
      <c r="BS32" s="277">
        <v>0</v>
      </c>
      <c r="BT32" s="279">
        <v>0</v>
      </c>
      <c r="BU32" s="280">
        <v>0</v>
      </c>
      <c r="BV32" s="280">
        <v>0</v>
      </c>
      <c r="BW32" s="280">
        <v>15</v>
      </c>
      <c r="BX32" s="280">
        <v>8</v>
      </c>
      <c r="BY32" s="280">
        <v>0</v>
      </c>
      <c r="BZ32" s="277">
        <v>23</v>
      </c>
      <c r="CA32" s="282">
        <v>23</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2">
        <v>0</v>
      </c>
      <c r="F33" s="279">
        <v>0</v>
      </c>
      <c r="G33" s="280">
        <v>4</v>
      </c>
      <c r="H33" s="280">
        <v>0</v>
      </c>
      <c r="I33" s="280">
        <v>33</v>
      </c>
      <c r="J33" s="280">
        <v>0</v>
      </c>
      <c r="K33" s="280">
        <v>0</v>
      </c>
      <c r="L33" s="281">
        <v>37</v>
      </c>
      <c r="M33" s="282">
        <v>37</v>
      </c>
      <c r="N33" s="276">
        <v>0</v>
      </c>
      <c r="O33" s="280">
        <v>0</v>
      </c>
      <c r="P33" s="277">
        <v>0</v>
      </c>
      <c r="Q33" s="279">
        <v>0</v>
      </c>
      <c r="R33" s="280">
        <v>0</v>
      </c>
      <c r="S33" s="280">
        <v>4</v>
      </c>
      <c r="T33" s="280">
        <v>9</v>
      </c>
      <c r="U33" s="280">
        <v>0</v>
      </c>
      <c r="V33" s="280">
        <v>0</v>
      </c>
      <c r="W33" s="277">
        <v>13</v>
      </c>
      <c r="X33" s="282">
        <v>13</v>
      </c>
      <c r="Y33" s="276">
        <v>2</v>
      </c>
      <c r="Z33" s="280">
        <v>0</v>
      </c>
      <c r="AA33" s="277">
        <v>2</v>
      </c>
      <c r="AB33" s="279">
        <v>0</v>
      </c>
      <c r="AC33" s="280">
        <v>0</v>
      </c>
      <c r="AD33" s="280">
        <v>11</v>
      </c>
      <c r="AE33" s="280">
        <v>8</v>
      </c>
      <c r="AF33" s="280">
        <v>7</v>
      </c>
      <c r="AG33" s="280">
        <v>0</v>
      </c>
      <c r="AH33" s="277">
        <v>26</v>
      </c>
      <c r="AI33" s="282">
        <v>28</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11</v>
      </c>
      <c r="AZ33" s="280">
        <v>31</v>
      </c>
      <c r="BA33" s="280">
        <v>6</v>
      </c>
      <c r="BB33" s="280">
        <v>5</v>
      </c>
      <c r="BC33" s="280">
        <v>0</v>
      </c>
      <c r="BD33" s="281">
        <v>53</v>
      </c>
      <c r="BE33" s="282">
        <v>53</v>
      </c>
      <c r="BF33" s="276">
        <v>0</v>
      </c>
      <c r="BG33" s="280">
        <v>0</v>
      </c>
      <c r="BH33" s="277">
        <v>0</v>
      </c>
      <c r="BI33" s="279">
        <v>0</v>
      </c>
      <c r="BJ33" s="280">
        <v>5</v>
      </c>
      <c r="BK33" s="280">
        <v>8</v>
      </c>
      <c r="BL33" s="280">
        <v>12</v>
      </c>
      <c r="BM33" s="280">
        <v>0</v>
      </c>
      <c r="BN33" s="280">
        <v>0</v>
      </c>
      <c r="BO33" s="277">
        <v>25</v>
      </c>
      <c r="BP33" s="282">
        <v>25</v>
      </c>
      <c r="BQ33" s="276">
        <v>0</v>
      </c>
      <c r="BR33" s="280">
        <v>0</v>
      </c>
      <c r="BS33" s="277">
        <v>0</v>
      </c>
      <c r="BT33" s="279">
        <v>0</v>
      </c>
      <c r="BU33" s="280">
        <v>0</v>
      </c>
      <c r="BV33" s="280">
        <v>15</v>
      </c>
      <c r="BW33" s="280">
        <v>6</v>
      </c>
      <c r="BX33" s="280">
        <v>3</v>
      </c>
      <c r="BY33" s="280">
        <v>0</v>
      </c>
      <c r="BZ33" s="277">
        <v>24</v>
      </c>
      <c r="CA33" s="282">
        <v>24</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2">
        <v>0</v>
      </c>
      <c r="F34" s="279">
        <v>0</v>
      </c>
      <c r="G34" s="280">
        <v>9</v>
      </c>
      <c r="H34" s="280">
        <v>44</v>
      </c>
      <c r="I34" s="280">
        <v>18</v>
      </c>
      <c r="J34" s="280">
        <v>253</v>
      </c>
      <c r="K34" s="280">
        <v>91</v>
      </c>
      <c r="L34" s="281">
        <v>415</v>
      </c>
      <c r="M34" s="282">
        <v>415</v>
      </c>
      <c r="N34" s="276">
        <v>0</v>
      </c>
      <c r="O34" s="280">
        <v>0</v>
      </c>
      <c r="P34" s="277">
        <v>0</v>
      </c>
      <c r="Q34" s="279">
        <v>0</v>
      </c>
      <c r="R34" s="280">
        <v>0</v>
      </c>
      <c r="S34" s="280">
        <v>0</v>
      </c>
      <c r="T34" s="280">
        <v>0</v>
      </c>
      <c r="U34" s="280">
        <v>0</v>
      </c>
      <c r="V34" s="280">
        <v>4</v>
      </c>
      <c r="W34" s="277">
        <v>4</v>
      </c>
      <c r="X34" s="282">
        <v>4</v>
      </c>
      <c r="Y34" s="276">
        <v>0</v>
      </c>
      <c r="Z34" s="280">
        <v>2</v>
      </c>
      <c r="AA34" s="277">
        <v>2</v>
      </c>
      <c r="AB34" s="279">
        <v>0</v>
      </c>
      <c r="AC34" s="280">
        <v>6</v>
      </c>
      <c r="AD34" s="280">
        <v>35</v>
      </c>
      <c r="AE34" s="280">
        <v>11</v>
      </c>
      <c r="AF34" s="280">
        <v>0</v>
      </c>
      <c r="AG34" s="280">
        <v>0</v>
      </c>
      <c r="AH34" s="277">
        <v>52</v>
      </c>
      <c r="AI34" s="282">
        <v>54</v>
      </c>
      <c r="AJ34" s="276">
        <v>0</v>
      </c>
      <c r="AK34" s="280">
        <v>0</v>
      </c>
      <c r="AL34" s="277">
        <v>0</v>
      </c>
      <c r="AM34" s="279">
        <v>0</v>
      </c>
      <c r="AN34" s="280">
        <v>0</v>
      </c>
      <c r="AO34" s="280">
        <v>12</v>
      </c>
      <c r="AP34" s="280">
        <v>0</v>
      </c>
      <c r="AQ34" s="280">
        <v>0</v>
      </c>
      <c r="AR34" s="280">
        <v>0</v>
      </c>
      <c r="AS34" s="277">
        <v>12</v>
      </c>
      <c r="AT34" s="282">
        <v>12</v>
      </c>
      <c r="AU34" s="276">
        <v>0</v>
      </c>
      <c r="AV34" s="280">
        <v>0</v>
      </c>
      <c r="AW34" s="277">
        <v>0</v>
      </c>
      <c r="AX34" s="279">
        <v>0</v>
      </c>
      <c r="AY34" s="280">
        <v>21</v>
      </c>
      <c r="AZ34" s="280">
        <v>36</v>
      </c>
      <c r="BA34" s="280">
        <v>8</v>
      </c>
      <c r="BB34" s="280">
        <v>0</v>
      </c>
      <c r="BC34" s="280">
        <v>13</v>
      </c>
      <c r="BD34" s="281">
        <v>78</v>
      </c>
      <c r="BE34" s="282">
        <v>78</v>
      </c>
      <c r="BF34" s="276">
        <v>0</v>
      </c>
      <c r="BG34" s="280">
        <v>0</v>
      </c>
      <c r="BH34" s="277">
        <v>0</v>
      </c>
      <c r="BI34" s="279">
        <v>0</v>
      </c>
      <c r="BJ34" s="280">
        <v>13</v>
      </c>
      <c r="BK34" s="280">
        <v>36</v>
      </c>
      <c r="BL34" s="280">
        <v>0</v>
      </c>
      <c r="BM34" s="280">
        <v>0</v>
      </c>
      <c r="BN34" s="280">
        <v>5</v>
      </c>
      <c r="BO34" s="277">
        <v>54</v>
      </c>
      <c r="BP34" s="282">
        <v>54</v>
      </c>
      <c r="BQ34" s="276">
        <v>0</v>
      </c>
      <c r="BR34" s="280">
        <v>0</v>
      </c>
      <c r="BS34" s="277">
        <v>0</v>
      </c>
      <c r="BT34" s="279">
        <v>0</v>
      </c>
      <c r="BU34" s="280">
        <v>0</v>
      </c>
      <c r="BV34" s="280">
        <v>0</v>
      </c>
      <c r="BW34" s="280">
        <v>0</v>
      </c>
      <c r="BX34" s="280">
        <v>0</v>
      </c>
      <c r="BY34" s="280">
        <v>9</v>
      </c>
      <c r="BZ34" s="277">
        <v>9</v>
      </c>
      <c r="CA34" s="282">
        <v>9</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2">
        <v>0</v>
      </c>
      <c r="F35" s="279">
        <v>0</v>
      </c>
      <c r="G35" s="280">
        <v>3</v>
      </c>
      <c r="H35" s="280">
        <v>2</v>
      </c>
      <c r="I35" s="280">
        <v>0</v>
      </c>
      <c r="J35" s="280">
        <v>0</v>
      </c>
      <c r="K35" s="280">
        <v>12</v>
      </c>
      <c r="L35" s="281">
        <v>17</v>
      </c>
      <c r="M35" s="282">
        <v>17</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4</v>
      </c>
      <c r="AD35" s="280">
        <v>5</v>
      </c>
      <c r="AE35" s="280">
        <v>0</v>
      </c>
      <c r="AF35" s="280">
        <v>0</v>
      </c>
      <c r="AG35" s="280">
        <v>3</v>
      </c>
      <c r="AH35" s="277">
        <v>12</v>
      </c>
      <c r="AI35" s="282">
        <v>12</v>
      </c>
      <c r="AJ35" s="276">
        <v>30</v>
      </c>
      <c r="AK35" s="280">
        <v>15</v>
      </c>
      <c r="AL35" s="277">
        <v>45</v>
      </c>
      <c r="AM35" s="279">
        <v>0</v>
      </c>
      <c r="AN35" s="280">
        <v>12</v>
      </c>
      <c r="AO35" s="280">
        <v>0</v>
      </c>
      <c r="AP35" s="280">
        <v>12</v>
      </c>
      <c r="AQ35" s="280">
        <v>0</v>
      </c>
      <c r="AR35" s="280">
        <v>22</v>
      </c>
      <c r="AS35" s="277">
        <v>46</v>
      </c>
      <c r="AT35" s="282">
        <v>91</v>
      </c>
      <c r="AU35" s="276">
        <v>0</v>
      </c>
      <c r="AV35" s="280">
        <v>0</v>
      </c>
      <c r="AW35" s="277">
        <v>0</v>
      </c>
      <c r="AX35" s="279">
        <v>0</v>
      </c>
      <c r="AY35" s="280">
        <v>5</v>
      </c>
      <c r="AZ35" s="280">
        <v>0</v>
      </c>
      <c r="BA35" s="280">
        <v>0</v>
      </c>
      <c r="BB35" s="280">
        <v>0</v>
      </c>
      <c r="BC35" s="280">
        <v>0</v>
      </c>
      <c r="BD35" s="281">
        <v>5</v>
      </c>
      <c r="BE35" s="282">
        <v>5</v>
      </c>
      <c r="BF35" s="276">
        <v>0</v>
      </c>
      <c r="BG35" s="280">
        <v>0</v>
      </c>
      <c r="BH35" s="277">
        <v>0</v>
      </c>
      <c r="BI35" s="279">
        <v>0</v>
      </c>
      <c r="BJ35" s="280">
        <v>8</v>
      </c>
      <c r="BK35" s="280">
        <v>9</v>
      </c>
      <c r="BL35" s="280">
        <v>0</v>
      </c>
      <c r="BM35" s="280">
        <v>0</v>
      </c>
      <c r="BN35" s="280">
        <v>0</v>
      </c>
      <c r="BO35" s="277">
        <v>17</v>
      </c>
      <c r="BP35" s="282">
        <v>17</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2">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2</v>
      </c>
      <c r="AD36" s="280">
        <v>0</v>
      </c>
      <c r="AE36" s="280">
        <v>0</v>
      </c>
      <c r="AF36" s="280">
        <v>0</v>
      </c>
      <c r="AG36" s="280">
        <v>0</v>
      </c>
      <c r="AH36" s="277">
        <v>2</v>
      </c>
      <c r="AI36" s="282">
        <v>2</v>
      </c>
      <c r="AJ36" s="276">
        <v>0</v>
      </c>
      <c r="AK36" s="280">
        <v>0</v>
      </c>
      <c r="AL36" s="277">
        <v>0</v>
      </c>
      <c r="AM36" s="279">
        <v>0</v>
      </c>
      <c r="AN36" s="280">
        <v>0</v>
      </c>
      <c r="AO36" s="280">
        <v>24</v>
      </c>
      <c r="AP36" s="280">
        <v>0</v>
      </c>
      <c r="AQ36" s="280">
        <v>0</v>
      </c>
      <c r="AR36" s="280">
        <v>0</v>
      </c>
      <c r="AS36" s="277">
        <v>24</v>
      </c>
      <c r="AT36" s="282">
        <v>24</v>
      </c>
      <c r="AU36" s="276">
        <v>0</v>
      </c>
      <c r="AV36" s="280">
        <v>0</v>
      </c>
      <c r="AW36" s="277">
        <v>0</v>
      </c>
      <c r="AX36" s="279">
        <v>0</v>
      </c>
      <c r="AY36" s="280">
        <v>0</v>
      </c>
      <c r="AZ36" s="280">
        <v>3</v>
      </c>
      <c r="BA36" s="280">
        <v>0</v>
      </c>
      <c r="BB36" s="280">
        <v>4</v>
      </c>
      <c r="BC36" s="280">
        <v>0</v>
      </c>
      <c r="BD36" s="281">
        <v>7</v>
      </c>
      <c r="BE36" s="282">
        <v>7</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2">
        <v>0</v>
      </c>
      <c r="F37" s="279">
        <v>0</v>
      </c>
      <c r="G37" s="280">
        <v>99</v>
      </c>
      <c r="H37" s="280">
        <v>11</v>
      </c>
      <c r="I37" s="280">
        <v>0</v>
      </c>
      <c r="J37" s="280">
        <v>0</v>
      </c>
      <c r="K37" s="280">
        <v>81</v>
      </c>
      <c r="L37" s="281">
        <v>191</v>
      </c>
      <c r="M37" s="282">
        <v>191</v>
      </c>
      <c r="N37" s="276">
        <v>0</v>
      </c>
      <c r="O37" s="280">
        <v>0</v>
      </c>
      <c r="P37" s="277">
        <v>0</v>
      </c>
      <c r="Q37" s="279">
        <v>0</v>
      </c>
      <c r="R37" s="280">
        <v>0</v>
      </c>
      <c r="S37" s="280">
        <v>0</v>
      </c>
      <c r="T37" s="280">
        <v>0</v>
      </c>
      <c r="U37" s="280">
        <v>0</v>
      </c>
      <c r="V37" s="280">
        <v>13</v>
      </c>
      <c r="W37" s="277">
        <v>13</v>
      </c>
      <c r="X37" s="282">
        <v>13</v>
      </c>
      <c r="Y37" s="276">
        <v>0</v>
      </c>
      <c r="Z37" s="280">
        <v>0</v>
      </c>
      <c r="AA37" s="277">
        <v>0</v>
      </c>
      <c r="AB37" s="279">
        <v>0</v>
      </c>
      <c r="AC37" s="280">
        <v>8</v>
      </c>
      <c r="AD37" s="280">
        <v>8</v>
      </c>
      <c r="AE37" s="280">
        <v>0</v>
      </c>
      <c r="AF37" s="280">
        <v>3</v>
      </c>
      <c r="AG37" s="280">
        <v>32</v>
      </c>
      <c r="AH37" s="277">
        <v>51</v>
      </c>
      <c r="AI37" s="282">
        <v>51</v>
      </c>
      <c r="AJ37" s="276">
        <v>8</v>
      </c>
      <c r="AK37" s="280">
        <v>0</v>
      </c>
      <c r="AL37" s="277">
        <v>8</v>
      </c>
      <c r="AM37" s="279">
        <v>0</v>
      </c>
      <c r="AN37" s="280">
        <v>30</v>
      </c>
      <c r="AO37" s="280">
        <v>0</v>
      </c>
      <c r="AP37" s="280">
        <v>4</v>
      </c>
      <c r="AQ37" s="280">
        <v>0</v>
      </c>
      <c r="AR37" s="280">
        <v>2</v>
      </c>
      <c r="AS37" s="277">
        <v>36</v>
      </c>
      <c r="AT37" s="282">
        <v>44</v>
      </c>
      <c r="AU37" s="276">
        <v>0</v>
      </c>
      <c r="AV37" s="280">
        <v>0</v>
      </c>
      <c r="AW37" s="277">
        <v>0</v>
      </c>
      <c r="AX37" s="279">
        <v>0</v>
      </c>
      <c r="AY37" s="280">
        <v>54</v>
      </c>
      <c r="AZ37" s="280">
        <v>40</v>
      </c>
      <c r="BA37" s="280">
        <v>33</v>
      </c>
      <c r="BB37" s="280">
        <v>0</v>
      </c>
      <c r="BC37" s="280">
        <v>0</v>
      </c>
      <c r="BD37" s="281">
        <v>127</v>
      </c>
      <c r="BE37" s="282">
        <v>127</v>
      </c>
      <c r="BF37" s="276">
        <v>0</v>
      </c>
      <c r="BG37" s="280">
        <v>0</v>
      </c>
      <c r="BH37" s="277">
        <v>0</v>
      </c>
      <c r="BI37" s="279">
        <v>0</v>
      </c>
      <c r="BJ37" s="280">
        <v>11</v>
      </c>
      <c r="BK37" s="280">
        <v>2</v>
      </c>
      <c r="BL37" s="280">
        <v>0</v>
      </c>
      <c r="BM37" s="280">
        <v>0</v>
      </c>
      <c r="BN37" s="280">
        <v>0</v>
      </c>
      <c r="BO37" s="277">
        <v>13</v>
      </c>
      <c r="BP37" s="282">
        <v>13</v>
      </c>
      <c r="BQ37" s="276">
        <v>0</v>
      </c>
      <c r="BR37" s="280">
        <v>0</v>
      </c>
      <c r="BS37" s="277">
        <v>0</v>
      </c>
      <c r="BT37" s="279">
        <v>0</v>
      </c>
      <c r="BU37" s="280">
        <v>0</v>
      </c>
      <c r="BV37" s="280">
        <v>8</v>
      </c>
      <c r="BW37" s="280">
        <v>0</v>
      </c>
      <c r="BX37" s="280">
        <v>0</v>
      </c>
      <c r="BY37" s="280">
        <v>0</v>
      </c>
      <c r="BZ37" s="277">
        <v>8</v>
      </c>
      <c r="CA37" s="282">
        <v>8</v>
      </c>
      <c r="CB37" s="276">
        <v>0</v>
      </c>
      <c r="CC37" s="280">
        <v>0</v>
      </c>
      <c r="CD37" s="277">
        <v>0</v>
      </c>
      <c r="CE37" s="279">
        <v>0</v>
      </c>
      <c r="CF37" s="280">
        <v>11</v>
      </c>
      <c r="CG37" s="280">
        <v>0</v>
      </c>
      <c r="CH37" s="280">
        <v>0</v>
      </c>
      <c r="CI37" s="280">
        <v>0</v>
      </c>
      <c r="CJ37" s="280">
        <v>0</v>
      </c>
      <c r="CK37" s="277">
        <v>11</v>
      </c>
      <c r="CL37" s="282">
        <v>11</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2">
        <v>0</v>
      </c>
      <c r="F38" s="279">
        <v>0</v>
      </c>
      <c r="G38" s="280">
        <v>9</v>
      </c>
      <c r="H38" s="280">
        <v>66</v>
      </c>
      <c r="I38" s="280">
        <v>14</v>
      </c>
      <c r="J38" s="280">
        <v>101</v>
      </c>
      <c r="K38" s="280">
        <v>225</v>
      </c>
      <c r="L38" s="281">
        <v>415</v>
      </c>
      <c r="M38" s="282">
        <v>415</v>
      </c>
      <c r="N38" s="276">
        <v>0</v>
      </c>
      <c r="O38" s="280">
        <v>0</v>
      </c>
      <c r="P38" s="277">
        <v>0</v>
      </c>
      <c r="Q38" s="279">
        <v>0</v>
      </c>
      <c r="R38" s="280">
        <v>0</v>
      </c>
      <c r="S38" s="280">
        <v>0</v>
      </c>
      <c r="T38" s="280">
        <v>0</v>
      </c>
      <c r="U38" s="280">
        <v>4</v>
      </c>
      <c r="V38" s="280">
        <v>0</v>
      </c>
      <c r="W38" s="277">
        <v>4</v>
      </c>
      <c r="X38" s="282">
        <v>4</v>
      </c>
      <c r="Y38" s="276">
        <v>0</v>
      </c>
      <c r="Z38" s="280">
        <v>0</v>
      </c>
      <c r="AA38" s="277">
        <v>0</v>
      </c>
      <c r="AB38" s="279">
        <v>0</v>
      </c>
      <c r="AC38" s="280">
        <v>25</v>
      </c>
      <c r="AD38" s="280">
        <v>0</v>
      </c>
      <c r="AE38" s="280">
        <v>0</v>
      </c>
      <c r="AF38" s="280">
        <v>0</v>
      </c>
      <c r="AG38" s="280">
        <v>31</v>
      </c>
      <c r="AH38" s="277">
        <v>56</v>
      </c>
      <c r="AI38" s="282">
        <v>56</v>
      </c>
      <c r="AJ38" s="276">
        <v>0</v>
      </c>
      <c r="AK38" s="280">
        <v>8</v>
      </c>
      <c r="AL38" s="277">
        <v>8</v>
      </c>
      <c r="AM38" s="279">
        <v>0</v>
      </c>
      <c r="AN38" s="280">
        <v>0</v>
      </c>
      <c r="AO38" s="280">
        <v>10</v>
      </c>
      <c r="AP38" s="280">
        <v>0</v>
      </c>
      <c r="AQ38" s="280">
        <v>0</v>
      </c>
      <c r="AR38" s="280">
        <v>0</v>
      </c>
      <c r="AS38" s="277">
        <v>10</v>
      </c>
      <c r="AT38" s="282">
        <v>18</v>
      </c>
      <c r="AU38" s="276">
        <v>0</v>
      </c>
      <c r="AV38" s="280">
        <v>0</v>
      </c>
      <c r="AW38" s="277">
        <v>0</v>
      </c>
      <c r="AX38" s="279">
        <v>0</v>
      </c>
      <c r="AY38" s="280">
        <v>19</v>
      </c>
      <c r="AZ38" s="280">
        <v>6</v>
      </c>
      <c r="BA38" s="280">
        <v>13</v>
      </c>
      <c r="BB38" s="280">
        <v>0</v>
      </c>
      <c r="BC38" s="280">
        <v>5</v>
      </c>
      <c r="BD38" s="281">
        <v>43</v>
      </c>
      <c r="BE38" s="282">
        <v>43</v>
      </c>
      <c r="BF38" s="276">
        <v>0</v>
      </c>
      <c r="BG38" s="280">
        <v>0</v>
      </c>
      <c r="BH38" s="277">
        <v>0</v>
      </c>
      <c r="BI38" s="279">
        <v>0</v>
      </c>
      <c r="BJ38" s="280">
        <v>3</v>
      </c>
      <c r="BK38" s="280">
        <v>0</v>
      </c>
      <c r="BL38" s="280">
        <v>5</v>
      </c>
      <c r="BM38" s="280">
        <v>5</v>
      </c>
      <c r="BN38" s="280">
        <v>0</v>
      </c>
      <c r="BO38" s="277">
        <v>13</v>
      </c>
      <c r="BP38" s="282">
        <v>13</v>
      </c>
      <c r="BQ38" s="276">
        <v>0</v>
      </c>
      <c r="BR38" s="280">
        <v>0</v>
      </c>
      <c r="BS38" s="277">
        <v>0</v>
      </c>
      <c r="BT38" s="279">
        <v>0</v>
      </c>
      <c r="BU38" s="280">
        <v>0</v>
      </c>
      <c r="BV38" s="280">
        <v>2</v>
      </c>
      <c r="BW38" s="280">
        <v>1</v>
      </c>
      <c r="BX38" s="280">
        <v>0</v>
      </c>
      <c r="BY38" s="280">
        <v>0</v>
      </c>
      <c r="BZ38" s="277">
        <v>3</v>
      </c>
      <c r="CA38" s="282">
        <v>3</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3">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3</v>
      </c>
      <c r="AD39" s="287">
        <v>0</v>
      </c>
      <c r="AE39" s="287">
        <v>0</v>
      </c>
      <c r="AF39" s="287">
        <v>0</v>
      </c>
      <c r="AG39" s="287">
        <v>0</v>
      </c>
      <c r="AH39" s="284">
        <v>3</v>
      </c>
      <c r="AI39" s="289">
        <v>3</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11</v>
      </c>
      <c r="BA39" s="287">
        <v>0</v>
      </c>
      <c r="BB39" s="287">
        <v>0</v>
      </c>
      <c r="BC39" s="287">
        <v>0</v>
      </c>
      <c r="BD39" s="288">
        <v>11</v>
      </c>
      <c r="BE39" s="289">
        <v>11</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7.55468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5">
        <f>第１表!F2</f>
        <v>5</v>
      </c>
      <c r="K1" s="525"/>
      <c r="L1" s="248">
        <f>第１表!G2</f>
        <v>7</v>
      </c>
      <c r="M1" s="529">
        <f>IF(L1&lt;3,L1+12-2,L1-2)</f>
        <v>5</v>
      </c>
      <c r="N1" s="529"/>
    </row>
    <row r="2" spans="2:112" ht="24" customHeight="1" thickBot="1" x14ac:dyDescent="0.25">
      <c r="B2" s="290" t="s">
        <v>153</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7</v>
      </c>
      <c r="CC3" s="547"/>
      <c r="CD3" s="547"/>
      <c r="CE3" s="547"/>
      <c r="CF3" s="547"/>
      <c r="CG3" s="547"/>
      <c r="CH3" s="547"/>
      <c r="CI3" s="547"/>
      <c r="CJ3" s="547"/>
      <c r="CK3" s="547"/>
      <c r="CL3" s="548"/>
      <c r="CM3" s="546" t="s">
        <v>160</v>
      </c>
      <c r="CN3" s="547"/>
      <c r="CO3" s="547"/>
      <c r="CP3" s="547"/>
      <c r="CQ3" s="547"/>
      <c r="CR3" s="547"/>
      <c r="CS3" s="547"/>
      <c r="CT3" s="547"/>
      <c r="CU3" s="547"/>
      <c r="CV3" s="547"/>
      <c r="CW3" s="548"/>
      <c r="CX3" s="546" t="s">
        <v>156</v>
      </c>
      <c r="CY3" s="547"/>
      <c r="CZ3" s="547"/>
      <c r="DA3" s="547"/>
      <c r="DB3" s="547"/>
      <c r="DC3" s="547"/>
      <c r="DD3" s="547"/>
      <c r="DE3" s="547"/>
      <c r="DF3" s="547"/>
      <c r="DG3" s="547"/>
      <c r="DH3" s="548"/>
    </row>
    <row r="4" spans="2:112" ht="21" customHeight="1" x14ac:dyDescent="0.2">
      <c r="B4" s="550"/>
      <c r="C4" s="554" t="s">
        <v>61</v>
      </c>
      <c r="D4" s="537"/>
      <c r="E4" s="538"/>
      <c r="F4" s="536" t="s">
        <v>62</v>
      </c>
      <c r="G4" s="537"/>
      <c r="H4" s="537"/>
      <c r="I4" s="537"/>
      <c r="J4" s="537"/>
      <c r="K4" s="537"/>
      <c r="L4" s="545"/>
      <c r="M4" s="539" t="s">
        <v>52</v>
      </c>
      <c r="N4" s="554" t="s">
        <v>61</v>
      </c>
      <c r="O4" s="537"/>
      <c r="P4" s="538"/>
      <c r="Q4" s="536" t="s">
        <v>62</v>
      </c>
      <c r="R4" s="537"/>
      <c r="S4" s="537"/>
      <c r="T4" s="537"/>
      <c r="U4" s="537"/>
      <c r="V4" s="537"/>
      <c r="W4" s="538"/>
      <c r="X4" s="539" t="s">
        <v>52</v>
      </c>
      <c r="Y4" s="541" t="s">
        <v>61</v>
      </c>
      <c r="Z4" s="537"/>
      <c r="AA4" s="545"/>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45"/>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row>
    <row r="5" spans="2:112" ht="30" customHeight="1" thickBot="1" x14ac:dyDescent="0.25">
      <c r="B5" s="551"/>
      <c r="C5" s="264" t="s">
        <v>43</v>
      </c>
      <c r="D5" s="265" t="s">
        <v>44</v>
      </c>
      <c r="E5" s="266" t="s">
        <v>45</v>
      </c>
      <c r="F5" s="267" t="s">
        <v>83</v>
      </c>
      <c r="G5" s="259" t="s">
        <v>47</v>
      </c>
      <c r="H5" s="259" t="s">
        <v>48</v>
      </c>
      <c r="I5" s="259" t="s">
        <v>49</v>
      </c>
      <c r="J5" s="259" t="s">
        <v>50</v>
      </c>
      <c r="K5" s="259" t="s">
        <v>51</v>
      </c>
      <c r="L5" s="268" t="s">
        <v>45</v>
      </c>
      <c r="M5" s="540"/>
      <c r="N5" s="264" t="s">
        <v>43</v>
      </c>
      <c r="O5" s="259" t="s">
        <v>44</v>
      </c>
      <c r="P5" s="265" t="s">
        <v>45</v>
      </c>
      <c r="Q5" s="267" t="s">
        <v>83</v>
      </c>
      <c r="R5" s="259" t="s">
        <v>47</v>
      </c>
      <c r="S5" s="259" t="s">
        <v>48</v>
      </c>
      <c r="T5" s="259" t="s">
        <v>49</v>
      </c>
      <c r="U5" s="259" t="s">
        <v>50</v>
      </c>
      <c r="V5" s="259" t="s">
        <v>51</v>
      </c>
      <c r="W5" s="265" t="s">
        <v>45</v>
      </c>
      <c r="X5" s="540"/>
      <c r="Y5" s="348" t="s">
        <v>43</v>
      </c>
      <c r="Z5" s="259" t="s">
        <v>44</v>
      </c>
      <c r="AA5" s="268" t="s">
        <v>45</v>
      </c>
      <c r="AB5" s="267" t="s">
        <v>83</v>
      </c>
      <c r="AC5" s="259" t="s">
        <v>47</v>
      </c>
      <c r="AD5" s="259" t="s">
        <v>48</v>
      </c>
      <c r="AE5" s="259" t="s">
        <v>49</v>
      </c>
      <c r="AF5" s="259" t="s">
        <v>50</v>
      </c>
      <c r="AG5" s="259" t="s">
        <v>51</v>
      </c>
      <c r="AH5" s="265" t="s">
        <v>45</v>
      </c>
      <c r="AI5" s="540"/>
      <c r="AJ5" s="348" t="s">
        <v>43</v>
      </c>
      <c r="AK5" s="259" t="s">
        <v>44</v>
      </c>
      <c r="AL5" s="265" t="s">
        <v>45</v>
      </c>
      <c r="AM5" s="267" t="s">
        <v>83</v>
      </c>
      <c r="AN5" s="259" t="s">
        <v>47</v>
      </c>
      <c r="AO5" s="259" t="s">
        <v>48</v>
      </c>
      <c r="AP5" s="259" t="s">
        <v>49</v>
      </c>
      <c r="AQ5" s="259" t="s">
        <v>50</v>
      </c>
      <c r="AR5" s="259" t="s">
        <v>51</v>
      </c>
      <c r="AS5" s="265" t="s">
        <v>45</v>
      </c>
      <c r="AT5" s="540"/>
      <c r="AU5" s="348" t="s">
        <v>43</v>
      </c>
      <c r="AV5" s="259" t="s">
        <v>44</v>
      </c>
      <c r="AW5" s="268" t="s">
        <v>45</v>
      </c>
      <c r="AX5" s="267" t="s">
        <v>83</v>
      </c>
      <c r="AY5" s="259" t="s">
        <v>47</v>
      </c>
      <c r="AZ5" s="259" t="s">
        <v>48</v>
      </c>
      <c r="BA5" s="259" t="s">
        <v>49</v>
      </c>
      <c r="BB5" s="259" t="s">
        <v>50</v>
      </c>
      <c r="BC5" s="259" t="s">
        <v>51</v>
      </c>
      <c r="BD5" s="268" t="s">
        <v>45</v>
      </c>
      <c r="BE5" s="540"/>
      <c r="BF5" s="348" t="s">
        <v>43</v>
      </c>
      <c r="BG5" s="259" t="s">
        <v>44</v>
      </c>
      <c r="BH5" s="265" t="s">
        <v>45</v>
      </c>
      <c r="BI5" s="267" t="s">
        <v>83</v>
      </c>
      <c r="BJ5" s="259" t="s">
        <v>47</v>
      </c>
      <c r="BK5" s="259" t="s">
        <v>48</v>
      </c>
      <c r="BL5" s="259" t="s">
        <v>49</v>
      </c>
      <c r="BM5" s="259" t="s">
        <v>50</v>
      </c>
      <c r="BN5" s="259" t="s">
        <v>51</v>
      </c>
      <c r="BO5" s="265" t="s">
        <v>45</v>
      </c>
      <c r="BP5" s="540"/>
      <c r="BQ5" s="348" t="s">
        <v>43</v>
      </c>
      <c r="BR5" s="259" t="s">
        <v>44</v>
      </c>
      <c r="BS5" s="265" t="s">
        <v>45</v>
      </c>
      <c r="BT5" s="267" t="s">
        <v>83</v>
      </c>
      <c r="BU5" s="259" t="s">
        <v>47</v>
      </c>
      <c r="BV5" s="259" t="s">
        <v>48</v>
      </c>
      <c r="BW5" s="259" t="s">
        <v>49</v>
      </c>
      <c r="BX5" s="259" t="s">
        <v>50</v>
      </c>
      <c r="BY5" s="259" t="s">
        <v>51</v>
      </c>
      <c r="BZ5" s="265" t="s">
        <v>45</v>
      </c>
      <c r="CA5" s="540"/>
      <c r="CB5" s="348" t="s">
        <v>43</v>
      </c>
      <c r="CC5" s="259" t="s">
        <v>44</v>
      </c>
      <c r="CD5" s="265" t="s">
        <v>45</v>
      </c>
      <c r="CE5" s="267" t="s">
        <v>83</v>
      </c>
      <c r="CF5" s="259" t="s">
        <v>47</v>
      </c>
      <c r="CG5" s="259" t="s">
        <v>48</v>
      </c>
      <c r="CH5" s="259" t="s">
        <v>49</v>
      </c>
      <c r="CI5" s="259" t="s">
        <v>50</v>
      </c>
      <c r="CJ5" s="259" t="s">
        <v>51</v>
      </c>
      <c r="CK5" s="265" t="s">
        <v>45</v>
      </c>
      <c r="CL5" s="540"/>
      <c r="CM5" s="363" t="s">
        <v>43</v>
      </c>
      <c r="CN5" s="259" t="s">
        <v>44</v>
      </c>
      <c r="CO5" s="265" t="s">
        <v>45</v>
      </c>
      <c r="CP5" s="267" t="s">
        <v>83</v>
      </c>
      <c r="CQ5" s="259" t="s">
        <v>47</v>
      </c>
      <c r="CR5" s="259" t="s">
        <v>48</v>
      </c>
      <c r="CS5" s="259" t="s">
        <v>49</v>
      </c>
      <c r="CT5" s="259" t="s">
        <v>50</v>
      </c>
      <c r="CU5" s="259" t="s">
        <v>51</v>
      </c>
      <c r="CV5" s="265" t="s">
        <v>45</v>
      </c>
      <c r="CW5" s="540"/>
      <c r="CX5" s="363" t="s">
        <v>43</v>
      </c>
      <c r="CY5" s="259" t="s">
        <v>44</v>
      </c>
      <c r="CZ5" s="265" t="s">
        <v>45</v>
      </c>
      <c r="DA5" s="267" t="s">
        <v>83</v>
      </c>
      <c r="DB5" s="259" t="s">
        <v>47</v>
      </c>
      <c r="DC5" s="259" t="s">
        <v>48</v>
      </c>
      <c r="DD5" s="259" t="s">
        <v>49</v>
      </c>
      <c r="DE5" s="259" t="s">
        <v>50</v>
      </c>
      <c r="DF5" s="259" t="s">
        <v>51</v>
      </c>
      <c r="DG5" s="265" t="s">
        <v>45</v>
      </c>
      <c r="DH5" s="540"/>
    </row>
    <row r="6" spans="2:112" ht="21" customHeight="1" x14ac:dyDescent="0.2">
      <c r="B6" s="260" t="s">
        <v>4</v>
      </c>
      <c r="C6" s="269">
        <v>0</v>
      </c>
      <c r="D6" s="270">
        <v>0</v>
      </c>
      <c r="E6" s="271">
        <v>0</v>
      </c>
      <c r="F6" s="272">
        <v>0</v>
      </c>
      <c r="G6" s="273">
        <v>12972</v>
      </c>
      <c r="H6" s="273">
        <v>18664</v>
      </c>
      <c r="I6" s="273">
        <v>19762</v>
      </c>
      <c r="J6" s="273">
        <v>26006</v>
      </c>
      <c r="K6" s="273">
        <v>23641</v>
      </c>
      <c r="L6" s="274">
        <v>101045</v>
      </c>
      <c r="M6" s="275">
        <v>101045</v>
      </c>
      <c r="N6" s="269">
        <v>0</v>
      </c>
      <c r="O6" s="273">
        <v>9</v>
      </c>
      <c r="P6" s="270">
        <v>9</v>
      </c>
      <c r="Q6" s="272">
        <v>0</v>
      </c>
      <c r="R6" s="273">
        <v>47</v>
      </c>
      <c r="S6" s="273">
        <v>145</v>
      </c>
      <c r="T6" s="273">
        <v>233</v>
      </c>
      <c r="U6" s="273">
        <v>766</v>
      </c>
      <c r="V6" s="273">
        <v>1286</v>
      </c>
      <c r="W6" s="270">
        <v>2477</v>
      </c>
      <c r="X6" s="275">
        <v>2486</v>
      </c>
      <c r="Y6" s="269">
        <v>1254</v>
      </c>
      <c r="Z6" s="273">
        <v>3524</v>
      </c>
      <c r="AA6" s="270">
        <v>4778</v>
      </c>
      <c r="AB6" s="272">
        <v>0</v>
      </c>
      <c r="AC6" s="273">
        <v>9586</v>
      </c>
      <c r="AD6" s="273">
        <v>14549</v>
      </c>
      <c r="AE6" s="273">
        <v>8786</v>
      </c>
      <c r="AF6" s="273">
        <v>7971</v>
      </c>
      <c r="AG6" s="273">
        <v>6305</v>
      </c>
      <c r="AH6" s="270">
        <v>47197</v>
      </c>
      <c r="AI6" s="275">
        <v>51975</v>
      </c>
      <c r="AJ6" s="269">
        <v>98</v>
      </c>
      <c r="AK6" s="273">
        <v>619</v>
      </c>
      <c r="AL6" s="270">
        <v>717</v>
      </c>
      <c r="AM6" s="272">
        <v>0</v>
      </c>
      <c r="AN6" s="273">
        <v>1193</v>
      </c>
      <c r="AO6" s="273">
        <v>2037</v>
      </c>
      <c r="AP6" s="273">
        <v>1108</v>
      </c>
      <c r="AQ6" s="273">
        <v>1210</v>
      </c>
      <c r="AR6" s="273">
        <v>706</v>
      </c>
      <c r="AS6" s="270">
        <v>6254</v>
      </c>
      <c r="AT6" s="275">
        <v>6971</v>
      </c>
      <c r="AU6" s="269">
        <v>0</v>
      </c>
      <c r="AV6" s="273">
        <v>0</v>
      </c>
      <c r="AW6" s="270">
        <v>0</v>
      </c>
      <c r="AX6" s="272">
        <v>0</v>
      </c>
      <c r="AY6" s="273">
        <v>11296</v>
      </c>
      <c r="AZ6" s="273">
        <v>10449</v>
      </c>
      <c r="BA6" s="273">
        <v>5917</v>
      </c>
      <c r="BB6" s="273">
        <v>3216</v>
      </c>
      <c r="BC6" s="273">
        <v>1397</v>
      </c>
      <c r="BD6" s="274">
        <v>32275</v>
      </c>
      <c r="BE6" s="275">
        <v>32275</v>
      </c>
      <c r="BF6" s="269">
        <v>0</v>
      </c>
      <c r="BG6" s="273">
        <v>0</v>
      </c>
      <c r="BH6" s="270">
        <v>0</v>
      </c>
      <c r="BI6" s="272">
        <v>0</v>
      </c>
      <c r="BJ6" s="273">
        <v>2292</v>
      </c>
      <c r="BK6" s="273">
        <v>3480</v>
      </c>
      <c r="BL6" s="273">
        <v>2177</v>
      </c>
      <c r="BM6" s="273">
        <v>1600</v>
      </c>
      <c r="BN6" s="273">
        <v>616</v>
      </c>
      <c r="BO6" s="270">
        <v>10165</v>
      </c>
      <c r="BP6" s="275">
        <v>10165</v>
      </c>
      <c r="BQ6" s="269">
        <v>27</v>
      </c>
      <c r="BR6" s="273">
        <v>85</v>
      </c>
      <c r="BS6" s="270">
        <v>112</v>
      </c>
      <c r="BT6" s="272">
        <v>0</v>
      </c>
      <c r="BU6" s="273">
        <v>988</v>
      </c>
      <c r="BV6" s="273">
        <v>2030</v>
      </c>
      <c r="BW6" s="273">
        <v>2959</v>
      </c>
      <c r="BX6" s="273">
        <v>2283</v>
      </c>
      <c r="BY6" s="273">
        <v>1067</v>
      </c>
      <c r="BZ6" s="270">
        <v>9327</v>
      </c>
      <c r="CA6" s="275">
        <v>9439</v>
      </c>
      <c r="CB6" s="269">
        <v>0</v>
      </c>
      <c r="CC6" s="273">
        <v>10</v>
      </c>
      <c r="CD6" s="270">
        <v>10</v>
      </c>
      <c r="CE6" s="272">
        <v>0</v>
      </c>
      <c r="CF6" s="273">
        <v>147</v>
      </c>
      <c r="CG6" s="273">
        <v>306</v>
      </c>
      <c r="CH6" s="273">
        <v>457</v>
      </c>
      <c r="CI6" s="273">
        <v>431</v>
      </c>
      <c r="CJ6" s="273">
        <v>240</v>
      </c>
      <c r="CK6" s="270">
        <v>1581</v>
      </c>
      <c r="CL6" s="275">
        <v>1591</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77">
        <v>0</v>
      </c>
      <c r="E7" s="278">
        <v>0</v>
      </c>
      <c r="F7" s="279">
        <v>0</v>
      </c>
      <c r="G7" s="280">
        <v>4660</v>
      </c>
      <c r="H7" s="280">
        <v>9709</v>
      </c>
      <c r="I7" s="280">
        <v>7587</v>
      </c>
      <c r="J7" s="280">
        <v>10689</v>
      </c>
      <c r="K7" s="280">
        <v>9553</v>
      </c>
      <c r="L7" s="281">
        <v>42198</v>
      </c>
      <c r="M7" s="282">
        <v>42198</v>
      </c>
      <c r="N7" s="276">
        <v>0</v>
      </c>
      <c r="O7" s="280">
        <v>9</v>
      </c>
      <c r="P7" s="277">
        <v>9</v>
      </c>
      <c r="Q7" s="279">
        <v>0</v>
      </c>
      <c r="R7" s="280">
        <v>6</v>
      </c>
      <c r="S7" s="280">
        <v>43</v>
      </c>
      <c r="T7" s="280">
        <v>141</v>
      </c>
      <c r="U7" s="280">
        <v>307</v>
      </c>
      <c r="V7" s="280">
        <v>571</v>
      </c>
      <c r="W7" s="277">
        <v>1068</v>
      </c>
      <c r="X7" s="282">
        <v>1077</v>
      </c>
      <c r="Y7" s="276">
        <v>735</v>
      </c>
      <c r="Z7" s="280">
        <v>1779</v>
      </c>
      <c r="AA7" s="277">
        <v>2514</v>
      </c>
      <c r="AB7" s="279">
        <v>0</v>
      </c>
      <c r="AC7" s="280">
        <v>3573</v>
      </c>
      <c r="AD7" s="280">
        <v>8102</v>
      </c>
      <c r="AE7" s="280">
        <v>4345</v>
      </c>
      <c r="AF7" s="280">
        <v>3681</v>
      </c>
      <c r="AG7" s="280">
        <v>2833</v>
      </c>
      <c r="AH7" s="277">
        <v>22534</v>
      </c>
      <c r="AI7" s="282">
        <v>25048</v>
      </c>
      <c r="AJ7" s="276">
        <v>20</v>
      </c>
      <c r="AK7" s="280">
        <v>470</v>
      </c>
      <c r="AL7" s="277">
        <v>490</v>
      </c>
      <c r="AM7" s="279">
        <v>0</v>
      </c>
      <c r="AN7" s="280">
        <v>310</v>
      </c>
      <c r="AO7" s="280">
        <v>1054</v>
      </c>
      <c r="AP7" s="280">
        <v>517</v>
      </c>
      <c r="AQ7" s="280">
        <v>632</v>
      </c>
      <c r="AR7" s="280">
        <v>285</v>
      </c>
      <c r="AS7" s="277">
        <v>2798</v>
      </c>
      <c r="AT7" s="282">
        <v>3288</v>
      </c>
      <c r="AU7" s="276">
        <v>0</v>
      </c>
      <c r="AV7" s="280">
        <v>0</v>
      </c>
      <c r="AW7" s="277">
        <v>0</v>
      </c>
      <c r="AX7" s="279">
        <v>0</v>
      </c>
      <c r="AY7" s="280">
        <v>3879</v>
      </c>
      <c r="AZ7" s="280">
        <v>4186</v>
      </c>
      <c r="BA7" s="280">
        <v>2312</v>
      </c>
      <c r="BB7" s="280">
        <v>1263</v>
      </c>
      <c r="BC7" s="280">
        <v>546</v>
      </c>
      <c r="BD7" s="281">
        <v>12186</v>
      </c>
      <c r="BE7" s="282">
        <v>12186</v>
      </c>
      <c r="BF7" s="276">
        <v>0</v>
      </c>
      <c r="BG7" s="280">
        <v>0</v>
      </c>
      <c r="BH7" s="277">
        <v>0</v>
      </c>
      <c r="BI7" s="279">
        <v>0</v>
      </c>
      <c r="BJ7" s="280">
        <v>729</v>
      </c>
      <c r="BK7" s="280">
        <v>1700</v>
      </c>
      <c r="BL7" s="280">
        <v>1002</v>
      </c>
      <c r="BM7" s="280">
        <v>713</v>
      </c>
      <c r="BN7" s="280">
        <v>327</v>
      </c>
      <c r="BO7" s="277">
        <v>4471</v>
      </c>
      <c r="BP7" s="282">
        <v>4471</v>
      </c>
      <c r="BQ7" s="276">
        <v>18</v>
      </c>
      <c r="BR7" s="280">
        <v>16</v>
      </c>
      <c r="BS7" s="277">
        <v>34</v>
      </c>
      <c r="BT7" s="279">
        <v>0</v>
      </c>
      <c r="BU7" s="280">
        <v>363</v>
      </c>
      <c r="BV7" s="280">
        <v>829</v>
      </c>
      <c r="BW7" s="280">
        <v>1411</v>
      </c>
      <c r="BX7" s="280">
        <v>1055</v>
      </c>
      <c r="BY7" s="280">
        <v>439</v>
      </c>
      <c r="BZ7" s="277">
        <v>4097</v>
      </c>
      <c r="CA7" s="282">
        <v>4131</v>
      </c>
      <c r="CB7" s="276">
        <v>0</v>
      </c>
      <c r="CC7" s="280">
        <v>10</v>
      </c>
      <c r="CD7" s="277">
        <v>10</v>
      </c>
      <c r="CE7" s="279">
        <v>0</v>
      </c>
      <c r="CF7" s="280">
        <v>54</v>
      </c>
      <c r="CG7" s="280">
        <v>165</v>
      </c>
      <c r="CH7" s="280">
        <v>323</v>
      </c>
      <c r="CI7" s="280">
        <v>273</v>
      </c>
      <c r="CJ7" s="280">
        <v>145</v>
      </c>
      <c r="CK7" s="277">
        <v>960</v>
      </c>
      <c r="CL7" s="282">
        <v>970</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77">
        <v>0</v>
      </c>
      <c r="E8" s="278">
        <v>0</v>
      </c>
      <c r="F8" s="279">
        <v>0</v>
      </c>
      <c r="G8" s="280">
        <v>2251</v>
      </c>
      <c r="H8" s="280">
        <v>2443</v>
      </c>
      <c r="I8" s="280">
        <v>2973</v>
      </c>
      <c r="J8" s="280">
        <v>4456</v>
      </c>
      <c r="K8" s="280">
        <v>4164</v>
      </c>
      <c r="L8" s="281">
        <v>16287</v>
      </c>
      <c r="M8" s="282">
        <v>16287</v>
      </c>
      <c r="N8" s="276">
        <v>0</v>
      </c>
      <c r="O8" s="280">
        <v>0</v>
      </c>
      <c r="P8" s="277">
        <v>0</v>
      </c>
      <c r="Q8" s="279">
        <v>0</v>
      </c>
      <c r="R8" s="280">
        <v>9</v>
      </c>
      <c r="S8" s="280">
        <v>37</v>
      </c>
      <c r="T8" s="280">
        <v>25</v>
      </c>
      <c r="U8" s="280">
        <v>139</v>
      </c>
      <c r="V8" s="280">
        <v>181</v>
      </c>
      <c r="W8" s="277">
        <v>391</v>
      </c>
      <c r="X8" s="282">
        <v>391</v>
      </c>
      <c r="Y8" s="276">
        <v>187</v>
      </c>
      <c r="Z8" s="280">
        <v>627</v>
      </c>
      <c r="AA8" s="277">
        <v>814</v>
      </c>
      <c r="AB8" s="279">
        <v>0</v>
      </c>
      <c r="AC8" s="280">
        <v>2527</v>
      </c>
      <c r="AD8" s="280">
        <v>2298</v>
      </c>
      <c r="AE8" s="280">
        <v>1785</v>
      </c>
      <c r="AF8" s="280">
        <v>1652</v>
      </c>
      <c r="AG8" s="280">
        <v>958</v>
      </c>
      <c r="AH8" s="277">
        <v>9220</v>
      </c>
      <c r="AI8" s="282">
        <v>10034</v>
      </c>
      <c r="AJ8" s="276">
        <v>28</v>
      </c>
      <c r="AK8" s="280">
        <v>-29</v>
      </c>
      <c r="AL8" s="277">
        <v>-1</v>
      </c>
      <c r="AM8" s="279">
        <v>0</v>
      </c>
      <c r="AN8" s="280">
        <v>171</v>
      </c>
      <c r="AO8" s="280">
        <v>204</v>
      </c>
      <c r="AP8" s="280">
        <v>101</v>
      </c>
      <c r="AQ8" s="280">
        <v>189</v>
      </c>
      <c r="AR8" s="280">
        <v>145</v>
      </c>
      <c r="AS8" s="277">
        <v>810</v>
      </c>
      <c r="AT8" s="282">
        <v>809</v>
      </c>
      <c r="AU8" s="276">
        <v>0</v>
      </c>
      <c r="AV8" s="280">
        <v>0</v>
      </c>
      <c r="AW8" s="277">
        <v>0</v>
      </c>
      <c r="AX8" s="279">
        <v>0</v>
      </c>
      <c r="AY8" s="280">
        <v>2141</v>
      </c>
      <c r="AZ8" s="280">
        <v>1687</v>
      </c>
      <c r="BA8" s="280">
        <v>873</v>
      </c>
      <c r="BB8" s="280">
        <v>441</v>
      </c>
      <c r="BC8" s="280">
        <v>245</v>
      </c>
      <c r="BD8" s="281">
        <v>5387</v>
      </c>
      <c r="BE8" s="282">
        <v>5387</v>
      </c>
      <c r="BF8" s="276">
        <v>0</v>
      </c>
      <c r="BG8" s="280">
        <v>0</v>
      </c>
      <c r="BH8" s="277">
        <v>0</v>
      </c>
      <c r="BI8" s="279">
        <v>0</v>
      </c>
      <c r="BJ8" s="280">
        <v>372</v>
      </c>
      <c r="BK8" s="280">
        <v>419</v>
      </c>
      <c r="BL8" s="280">
        <v>273</v>
      </c>
      <c r="BM8" s="280">
        <v>264</v>
      </c>
      <c r="BN8" s="280">
        <v>67</v>
      </c>
      <c r="BO8" s="277">
        <v>1395</v>
      </c>
      <c r="BP8" s="282">
        <v>1395</v>
      </c>
      <c r="BQ8" s="276">
        <v>6</v>
      </c>
      <c r="BR8" s="280">
        <v>20</v>
      </c>
      <c r="BS8" s="277">
        <v>26</v>
      </c>
      <c r="BT8" s="279">
        <v>0</v>
      </c>
      <c r="BU8" s="280">
        <v>141</v>
      </c>
      <c r="BV8" s="280">
        <v>236</v>
      </c>
      <c r="BW8" s="280">
        <v>442</v>
      </c>
      <c r="BX8" s="280">
        <v>296</v>
      </c>
      <c r="BY8" s="280">
        <v>135</v>
      </c>
      <c r="BZ8" s="277">
        <v>1250</v>
      </c>
      <c r="CA8" s="282">
        <v>1276</v>
      </c>
      <c r="CB8" s="276">
        <v>0</v>
      </c>
      <c r="CC8" s="280">
        <v>0</v>
      </c>
      <c r="CD8" s="277">
        <v>0</v>
      </c>
      <c r="CE8" s="279">
        <v>0</v>
      </c>
      <c r="CF8" s="280">
        <v>41</v>
      </c>
      <c r="CG8" s="280">
        <v>60</v>
      </c>
      <c r="CH8" s="280">
        <v>48</v>
      </c>
      <c r="CI8" s="280">
        <v>90</v>
      </c>
      <c r="CJ8" s="280">
        <v>47</v>
      </c>
      <c r="CK8" s="277">
        <v>286</v>
      </c>
      <c r="CL8" s="282">
        <v>286</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77">
        <v>0</v>
      </c>
      <c r="E9" s="278">
        <v>0</v>
      </c>
      <c r="F9" s="279">
        <v>0</v>
      </c>
      <c r="G9" s="280">
        <v>640</v>
      </c>
      <c r="H9" s="280">
        <v>929</v>
      </c>
      <c r="I9" s="280">
        <v>1569</v>
      </c>
      <c r="J9" s="280">
        <v>1519</v>
      </c>
      <c r="K9" s="280">
        <v>1407</v>
      </c>
      <c r="L9" s="281">
        <v>6064</v>
      </c>
      <c r="M9" s="282">
        <v>6064</v>
      </c>
      <c r="N9" s="276">
        <v>0</v>
      </c>
      <c r="O9" s="280">
        <v>0</v>
      </c>
      <c r="P9" s="277">
        <v>0</v>
      </c>
      <c r="Q9" s="279">
        <v>0</v>
      </c>
      <c r="R9" s="280">
        <v>0</v>
      </c>
      <c r="S9" s="280">
        <v>26</v>
      </c>
      <c r="T9" s="280">
        <v>16</v>
      </c>
      <c r="U9" s="280">
        <v>61</v>
      </c>
      <c r="V9" s="280">
        <v>82</v>
      </c>
      <c r="W9" s="277">
        <v>185</v>
      </c>
      <c r="X9" s="282">
        <v>185</v>
      </c>
      <c r="Y9" s="276">
        <v>26</v>
      </c>
      <c r="Z9" s="280">
        <v>174</v>
      </c>
      <c r="AA9" s="277">
        <v>200</v>
      </c>
      <c r="AB9" s="279">
        <v>0</v>
      </c>
      <c r="AC9" s="280">
        <v>304</v>
      </c>
      <c r="AD9" s="280">
        <v>983</v>
      </c>
      <c r="AE9" s="280">
        <v>594</v>
      </c>
      <c r="AF9" s="280">
        <v>528</v>
      </c>
      <c r="AG9" s="280">
        <v>393</v>
      </c>
      <c r="AH9" s="277">
        <v>2802</v>
      </c>
      <c r="AI9" s="282">
        <v>3002</v>
      </c>
      <c r="AJ9" s="276">
        <v>0</v>
      </c>
      <c r="AK9" s="280">
        <v>43</v>
      </c>
      <c r="AL9" s="277">
        <v>43</v>
      </c>
      <c r="AM9" s="279">
        <v>0</v>
      </c>
      <c r="AN9" s="280">
        <v>22</v>
      </c>
      <c r="AO9" s="280">
        <v>78</v>
      </c>
      <c r="AP9" s="280">
        <v>70</v>
      </c>
      <c r="AQ9" s="280">
        <v>33</v>
      </c>
      <c r="AR9" s="280">
        <v>6</v>
      </c>
      <c r="AS9" s="277">
        <v>209</v>
      </c>
      <c r="AT9" s="282">
        <v>252</v>
      </c>
      <c r="AU9" s="276">
        <v>0</v>
      </c>
      <c r="AV9" s="280">
        <v>0</v>
      </c>
      <c r="AW9" s="277">
        <v>0</v>
      </c>
      <c r="AX9" s="279">
        <v>0</v>
      </c>
      <c r="AY9" s="280">
        <v>801</v>
      </c>
      <c r="AZ9" s="280">
        <v>871</v>
      </c>
      <c r="BA9" s="280">
        <v>703</v>
      </c>
      <c r="BB9" s="280">
        <v>206</v>
      </c>
      <c r="BC9" s="280">
        <v>130</v>
      </c>
      <c r="BD9" s="281">
        <v>2711</v>
      </c>
      <c r="BE9" s="282">
        <v>2711</v>
      </c>
      <c r="BF9" s="276">
        <v>0</v>
      </c>
      <c r="BG9" s="280">
        <v>0</v>
      </c>
      <c r="BH9" s="277">
        <v>0</v>
      </c>
      <c r="BI9" s="279">
        <v>0</v>
      </c>
      <c r="BJ9" s="280">
        <v>44</v>
      </c>
      <c r="BK9" s="280">
        <v>133</v>
      </c>
      <c r="BL9" s="280">
        <v>107</v>
      </c>
      <c r="BM9" s="280">
        <v>57</v>
      </c>
      <c r="BN9" s="280">
        <v>0</v>
      </c>
      <c r="BO9" s="277">
        <v>341</v>
      </c>
      <c r="BP9" s="282">
        <v>341</v>
      </c>
      <c r="BQ9" s="276">
        <v>0</v>
      </c>
      <c r="BR9" s="280">
        <v>4</v>
      </c>
      <c r="BS9" s="277">
        <v>4</v>
      </c>
      <c r="BT9" s="279">
        <v>0</v>
      </c>
      <c r="BU9" s="280">
        <v>64</v>
      </c>
      <c r="BV9" s="280">
        <v>202</v>
      </c>
      <c r="BW9" s="280">
        <v>198</v>
      </c>
      <c r="BX9" s="280">
        <v>205</v>
      </c>
      <c r="BY9" s="280">
        <v>153</v>
      </c>
      <c r="BZ9" s="277">
        <v>822</v>
      </c>
      <c r="CA9" s="282">
        <v>826</v>
      </c>
      <c r="CB9" s="276">
        <v>0</v>
      </c>
      <c r="CC9" s="280">
        <v>0</v>
      </c>
      <c r="CD9" s="277">
        <v>0</v>
      </c>
      <c r="CE9" s="279">
        <v>0</v>
      </c>
      <c r="CF9" s="280">
        <v>3</v>
      </c>
      <c r="CG9" s="280">
        <v>8</v>
      </c>
      <c r="CH9" s="280">
        <v>15</v>
      </c>
      <c r="CI9" s="280">
        <v>0</v>
      </c>
      <c r="CJ9" s="280">
        <v>0</v>
      </c>
      <c r="CK9" s="277">
        <v>26</v>
      </c>
      <c r="CL9" s="282">
        <v>26</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77">
        <v>0</v>
      </c>
      <c r="E10" s="278">
        <v>0</v>
      </c>
      <c r="F10" s="279">
        <v>0</v>
      </c>
      <c r="G10" s="280">
        <v>868</v>
      </c>
      <c r="H10" s="280">
        <v>613</v>
      </c>
      <c r="I10" s="280">
        <v>506</v>
      </c>
      <c r="J10" s="280">
        <v>784</v>
      </c>
      <c r="K10" s="280">
        <v>769</v>
      </c>
      <c r="L10" s="281">
        <v>3540</v>
      </c>
      <c r="M10" s="282">
        <v>3540</v>
      </c>
      <c r="N10" s="276">
        <v>0</v>
      </c>
      <c r="O10" s="280">
        <v>0</v>
      </c>
      <c r="P10" s="277">
        <v>0</v>
      </c>
      <c r="Q10" s="279">
        <v>0</v>
      </c>
      <c r="R10" s="280">
        <v>5</v>
      </c>
      <c r="S10" s="280">
        <v>10</v>
      </c>
      <c r="T10" s="280">
        <v>4</v>
      </c>
      <c r="U10" s="280">
        <v>23</v>
      </c>
      <c r="V10" s="280">
        <v>54</v>
      </c>
      <c r="W10" s="277">
        <v>96</v>
      </c>
      <c r="X10" s="282">
        <v>96</v>
      </c>
      <c r="Y10" s="276">
        <v>0</v>
      </c>
      <c r="Z10" s="280">
        <v>0</v>
      </c>
      <c r="AA10" s="277">
        <v>0</v>
      </c>
      <c r="AB10" s="279">
        <v>0</v>
      </c>
      <c r="AC10" s="280">
        <v>278</v>
      </c>
      <c r="AD10" s="280">
        <v>297</v>
      </c>
      <c r="AE10" s="280">
        <v>214</v>
      </c>
      <c r="AF10" s="280">
        <v>138</v>
      </c>
      <c r="AG10" s="280">
        <v>222</v>
      </c>
      <c r="AH10" s="277">
        <v>1149</v>
      </c>
      <c r="AI10" s="282">
        <v>1149</v>
      </c>
      <c r="AJ10" s="276">
        <v>0</v>
      </c>
      <c r="AK10" s="280">
        <v>0</v>
      </c>
      <c r="AL10" s="277">
        <v>0</v>
      </c>
      <c r="AM10" s="279">
        <v>0</v>
      </c>
      <c r="AN10" s="280">
        <v>58</v>
      </c>
      <c r="AO10" s="280">
        <v>65</v>
      </c>
      <c r="AP10" s="280">
        <v>8</v>
      </c>
      <c r="AQ10" s="280">
        <v>42</v>
      </c>
      <c r="AR10" s="280">
        <v>0</v>
      </c>
      <c r="AS10" s="277">
        <v>173</v>
      </c>
      <c r="AT10" s="282">
        <v>173</v>
      </c>
      <c r="AU10" s="276">
        <v>0</v>
      </c>
      <c r="AV10" s="280">
        <v>0</v>
      </c>
      <c r="AW10" s="277">
        <v>0</v>
      </c>
      <c r="AX10" s="279">
        <v>0</v>
      </c>
      <c r="AY10" s="280">
        <v>607</v>
      </c>
      <c r="AZ10" s="280">
        <v>334</v>
      </c>
      <c r="BA10" s="280">
        <v>155</v>
      </c>
      <c r="BB10" s="280">
        <v>60</v>
      </c>
      <c r="BC10" s="280">
        <v>19</v>
      </c>
      <c r="BD10" s="281">
        <v>1175</v>
      </c>
      <c r="BE10" s="282">
        <v>1175</v>
      </c>
      <c r="BF10" s="276">
        <v>0</v>
      </c>
      <c r="BG10" s="280">
        <v>0</v>
      </c>
      <c r="BH10" s="277">
        <v>0</v>
      </c>
      <c r="BI10" s="279">
        <v>0</v>
      </c>
      <c r="BJ10" s="280">
        <v>120</v>
      </c>
      <c r="BK10" s="280">
        <v>43</v>
      </c>
      <c r="BL10" s="280">
        <v>44</v>
      </c>
      <c r="BM10" s="280">
        <v>64</v>
      </c>
      <c r="BN10" s="280">
        <v>15</v>
      </c>
      <c r="BO10" s="277">
        <v>286</v>
      </c>
      <c r="BP10" s="282">
        <v>286</v>
      </c>
      <c r="BQ10" s="276">
        <v>0</v>
      </c>
      <c r="BR10" s="280">
        <v>0</v>
      </c>
      <c r="BS10" s="277">
        <v>0</v>
      </c>
      <c r="BT10" s="279">
        <v>0</v>
      </c>
      <c r="BU10" s="280">
        <v>22</v>
      </c>
      <c r="BV10" s="280">
        <v>108</v>
      </c>
      <c r="BW10" s="280">
        <v>51</v>
      </c>
      <c r="BX10" s="280">
        <v>21</v>
      </c>
      <c r="BY10" s="280">
        <v>38</v>
      </c>
      <c r="BZ10" s="277">
        <v>240</v>
      </c>
      <c r="CA10" s="282">
        <v>240</v>
      </c>
      <c r="CB10" s="276">
        <v>0</v>
      </c>
      <c r="CC10" s="280">
        <v>0</v>
      </c>
      <c r="CD10" s="277">
        <v>0</v>
      </c>
      <c r="CE10" s="279">
        <v>0</v>
      </c>
      <c r="CF10" s="280">
        <v>3</v>
      </c>
      <c r="CG10" s="280">
        <v>0</v>
      </c>
      <c r="CH10" s="280">
        <v>1</v>
      </c>
      <c r="CI10" s="280">
        <v>20</v>
      </c>
      <c r="CJ10" s="280">
        <v>0</v>
      </c>
      <c r="CK10" s="277">
        <v>24</v>
      </c>
      <c r="CL10" s="282">
        <v>24</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77">
        <v>0</v>
      </c>
      <c r="E11" s="278">
        <v>0</v>
      </c>
      <c r="F11" s="279">
        <v>0</v>
      </c>
      <c r="G11" s="280">
        <v>208</v>
      </c>
      <c r="H11" s="280">
        <v>210</v>
      </c>
      <c r="I11" s="280">
        <v>428</v>
      </c>
      <c r="J11" s="280">
        <v>261</v>
      </c>
      <c r="K11" s="280">
        <v>482</v>
      </c>
      <c r="L11" s="281">
        <v>1589</v>
      </c>
      <c r="M11" s="282">
        <v>1589</v>
      </c>
      <c r="N11" s="276">
        <v>0</v>
      </c>
      <c r="O11" s="280">
        <v>0</v>
      </c>
      <c r="P11" s="277">
        <v>0</v>
      </c>
      <c r="Q11" s="279">
        <v>0</v>
      </c>
      <c r="R11" s="280">
        <v>0</v>
      </c>
      <c r="S11" s="280">
        <v>0</v>
      </c>
      <c r="T11" s="280">
        <v>6</v>
      </c>
      <c r="U11" s="280">
        <v>17</v>
      </c>
      <c r="V11" s="280">
        <v>16</v>
      </c>
      <c r="W11" s="277">
        <v>39</v>
      </c>
      <c r="X11" s="282">
        <v>39</v>
      </c>
      <c r="Y11" s="276">
        <v>12</v>
      </c>
      <c r="Z11" s="280">
        <v>44</v>
      </c>
      <c r="AA11" s="277">
        <v>56</v>
      </c>
      <c r="AB11" s="279">
        <v>0</v>
      </c>
      <c r="AC11" s="280">
        <v>140</v>
      </c>
      <c r="AD11" s="280">
        <v>158</v>
      </c>
      <c r="AE11" s="280">
        <v>75</v>
      </c>
      <c r="AF11" s="280">
        <v>131</v>
      </c>
      <c r="AG11" s="280">
        <v>99</v>
      </c>
      <c r="AH11" s="277">
        <v>603</v>
      </c>
      <c r="AI11" s="282">
        <v>659</v>
      </c>
      <c r="AJ11" s="276">
        <v>0</v>
      </c>
      <c r="AK11" s="280">
        <v>18</v>
      </c>
      <c r="AL11" s="277">
        <v>18</v>
      </c>
      <c r="AM11" s="279">
        <v>0</v>
      </c>
      <c r="AN11" s="280">
        <v>73</v>
      </c>
      <c r="AO11" s="280">
        <v>83</v>
      </c>
      <c r="AP11" s="280">
        <v>44</v>
      </c>
      <c r="AQ11" s="280">
        <v>27</v>
      </c>
      <c r="AR11" s="280">
        <v>50</v>
      </c>
      <c r="AS11" s="277">
        <v>277</v>
      </c>
      <c r="AT11" s="282">
        <v>295</v>
      </c>
      <c r="AU11" s="276">
        <v>0</v>
      </c>
      <c r="AV11" s="280">
        <v>0</v>
      </c>
      <c r="AW11" s="277">
        <v>0</v>
      </c>
      <c r="AX11" s="279">
        <v>0</v>
      </c>
      <c r="AY11" s="280">
        <v>257</v>
      </c>
      <c r="AZ11" s="280">
        <v>255</v>
      </c>
      <c r="BA11" s="280">
        <v>50</v>
      </c>
      <c r="BB11" s="280">
        <v>141</v>
      </c>
      <c r="BC11" s="280">
        <v>36</v>
      </c>
      <c r="BD11" s="281">
        <v>739</v>
      </c>
      <c r="BE11" s="282">
        <v>739</v>
      </c>
      <c r="BF11" s="276">
        <v>0</v>
      </c>
      <c r="BG11" s="280">
        <v>0</v>
      </c>
      <c r="BH11" s="277">
        <v>0</v>
      </c>
      <c r="BI11" s="279">
        <v>0</v>
      </c>
      <c r="BJ11" s="280">
        <v>64</v>
      </c>
      <c r="BK11" s="280">
        <v>71</v>
      </c>
      <c r="BL11" s="280">
        <v>79</v>
      </c>
      <c r="BM11" s="280">
        <v>54</v>
      </c>
      <c r="BN11" s="280">
        <v>31</v>
      </c>
      <c r="BO11" s="277">
        <v>299</v>
      </c>
      <c r="BP11" s="282">
        <v>299</v>
      </c>
      <c r="BQ11" s="276">
        <v>0</v>
      </c>
      <c r="BR11" s="280">
        <v>8</v>
      </c>
      <c r="BS11" s="277">
        <v>8</v>
      </c>
      <c r="BT11" s="279">
        <v>0</v>
      </c>
      <c r="BU11" s="280">
        <v>14</v>
      </c>
      <c r="BV11" s="280">
        <v>29</v>
      </c>
      <c r="BW11" s="280">
        <v>86</v>
      </c>
      <c r="BX11" s="280">
        <v>106</v>
      </c>
      <c r="BY11" s="280">
        <v>9</v>
      </c>
      <c r="BZ11" s="277">
        <v>244</v>
      </c>
      <c r="CA11" s="282">
        <v>252</v>
      </c>
      <c r="CB11" s="276">
        <v>0</v>
      </c>
      <c r="CC11" s="280">
        <v>0</v>
      </c>
      <c r="CD11" s="277">
        <v>0</v>
      </c>
      <c r="CE11" s="279">
        <v>0</v>
      </c>
      <c r="CF11" s="280">
        <v>0</v>
      </c>
      <c r="CG11" s="280">
        <v>12</v>
      </c>
      <c r="CH11" s="280">
        <v>0</v>
      </c>
      <c r="CI11" s="280">
        <v>0</v>
      </c>
      <c r="CJ11" s="280">
        <v>0</v>
      </c>
      <c r="CK11" s="277">
        <v>12</v>
      </c>
      <c r="CL11" s="282">
        <v>12</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77">
        <v>0</v>
      </c>
      <c r="E12" s="278">
        <v>0</v>
      </c>
      <c r="F12" s="279">
        <v>0</v>
      </c>
      <c r="G12" s="280">
        <v>683</v>
      </c>
      <c r="H12" s="280">
        <v>661</v>
      </c>
      <c r="I12" s="280">
        <v>934</v>
      </c>
      <c r="J12" s="280">
        <v>1761</v>
      </c>
      <c r="K12" s="280">
        <v>1394</v>
      </c>
      <c r="L12" s="281">
        <v>5433</v>
      </c>
      <c r="M12" s="282">
        <v>5433</v>
      </c>
      <c r="N12" s="276">
        <v>0</v>
      </c>
      <c r="O12" s="280">
        <v>0</v>
      </c>
      <c r="P12" s="277">
        <v>0</v>
      </c>
      <c r="Q12" s="279">
        <v>0</v>
      </c>
      <c r="R12" s="280">
        <v>9</v>
      </c>
      <c r="S12" s="280">
        <v>5</v>
      </c>
      <c r="T12" s="280">
        <v>4</v>
      </c>
      <c r="U12" s="280">
        <v>44</v>
      </c>
      <c r="V12" s="280">
        <v>85</v>
      </c>
      <c r="W12" s="277">
        <v>147</v>
      </c>
      <c r="X12" s="282">
        <v>147</v>
      </c>
      <c r="Y12" s="276">
        <v>34</v>
      </c>
      <c r="Z12" s="280">
        <v>102</v>
      </c>
      <c r="AA12" s="277">
        <v>136</v>
      </c>
      <c r="AB12" s="279">
        <v>0</v>
      </c>
      <c r="AC12" s="280">
        <v>444</v>
      </c>
      <c r="AD12" s="280">
        <v>385</v>
      </c>
      <c r="AE12" s="280">
        <v>266</v>
      </c>
      <c r="AF12" s="280">
        <v>330</v>
      </c>
      <c r="AG12" s="280">
        <v>344</v>
      </c>
      <c r="AH12" s="277">
        <v>1769</v>
      </c>
      <c r="AI12" s="282">
        <v>1905</v>
      </c>
      <c r="AJ12" s="276">
        <v>0</v>
      </c>
      <c r="AK12" s="280">
        <v>12</v>
      </c>
      <c r="AL12" s="277">
        <v>12</v>
      </c>
      <c r="AM12" s="279">
        <v>0</v>
      </c>
      <c r="AN12" s="280">
        <v>32</v>
      </c>
      <c r="AO12" s="280">
        <v>132</v>
      </c>
      <c r="AP12" s="280">
        <v>67</v>
      </c>
      <c r="AQ12" s="280">
        <v>64</v>
      </c>
      <c r="AR12" s="280">
        <v>65</v>
      </c>
      <c r="AS12" s="277">
        <v>360</v>
      </c>
      <c r="AT12" s="282">
        <v>372</v>
      </c>
      <c r="AU12" s="276">
        <v>0</v>
      </c>
      <c r="AV12" s="280">
        <v>0</v>
      </c>
      <c r="AW12" s="277">
        <v>0</v>
      </c>
      <c r="AX12" s="279">
        <v>0</v>
      </c>
      <c r="AY12" s="280">
        <v>406</v>
      </c>
      <c r="AZ12" s="280">
        <v>276</v>
      </c>
      <c r="BA12" s="280">
        <v>204</v>
      </c>
      <c r="BB12" s="280">
        <v>186</v>
      </c>
      <c r="BC12" s="280">
        <v>35</v>
      </c>
      <c r="BD12" s="281">
        <v>1107</v>
      </c>
      <c r="BE12" s="282">
        <v>1107</v>
      </c>
      <c r="BF12" s="276">
        <v>0</v>
      </c>
      <c r="BG12" s="280">
        <v>0</v>
      </c>
      <c r="BH12" s="277">
        <v>0</v>
      </c>
      <c r="BI12" s="279">
        <v>0</v>
      </c>
      <c r="BJ12" s="280">
        <v>84</v>
      </c>
      <c r="BK12" s="280">
        <v>111</v>
      </c>
      <c r="BL12" s="280">
        <v>47</v>
      </c>
      <c r="BM12" s="280">
        <v>85</v>
      </c>
      <c r="BN12" s="280">
        <v>5</v>
      </c>
      <c r="BO12" s="277">
        <v>332</v>
      </c>
      <c r="BP12" s="282">
        <v>332</v>
      </c>
      <c r="BQ12" s="276">
        <v>0</v>
      </c>
      <c r="BR12" s="280">
        <v>5</v>
      </c>
      <c r="BS12" s="277">
        <v>5</v>
      </c>
      <c r="BT12" s="279">
        <v>0</v>
      </c>
      <c r="BU12" s="280">
        <v>14</v>
      </c>
      <c r="BV12" s="280">
        <v>95</v>
      </c>
      <c r="BW12" s="280">
        <v>95</v>
      </c>
      <c r="BX12" s="280">
        <v>80</v>
      </c>
      <c r="BY12" s="280">
        <v>59</v>
      </c>
      <c r="BZ12" s="277">
        <v>343</v>
      </c>
      <c r="CA12" s="282">
        <v>348</v>
      </c>
      <c r="CB12" s="276">
        <v>0</v>
      </c>
      <c r="CC12" s="280">
        <v>0</v>
      </c>
      <c r="CD12" s="277">
        <v>0</v>
      </c>
      <c r="CE12" s="279">
        <v>0</v>
      </c>
      <c r="CF12" s="280">
        <v>12</v>
      </c>
      <c r="CG12" s="280">
        <v>20</v>
      </c>
      <c r="CH12" s="280">
        <v>8</v>
      </c>
      <c r="CI12" s="280">
        <v>8</v>
      </c>
      <c r="CJ12" s="280">
        <v>8</v>
      </c>
      <c r="CK12" s="277">
        <v>56</v>
      </c>
      <c r="CL12" s="282">
        <v>56</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77">
        <v>0</v>
      </c>
      <c r="E13" s="278">
        <v>0</v>
      </c>
      <c r="F13" s="279">
        <v>0</v>
      </c>
      <c r="G13" s="280">
        <v>1481</v>
      </c>
      <c r="H13" s="280">
        <v>1093</v>
      </c>
      <c r="I13" s="280">
        <v>1274</v>
      </c>
      <c r="J13" s="280">
        <v>2003</v>
      </c>
      <c r="K13" s="280">
        <v>1598</v>
      </c>
      <c r="L13" s="281">
        <v>7449</v>
      </c>
      <c r="M13" s="282">
        <v>7449</v>
      </c>
      <c r="N13" s="276">
        <v>0</v>
      </c>
      <c r="O13" s="280">
        <v>0</v>
      </c>
      <c r="P13" s="277">
        <v>0</v>
      </c>
      <c r="Q13" s="279">
        <v>0</v>
      </c>
      <c r="R13" s="280">
        <v>4</v>
      </c>
      <c r="S13" s="280">
        <v>8</v>
      </c>
      <c r="T13" s="280">
        <v>13</v>
      </c>
      <c r="U13" s="280">
        <v>10</v>
      </c>
      <c r="V13" s="280">
        <v>38</v>
      </c>
      <c r="W13" s="277">
        <v>73</v>
      </c>
      <c r="X13" s="282">
        <v>73</v>
      </c>
      <c r="Y13" s="276">
        <v>66</v>
      </c>
      <c r="Z13" s="280">
        <v>255</v>
      </c>
      <c r="AA13" s="277">
        <v>321</v>
      </c>
      <c r="AB13" s="279">
        <v>0</v>
      </c>
      <c r="AC13" s="280">
        <v>717</v>
      </c>
      <c r="AD13" s="280">
        <v>495</v>
      </c>
      <c r="AE13" s="280">
        <v>169</v>
      </c>
      <c r="AF13" s="280">
        <v>248</v>
      </c>
      <c r="AG13" s="280">
        <v>260</v>
      </c>
      <c r="AH13" s="277">
        <v>1889</v>
      </c>
      <c r="AI13" s="282">
        <v>2210</v>
      </c>
      <c r="AJ13" s="276">
        <v>22</v>
      </c>
      <c r="AK13" s="280">
        <v>35</v>
      </c>
      <c r="AL13" s="277">
        <v>57</v>
      </c>
      <c r="AM13" s="279">
        <v>0</v>
      </c>
      <c r="AN13" s="280">
        <v>73</v>
      </c>
      <c r="AO13" s="280">
        <v>126</v>
      </c>
      <c r="AP13" s="280">
        <v>51</v>
      </c>
      <c r="AQ13" s="280">
        <v>6</v>
      </c>
      <c r="AR13" s="280">
        <v>12</v>
      </c>
      <c r="AS13" s="277">
        <v>268</v>
      </c>
      <c r="AT13" s="282">
        <v>325</v>
      </c>
      <c r="AU13" s="276">
        <v>0</v>
      </c>
      <c r="AV13" s="280">
        <v>0</v>
      </c>
      <c r="AW13" s="277">
        <v>0</v>
      </c>
      <c r="AX13" s="279">
        <v>0</v>
      </c>
      <c r="AY13" s="280">
        <v>940</v>
      </c>
      <c r="AZ13" s="280">
        <v>527</v>
      </c>
      <c r="BA13" s="280">
        <v>376</v>
      </c>
      <c r="BB13" s="280">
        <v>103</v>
      </c>
      <c r="BC13" s="280">
        <v>45</v>
      </c>
      <c r="BD13" s="281">
        <v>1991</v>
      </c>
      <c r="BE13" s="282">
        <v>1991</v>
      </c>
      <c r="BF13" s="276">
        <v>0</v>
      </c>
      <c r="BG13" s="280">
        <v>0</v>
      </c>
      <c r="BH13" s="277">
        <v>0</v>
      </c>
      <c r="BI13" s="279">
        <v>0</v>
      </c>
      <c r="BJ13" s="280">
        <v>196</v>
      </c>
      <c r="BK13" s="280">
        <v>136</v>
      </c>
      <c r="BL13" s="280">
        <v>48</v>
      </c>
      <c r="BM13" s="280">
        <v>18</v>
      </c>
      <c r="BN13" s="280">
        <v>0</v>
      </c>
      <c r="BO13" s="277">
        <v>398</v>
      </c>
      <c r="BP13" s="282">
        <v>398</v>
      </c>
      <c r="BQ13" s="276">
        <v>3</v>
      </c>
      <c r="BR13" s="280">
        <v>10</v>
      </c>
      <c r="BS13" s="277">
        <v>13</v>
      </c>
      <c r="BT13" s="279">
        <v>0</v>
      </c>
      <c r="BU13" s="280">
        <v>104</v>
      </c>
      <c r="BV13" s="280">
        <v>80</v>
      </c>
      <c r="BW13" s="280">
        <v>148</v>
      </c>
      <c r="BX13" s="280">
        <v>130</v>
      </c>
      <c r="BY13" s="280">
        <v>31</v>
      </c>
      <c r="BZ13" s="277">
        <v>493</v>
      </c>
      <c r="CA13" s="282">
        <v>506</v>
      </c>
      <c r="CB13" s="276">
        <v>0</v>
      </c>
      <c r="CC13" s="280">
        <v>0</v>
      </c>
      <c r="CD13" s="277">
        <v>0</v>
      </c>
      <c r="CE13" s="279">
        <v>0</v>
      </c>
      <c r="CF13" s="280">
        <v>9</v>
      </c>
      <c r="CG13" s="280">
        <v>29</v>
      </c>
      <c r="CH13" s="280">
        <v>0</v>
      </c>
      <c r="CI13" s="280">
        <v>0</v>
      </c>
      <c r="CJ13" s="280">
        <v>0</v>
      </c>
      <c r="CK13" s="277">
        <v>38</v>
      </c>
      <c r="CL13" s="282">
        <v>38</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77">
        <v>0</v>
      </c>
      <c r="E14" s="278">
        <v>0</v>
      </c>
      <c r="F14" s="279">
        <v>0</v>
      </c>
      <c r="G14" s="280">
        <v>140</v>
      </c>
      <c r="H14" s="280">
        <v>148</v>
      </c>
      <c r="I14" s="280">
        <v>499</v>
      </c>
      <c r="J14" s="280">
        <v>469</v>
      </c>
      <c r="K14" s="280">
        <v>252</v>
      </c>
      <c r="L14" s="281">
        <v>1508</v>
      </c>
      <c r="M14" s="282">
        <v>1508</v>
      </c>
      <c r="N14" s="276">
        <v>0</v>
      </c>
      <c r="O14" s="280">
        <v>0</v>
      </c>
      <c r="P14" s="277">
        <v>0</v>
      </c>
      <c r="Q14" s="279">
        <v>0</v>
      </c>
      <c r="R14" s="280">
        <v>0</v>
      </c>
      <c r="S14" s="280">
        <v>0</v>
      </c>
      <c r="T14" s="280">
        <v>0</v>
      </c>
      <c r="U14" s="280">
        <v>40</v>
      </c>
      <c r="V14" s="280">
        <v>21</v>
      </c>
      <c r="W14" s="277">
        <v>61</v>
      </c>
      <c r="X14" s="282">
        <v>61</v>
      </c>
      <c r="Y14" s="276">
        <v>12</v>
      </c>
      <c r="Z14" s="280">
        <v>16</v>
      </c>
      <c r="AA14" s="277">
        <v>28</v>
      </c>
      <c r="AB14" s="279">
        <v>0</v>
      </c>
      <c r="AC14" s="280">
        <v>238</v>
      </c>
      <c r="AD14" s="280">
        <v>204</v>
      </c>
      <c r="AE14" s="280">
        <v>100</v>
      </c>
      <c r="AF14" s="280">
        <v>210</v>
      </c>
      <c r="AG14" s="280">
        <v>74</v>
      </c>
      <c r="AH14" s="277">
        <v>826</v>
      </c>
      <c r="AI14" s="282">
        <v>854</v>
      </c>
      <c r="AJ14" s="276">
        <v>0</v>
      </c>
      <c r="AK14" s="280">
        <v>3</v>
      </c>
      <c r="AL14" s="277">
        <v>3</v>
      </c>
      <c r="AM14" s="279">
        <v>0</v>
      </c>
      <c r="AN14" s="280">
        <v>21</v>
      </c>
      <c r="AO14" s="280">
        <v>7</v>
      </c>
      <c r="AP14" s="280">
        <v>0</v>
      </c>
      <c r="AQ14" s="280">
        <v>18</v>
      </c>
      <c r="AR14" s="280">
        <v>23</v>
      </c>
      <c r="AS14" s="277">
        <v>69</v>
      </c>
      <c r="AT14" s="282">
        <v>72</v>
      </c>
      <c r="AU14" s="276">
        <v>0</v>
      </c>
      <c r="AV14" s="280">
        <v>0</v>
      </c>
      <c r="AW14" s="277">
        <v>0</v>
      </c>
      <c r="AX14" s="279">
        <v>0</v>
      </c>
      <c r="AY14" s="280">
        <v>109</v>
      </c>
      <c r="AZ14" s="280">
        <v>119</v>
      </c>
      <c r="BA14" s="280">
        <v>130</v>
      </c>
      <c r="BB14" s="280">
        <v>103</v>
      </c>
      <c r="BC14" s="280">
        <v>23</v>
      </c>
      <c r="BD14" s="281">
        <v>484</v>
      </c>
      <c r="BE14" s="282">
        <v>484</v>
      </c>
      <c r="BF14" s="276">
        <v>0</v>
      </c>
      <c r="BG14" s="280">
        <v>0</v>
      </c>
      <c r="BH14" s="277">
        <v>0</v>
      </c>
      <c r="BI14" s="279">
        <v>0</v>
      </c>
      <c r="BJ14" s="280">
        <v>77</v>
      </c>
      <c r="BK14" s="280">
        <v>78</v>
      </c>
      <c r="BL14" s="280">
        <v>57</v>
      </c>
      <c r="BM14" s="280">
        <v>21</v>
      </c>
      <c r="BN14" s="280">
        <v>11</v>
      </c>
      <c r="BO14" s="277">
        <v>244</v>
      </c>
      <c r="BP14" s="282">
        <v>244</v>
      </c>
      <c r="BQ14" s="276">
        <v>0</v>
      </c>
      <c r="BR14" s="280">
        <v>0</v>
      </c>
      <c r="BS14" s="277">
        <v>0</v>
      </c>
      <c r="BT14" s="279">
        <v>0</v>
      </c>
      <c r="BU14" s="280">
        <v>37</v>
      </c>
      <c r="BV14" s="280">
        <v>46</v>
      </c>
      <c r="BW14" s="280">
        <v>23</v>
      </c>
      <c r="BX14" s="280">
        <v>25</v>
      </c>
      <c r="BY14" s="280">
        <v>33</v>
      </c>
      <c r="BZ14" s="277">
        <v>164</v>
      </c>
      <c r="CA14" s="282">
        <v>164</v>
      </c>
      <c r="CB14" s="276">
        <v>0</v>
      </c>
      <c r="CC14" s="280">
        <v>0</v>
      </c>
      <c r="CD14" s="277">
        <v>0</v>
      </c>
      <c r="CE14" s="279">
        <v>0</v>
      </c>
      <c r="CF14" s="280">
        <v>0</v>
      </c>
      <c r="CG14" s="280">
        <v>0</v>
      </c>
      <c r="CH14" s="280">
        <v>10</v>
      </c>
      <c r="CI14" s="280">
        <v>0</v>
      </c>
      <c r="CJ14" s="280">
        <v>25</v>
      </c>
      <c r="CK14" s="277">
        <v>35</v>
      </c>
      <c r="CL14" s="282">
        <v>35</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77">
        <v>0</v>
      </c>
      <c r="E15" s="278">
        <v>0</v>
      </c>
      <c r="F15" s="279">
        <v>0</v>
      </c>
      <c r="G15" s="280">
        <v>494</v>
      </c>
      <c r="H15" s="280">
        <v>569</v>
      </c>
      <c r="I15" s="280">
        <v>1025</v>
      </c>
      <c r="J15" s="280">
        <v>822</v>
      </c>
      <c r="K15" s="280">
        <v>755</v>
      </c>
      <c r="L15" s="281">
        <v>3665</v>
      </c>
      <c r="M15" s="282">
        <v>3665</v>
      </c>
      <c r="N15" s="276">
        <v>0</v>
      </c>
      <c r="O15" s="280">
        <v>0</v>
      </c>
      <c r="P15" s="277">
        <v>0</v>
      </c>
      <c r="Q15" s="279">
        <v>0</v>
      </c>
      <c r="R15" s="280">
        <v>0</v>
      </c>
      <c r="S15" s="280">
        <v>4</v>
      </c>
      <c r="T15" s="280">
        <v>0</v>
      </c>
      <c r="U15" s="280">
        <v>4</v>
      </c>
      <c r="V15" s="280">
        <v>52</v>
      </c>
      <c r="W15" s="277">
        <v>60</v>
      </c>
      <c r="X15" s="282">
        <v>60</v>
      </c>
      <c r="Y15" s="276">
        <v>29</v>
      </c>
      <c r="Z15" s="280">
        <v>193</v>
      </c>
      <c r="AA15" s="277">
        <v>222</v>
      </c>
      <c r="AB15" s="279">
        <v>0</v>
      </c>
      <c r="AC15" s="280">
        <v>183</v>
      </c>
      <c r="AD15" s="280">
        <v>206</v>
      </c>
      <c r="AE15" s="280">
        <v>184</v>
      </c>
      <c r="AF15" s="280">
        <v>146</v>
      </c>
      <c r="AG15" s="280">
        <v>154</v>
      </c>
      <c r="AH15" s="277">
        <v>873</v>
      </c>
      <c r="AI15" s="282">
        <v>1095</v>
      </c>
      <c r="AJ15" s="276">
        <v>0</v>
      </c>
      <c r="AK15" s="280">
        <v>21</v>
      </c>
      <c r="AL15" s="277">
        <v>21</v>
      </c>
      <c r="AM15" s="279">
        <v>0</v>
      </c>
      <c r="AN15" s="280">
        <v>41</v>
      </c>
      <c r="AO15" s="280">
        <v>36</v>
      </c>
      <c r="AP15" s="280">
        <v>30</v>
      </c>
      <c r="AQ15" s="280">
        <v>24</v>
      </c>
      <c r="AR15" s="280">
        <v>0</v>
      </c>
      <c r="AS15" s="277">
        <v>131</v>
      </c>
      <c r="AT15" s="282">
        <v>152</v>
      </c>
      <c r="AU15" s="276">
        <v>0</v>
      </c>
      <c r="AV15" s="280">
        <v>0</v>
      </c>
      <c r="AW15" s="277">
        <v>0</v>
      </c>
      <c r="AX15" s="279">
        <v>0</v>
      </c>
      <c r="AY15" s="280">
        <v>411</v>
      </c>
      <c r="AZ15" s="280">
        <v>271</v>
      </c>
      <c r="BA15" s="280">
        <v>115</v>
      </c>
      <c r="BB15" s="280">
        <v>102</v>
      </c>
      <c r="BC15" s="280">
        <v>72</v>
      </c>
      <c r="BD15" s="281">
        <v>971</v>
      </c>
      <c r="BE15" s="282">
        <v>971</v>
      </c>
      <c r="BF15" s="276">
        <v>0</v>
      </c>
      <c r="BG15" s="280">
        <v>0</v>
      </c>
      <c r="BH15" s="277">
        <v>0</v>
      </c>
      <c r="BI15" s="279">
        <v>0</v>
      </c>
      <c r="BJ15" s="280">
        <v>114</v>
      </c>
      <c r="BK15" s="280">
        <v>85</v>
      </c>
      <c r="BL15" s="280">
        <v>85</v>
      </c>
      <c r="BM15" s="280">
        <v>34</v>
      </c>
      <c r="BN15" s="280">
        <v>6</v>
      </c>
      <c r="BO15" s="277">
        <v>324</v>
      </c>
      <c r="BP15" s="282">
        <v>324</v>
      </c>
      <c r="BQ15" s="276">
        <v>0</v>
      </c>
      <c r="BR15" s="280">
        <v>3</v>
      </c>
      <c r="BS15" s="277">
        <v>3</v>
      </c>
      <c r="BT15" s="279">
        <v>0</v>
      </c>
      <c r="BU15" s="280">
        <v>72</v>
      </c>
      <c r="BV15" s="280">
        <v>31</v>
      </c>
      <c r="BW15" s="280">
        <v>101</v>
      </c>
      <c r="BX15" s="280">
        <v>31</v>
      </c>
      <c r="BY15" s="280">
        <v>26</v>
      </c>
      <c r="BZ15" s="277">
        <v>261</v>
      </c>
      <c r="CA15" s="282">
        <v>264</v>
      </c>
      <c r="CB15" s="276">
        <v>0</v>
      </c>
      <c r="CC15" s="280">
        <v>0</v>
      </c>
      <c r="CD15" s="277">
        <v>0</v>
      </c>
      <c r="CE15" s="279">
        <v>0</v>
      </c>
      <c r="CF15" s="280">
        <v>0</v>
      </c>
      <c r="CG15" s="280">
        <v>0</v>
      </c>
      <c r="CH15" s="280">
        <v>0</v>
      </c>
      <c r="CI15" s="280">
        <v>0</v>
      </c>
      <c r="CJ15" s="280">
        <v>0</v>
      </c>
      <c r="CK15" s="277">
        <v>0</v>
      </c>
      <c r="CL15" s="282">
        <v>0</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77">
        <v>0</v>
      </c>
      <c r="E16" s="278">
        <v>0</v>
      </c>
      <c r="F16" s="279">
        <v>0</v>
      </c>
      <c r="G16" s="280">
        <v>182</v>
      </c>
      <c r="H16" s="280">
        <v>513</v>
      </c>
      <c r="I16" s="280">
        <v>442</v>
      </c>
      <c r="J16" s="280">
        <v>265</v>
      </c>
      <c r="K16" s="280">
        <v>788</v>
      </c>
      <c r="L16" s="281">
        <v>2190</v>
      </c>
      <c r="M16" s="282">
        <v>2190</v>
      </c>
      <c r="N16" s="276">
        <v>0</v>
      </c>
      <c r="O16" s="280">
        <v>0</v>
      </c>
      <c r="P16" s="277">
        <v>0</v>
      </c>
      <c r="Q16" s="279">
        <v>0</v>
      </c>
      <c r="R16" s="280">
        <v>0</v>
      </c>
      <c r="S16" s="280">
        <v>0</v>
      </c>
      <c r="T16" s="280">
        <v>5</v>
      </c>
      <c r="U16" s="280">
        <v>14</v>
      </c>
      <c r="V16" s="280">
        <v>0</v>
      </c>
      <c r="W16" s="277">
        <v>19</v>
      </c>
      <c r="X16" s="282">
        <v>19</v>
      </c>
      <c r="Y16" s="276">
        <v>9</v>
      </c>
      <c r="Z16" s="280">
        <v>19</v>
      </c>
      <c r="AA16" s="277">
        <v>28</v>
      </c>
      <c r="AB16" s="279">
        <v>0</v>
      </c>
      <c r="AC16" s="280">
        <v>132</v>
      </c>
      <c r="AD16" s="280">
        <v>147</v>
      </c>
      <c r="AE16" s="280">
        <v>81</v>
      </c>
      <c r="AF16" s="280">
        <v>115</v>
      </c>
      <c r="AG16" s="280">
        <v>108</v>
      </c>
      <c r="AH16" s="277">
        <v>583</v>
      </c>
      <c r="AI16" s="282">
        <v>611</v>
      </c>
      <c r="AJ16" s="276">
        <v>0</v>
      </c>
      <c r="AK16" s="280">
        <v>0</v>
      </c>
      <c r="AL16" s="277">
        <v>0</v>
      </c>
      <c r="AM16" s="279">
        <v>0</v>
      </c>
      <c r="AN16" s="280">
        <v>12</v>
      </c>
      <c r="AO16" s="280">
        <v>40</v>
      </c>
      <c r="AP16" s="280">
        <v>0</v>
      </c>
      <c r="AQ16" s="280">
        <v>22</v>
      </c>
      <c r="AR16" s="280">
        <v>46</v>
      </c>
      <c r="AS16" s="277">
        <v>120</v>
      </c>
      <c r="AT16" s="282">
        <v>120</v>
      </c>
      <c r="AU16" s="276">
        <v>0</v>
      </c>
      <c r="AV16" s="280">
        <v>0</v>
      </c>
      <c r="AW16" s="277">
        <v>0</v>
      </c>
      <c r="AX16" s="279">
        <v>0</v>
      </c>
      <c r="AY16" s="280">
        <v>145</v>
      </c>
      <c r="AZ16" s="280">
        <v>127</v>
      </c>
      <c r="BA16" s="280">
        <v>66</v>
      </c>
      <c r="BB16" s="280">
        <v>19</v>
      </c>
      <c r="BC16" s="280">
        <v>4</v>
      </c>
      <c r="BD16" s="281">
        <v>361</v>
      </c>
      <c r="BE16" s="282">
        <v>361</v>
      </c>
      <c r="BF16" s="276">
        <v>0</v>
      </c>
      <c r="BG16" s="280">
        <v>0</v>
      </c>
      <c r="BH16" s="277">
        <v>0</v>
      </c>
      <c r="BI16" s="279">
        <v>0</v>
      </c>
      <c r="BJ16" s="280">
        <v>6</v>
      </c>
      <c r="BK16" s="280">
        <v>19</v>
      </c>
      <c r="BL16" s="280">
        <v>22</v>
      </c>
      <c r="BM16" s="280">
        <v>20</v>
      </c>
      <c r="BN16" s="280">
        <v>9</v>
      </c>
      <c r="BO16" s="277">
        <v>76</v>
      </c>
      <c r="BP16" s="282">
        <v>76</v>
      </c>
      <c r="BQ16" s="276">
        <v>0</v>
      </c>
      <c r="BR16" s="280">
        <v>0</v>
      </c>
      <c r="BS16" s="277">
        <v>0</v>
      </c>
      <c r="BT16" s="279">
        <v>0</v>
      </c>
      <c r="BU16" s="280">
        <v>0</v>
      </c>
      <c r="BV16" s="280">
        <v>24</v>
      </c>
      <c r="BW16" s="280">
        <v>4</v>
      </c>
      <c r="BX16" s="280">
        <v>15</v>
      </c>
      <c r="BY16" s="280">
        <v>0</v>
      </c>
      <c r="BZ16" s="277">
        <v>43</v>
      </c>
      <c r="CA16" s="282">
        <v>43</v>
      </c>
      <c r="CB16" s="276">
        <v>0</v>
      </c>
      <c r="CC16" s="280">
        <v>0</v>
      </c>
      <c r="CD16" s="277">
        <v>0</v>
      </c>
      <c r="CE16" s="279">
        <v>0</v>
      </c>
      <c r="CF16" s="280">
        <v>0</v>
      </c>
      <c r="CG16" s="280">
        <v>0</v>
      </c>
      <c r="CH16" s="280">
        <v>0</v>
      </c>
      <c r="CI16" s="280">
        <v>3</v>
      </c>
      <c r="CJ16" s="280">
        <v>0</v>
      </c>
      <c r="CK16" s="277">
        <v>3</v>
      </c>
      <c r="CL16" s="282">
        <v>3</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77">
        <v>0</v>
      </c>
      <c r="E17" s="278">
        <v>0</v>
      </c>
      <c r="F17" s="279">
        <v>0</v>
      </c>
      <c r="G17" s="280">
        <v>32</v>
      </c>
      <c r="H17" s="280">
        <v>84</v>
      </c>
      <c r="I17" s="280">
        <v>6</v>
      </c>
      <c r="J17" s="280">
        <v>82</v>
      </c>
      <c r="K17" s="280">
        <v>120</v>
      </c>
      <c r="L17" s="281">
        <v>324</v>
      </c>
      <c r="M17" s="282">
        <v>324</v>
      </c>
      <c r="N17" s="276">
        <v>0</v>
      </c>
      <c r="O17" s="280">
        <v>0</v>
      </c>
      <c r="P17" s="277">
        <v>0</v>
      </c>
      <c r="Q17" s="279">
        <v>0</v>
      </c>
      <c r="R17" s="280">
        <v>0</v>
      </c>
      <c r="S17" s="280">
        <v>3</v>
      </c>
      <c r="T17" s="280">
        <v>0</v>
      </c>
      <c r="U17" s="280">
        <v>0</v>
      </c>
      <c r="V17" s="280">
        <v>23</v>
      </c>
      <c r="W17" s="277">
        <v>26</v>
      </c>
      <c r="X17" s="282">
        <v>26</v>
      </c>
      <c r="Y17" s="276">
        <v>0</v>
      </c>
      <c r="Z17" s="280">
        <v>2</v>
      </c>
      <c r="AA17" s="277">
        <v>2</v>
      </c>
      <c r="AB17" s="279">
        <v>0</v>
      </c>
      <c r="AC17" s="280">
        <v>2</v>
      </c>
      <c r="AD17" s="280">
        <v>16</v>
      </c>
      <c r="AE17" s="280">
        <v>9</v>
      </c>
      <c r="AF17" s="280">
        <v>51</v>
      </c>
      <c r="AG17" s="280">
        <v>74</v>
      </c>
      <c r="AH17" s="277">
        <v>152</v>
      </c>
      <c r="AI17" s="282">
        <v>154</v>
      </c>
      <c r="AJ17" s="276">
        <v>0</v>
      </c>
      <c r="AK17" s="280">
        <v>6</v>
      </c>
      <c r="AL17" s="277">
        <v>6</v>
      </c>
      <c r="AM17" s="279">
        <v>0</v>
      </c>
      <c r="AN17" s="280">
        <v>0</v>
      </c>
      <c r="AO17" s="280">
        <v>0</v>
      </c>
      <c r="AP17" s="280">
        <v>0</v>
      </c>
      <c r="AQ17" s="280">
        <v>0</v>
      </c>
      <c r="AR17" s="280">
        <v>33</v>
      </c>
      <c r="AS17" s="277">
        <v>33</v>
      </c>
      <c r="AT17" s="282">
        <v>39</v>
      </c>
      <c r="AU17" s="276">
        <v>0</v>
      </c>
      <c r="AV17" s="280">
        <v>0</v>
      </c>
      <c r="AW17" s="277">
        <v>0</v>
      </c>
      <c r="AX17" s="279">
        <v>0</v>
      </c>
      <c r="AY17" s="280">
        <v>23</v>
      </c>
      <c r="AZ17" s="280">
        <v>28</v>
      </c>
      <c r="BA17" s="280">
        <v>0</v>
      </c>
      <c r="BB17" s="280">
        <v>12</v>
      </c>
      <c r="BC17" s="280">
        <v>0</v>
      </c>
      <c r="BD17" s="281">
        <v>63</v>
      </c>
      <c r="BE17" s="282">
        <v>63</v>
      </c>
      <c r="BF17" s="276">
        <v>0</v>
      </c>
      <c r="BG17" s="280">
        <v>0</v>
      </c>
      <c r="BH17" s="277">
        <v>0</v>
      </c>
      <c r="BI17" s="279">
        <v>0</v>
      </c>
      <c r="BJ17" s="280">
        <v>4</v>
      </c>
      <c r="BK17" s="280">
        <v>13</v>
      </c>
      <c r="BL17" s="280">
        <v>8</v>
      </c>
      <c r="BM17" s="280">
        <v>20</v>
      </c>
      <c r="BN17" s="280">
        <v>18</v>
      </c>
      <c r="BO17" s="277">
        <v>63</v>
      </c>
      <c r="BP17" s="282">
        <v>63</v>
      </c>
      <c r="BQ17" s="276">
        <v>0</v>
      </c>
      <c r="BR17" s="280">
        <v>0</v>
      </c>
      <c r="BS17" s="277">
        <v>0</v>
      </c>
      <c r="BT17" s="279">
        <v>0</v>
      </c>
      <c r="BU17" s="280">
        <v>0</v>
      </c>
      <c r="BV17" s="280">
        <v>0</v>
      </c>
      <c r="BW17" s="280">
        <v>35</v>
      </c>
      <c r="BX17" s="280">
        <v>9</v>
      </c>
      <c r="BY17" s="280">
        <v>0</v>
      </c>
      <c r="BZ17" s="277">
        <v>44</v>
      </c>
      <c r="CA17" s="282">
        <v>44</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77">
        <v>0</v>
      </c>
      <c r="E18" s="278">
        <v>0</v>
      </c>
      <c r="F18" s="279">
        <v>0</v>
      </c>
      <c r="G18" s="280">
        <v>90</v>
      </c>
      <c r="H18" s="280">
        <v>299</v>
      </c>
      <c r="I18" s="280">
        <v>143</v>
      </c>
      <c r="J18" s="280">
        <v>105</v>
      </c>
      <c r="K18" s="280">
        <v>56</v>
      </c>
      <c r="L18" s="281">
        <v>693</v>
      </c>
      <c r="M18" s="282">
        <v>693</v>
      </c>
      <c r="N18" s="276">
        <v>0</v>
      </c>
      <c r="O18" s="280">
        <v>0</v>
      </c>
      <c r="P18" s="277">
        <v>0</v>
      </c>
      <c r="Q18" s="279">
        <v>0</v>
      </c>
      <c r="R18" s="280">
        <v>0</v>
      </c>
      <c r="S18" s="280">
        <v>0</v>
      </c>
      <c r="T18" s="280">
        <v>0</v>
      </c>
      <c r="U18" s="280">
        <v>5</v>
      </c>
      <c r="V18" s="280">
        <v>6</v>
      </c>
      <c r="W18" s="277">
        <v>11</v>
      </c>
      <c r="X18" s="282">
        <v>11</v>
      </c>
      <c r="Y18" s="276">
        <v>4</v>
      </c>
      <c r="Z18" s="280">
        <v>4</v>
      </c>
      <c r="AA18" s="277">
        <v>8</v>
      </c>
      <c r="AB18" s="279">
        <v>0</v>
      </c>
      <c r="AC18" s="280">
        <v>57</v>
      </c>
      <c r="AD18" s="280">
        <v>107</v>
      </c>
      <c r="AE18" s="280">
        <v>63</v>
      </c>
      <c r="AF18" s="280">
        <v>25</v>
      </c>
      <c r="AG18" s="280">
        <v>21</v>
      </c>
      <c r="AH18" s="277">
        <v>273</v>
      </c>
      <c r="AI18" s="282">
        <v>281</v>
      </c>
      <c r="AJ18" s="276">
        <v>0</v>
      </c>
      <c r="AK18" s="280">
        <v>0</v>
      </c>
      <c r="AL18" s="277">
        <v>0</v>
      </c>
      <c r="AM18" s="279">
        <v>0</v>
      </c>
      <c r="AN18" s="280">
        <v>27</v>
      </c>
      <c r="AO18" s="280">
        <v>12</v>
      </c>
      <c r="AP18" s="280">
        <v>15</v>
      </c>
      <c r="AQ18" s="280">
        <v>0</v>
      </c>
      <c r="AR18" s="280">
        <v>0</v>
      </c>
      <c r="AS18" s="277">
        <v>54</v>
      </c>
      <c r="AT18" s="282">
        <v>54</v>
      </c>
      <c r="AU18" s="276">
        <v>0</v>
      </c>
      <c r="AV18" s="280">
        <v>0</v>
      </c>
      <c r="AW18" s="277">
        <v>0</v>
      </c>
      <c r="AX18" s="279">
        <v>0</v>
      </c>
      <c r="AY18" s="280">
        <v>238</v>
      </c>
      <c r="AZ18" s="280">
        <v>231</v>
      </c>
      <c r="BA18" s="280">
        <v>104</v>
      </c>
      <c r="BB18" s="280">
        <v>51</v>
      </c>
      <c r="BC18" s="280">
        <v>16</v>
      </c>
      <c r="BD18" s="281">
        <v>640</v>
      </c>
      <c r="BE18" s="282">
        <v>640</v>
      </c>
      <c r="BF18" s="276">
        <v>0</v>
      </c>
      <c r="BG18" s="280">
        <v>0</v>
      </c>
      <c r="BH18" s="277">
        <v>0</v>
      </c>
      <c r="BI18" s="279">
        <v>0</v>
      </c>
      <c r="BJ18" s="280">
        <v>68</v>
      </c>
      <c r="BK18" s="280">
        <v>127</v>
      </c>
      <c r="BL18" s="280">
        <v>52</v>
      </c>
      <c r="BM18" s="280">
        <v>25</v>
      </c>
      <c r="BN18" s="280">
        <v>8</v>
      </c>
      <c r="BO18" s="277">
        <v>280</v>
      </c>
      <c r="BP18" s="282">
        <v>280</v>
      </c>
      <c r="BQ18" s="276">
        <v>0</v>
      </c>
      <c r="BR18" s="280">
        <v>0</v>
      </c>
      <c r="BS18" s="277">
        <v>0</v>
      </c>
      <c r="BT18" s="279">
        <v>0</v>
      </c>
      <c r="BU18" s="280">
        <v>43</v>
      </c>
      <c r="BV18" s="280">
        <v>38</v>
      </c>
      <c r="BW18" s="280">
        <v>35</v>
      </c>
      <c r="BX18" s="280">
        <v>5</v>
      </c>
      <c r="BY18" s="280">
        <v>5</v>
      </c>
      <c r="BZ18" s="277">
        <v>126</v>
      </c>
      <c r="CA18" s="282">
        <v>126</v>
      </c>
      <c r="CB18" s="276">
        <v>0</v>
      </c>
      <c r="CC18" s="280">
        <v>0</v>
      </c>
      <c r="CD18" s="277">
        <v>0</v>
      </c>
      <c r="CE18" s="279">
        <v>0</v>
      </c>
      <c r="CF18" s="280">
        <v>9</v>
      </c>
      <c r="CG18" s="280">
        <v>0</v>
      </c>
      <c r="CH18" s="280">
        <v>6</v>
      </c>
      <c r="CI18" s="280">
        <v>0</v>
      </c>
      <c r="CJ18" s="280">
        <v>0</v>
      </c>
      <c r="CK18" s="277">
        <v>15</v>
      </c>
      <c r="CL18" s="282">
        <v>15</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77">
        <v>0</v>
      </c>
      <c r="E19" s="278">
        <v>0</v>
      </c>
      <c r="F19" s="279">
        <v>0</v>
      </c>
      <c r="G19" s="280">
        <v>101</v>
      </c>
      <c r="H19" s="280">
        <v>325</v>
      </c>
      <c r="I19" s="280">
        <v>706</v>
      </c>
      <c r="J19" s="280">
        <v>270</v>
      </c>
      <c r="K19" s="280">
        <v>434</v>
      </c>
      <c r="L19" s="281">
        <v>1836</v>
      </c>
      <c r="M19" s="282">
        <v>1836</v>
      </c>
      <c r="N19" s="276">
        <v>0</v>
      </c>
      <c r="O19" s="280">
        <v>0</v>
      </c>
      <c r="P19" s="277">
        <v>0</v>
      </c>
      <c r="Q19" s="279">
        <v>0</v>
      </c>
      <c r="R19" s="280">
        <v>0</v>
      </c>
      <c r="S19" s="280">
        <v>0</v>
      </c>
      <c r="T19" s="280">
        <v>4</v>
      </c>
      <c r="U19" s="280">
        <v>8</v>
      </c>
      <c r="V19" s="280">
        <v>13</v>
      </c>
      <c r="W19" s="277">
        <v>25</v>
      </c>
      <c r="X19" s="282">
        <v>25</v>
      </c>
      <c r="Y19" s="276">
        <v>12</v>
      </c>
      <c r="Z19" s="280">
        <v>28</v>
      </c>
      <c r="AA19" s="277">
        <v>40</v>
      </c>
      <c r="AB19" s="279">
        <v>0</v>
      </c>
      <c r="AC19" s="280">
        <v>100</v>
      </c>
      <c r="AD19" s="280">
        <v>135</v>
      </c>
      <c r="AE19" s="280">
        <v>177</v>
      </c>
      <c r="AF19" s="280">
        <v>74</v>
      </c>
      <c r="AG19" s="280">
        <v>50</v>
      </c>
      <c r="AH19" s="277">
        <v>536</v>
      </c>
      <c r="AI19" s="282">
        <v>576</v>
      </c>
      <c r="AJ19" s="276">
        <v>6</v>
      </c>
      <c r="AK19" s="280">
        <v>0</v>
      </c>
      <c r="AL19" s="277">
        <v>6</v>
      </c>
      <c r="AM19" s="279">
        <v>0</v>
      </c>
      <c r="AN19" s="280">
        <v>16</v>
      </c>
      <c r="AO19" s="280">
        <v>0</v>
      </c>
      <c r="AP19" s="280">
        <v>42</v>
      </c>
      <c r="AQ19" s="280">
        <v>39</v>
      </c>
      <c r="AR19" s="280">
        <v>0</v>
      </c>
      <c r="AS19" s="277">
        <v>97</v>
      </c>
      <c r="AT19" s="282">
        <v>103</v>
      </c>
      <c r="AU19" s="276">
        <v>0</v>
      </c>
      <c r="AV19" s="280">
        <v>0</v>
      </c>
      <c r="AW19" s="277">
        <v>0</v>
      </c>
      <c r="AX19" s="279">
        <v>0</v>
      </c>
      <c r="AY19" s="280">
        <v>183</v>
      </c>
      <c r="AZ19" s="280">
        <v>269</v>
      </c>
      <c r="BA19" s="280">
        <v>117</v>
      </c>
      <c r="BB19" s="280">
        <v>96</v>
      </c>
      <c r="BC19" s="280">
        <v>18</v>
      </c>
      <c r="BD19" s="281">
        <v>683</v>
      </c>
      <c r="BE19" s="282">
        <v>683</v>
      </c>
      <c r="BF19" s="276">
        <v>0</v>
      </c>
      <c r="BG19" s="280">
        <v>0</v>
      </c>
      <c r="BH19" s="277">
        <v>0</v>
      </c>
      <c r="BI19" s="279">
        <v>0</v>
      </c>
      <c r="BJ19" s="280">
        <v>51</v>
      </c>
      <c r="BK19" s="280">
        <v>86</v>
      </c>
      <c r="BL19" s="280">
        <v>77</v>
      </c>
      <c r="BM19" s="280">
        <v>44</v>
      </c>
      <c r="BN19" s="280">
        <v>11</v>
      </c>
      <c r="BO19" s="277">
        <v>269</v>
      </c>
      <c r="BP19" s="282">
        <v>269</v>
      </c>
      <c r="BQ19" s="276">
        <v>0</v>
      </c>
      <c r="BR19" s="280">
        <v>0</v>
      </c>
      <c r="BS19" s="277">
        <v>0</v>
      </c>
      <c r="BT19" s="279">
        <v>0</v>
      </c>
      <c r="BU19" s="280">
        <v>0</v>
      </c>
      <c r="BV19" s="280">
        <v>54</v>
      </c>
      <c r="BW19" s="280">
        <v>59</v>
      </c>
      <c r="BX19" s="280">
        <v>51</v>
      </c>
      <c r="BY19" s="280">
        <v>50</v>
      </c>
      <c r="BZ19" s="277">
        <v>214</v>
      </c>
      <c r="CA19" s="282">
        <v>214</v>
      </c>
      <c r="CB19" s="276">
        <v>0</v>
      </c>
      <c r="CC19" s="280">
        <v>0</v>
      </c>
      <c r="CD19" s="277">
        <v>0</v>
      </c>
      <c r="CE19" s="279">
        <v>0</v>
      </c>
      <c r="CF19" s="280">
        <v>10</v>
      </c>
      <c r="CG19" s="280">
        <v>2</v>
      </c>
      <c r="CH19" s="280">
        <v>26</v>
      </c>
      <c r="CI19" s="280">
        <v>3</v>
      </c>
      <c r="CJ19" s="280">
        <v>8</v>
      </c>
      <c r="CK19" s="277">
        <v>49</v>
      </c>
      <c r="CL19" s="282">
        <v>49</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77">
        <v>0</v>
      </c>
      <c r="E20" s="278">
        <v>0</v>
      </c>
      <c r="F20" s="279">
        <v>0</v>
      </c>
      <c r="G20" s="280">
        <v>323</v>
      </c>
      <c r="H20" s="280">
        <v>331</v>
      </c>
      <c r="I20" s="280">
        <v>480</v>
      </c>
      <c r="J20" s="280">
        <v>962</v>
      </c>
      <c r="K20" s="280">
        <v>418</v>
      </c>
      <c r="L20" s="281">
        <v>2514</v>
      </c>
      <c r="M20" s="282">
        <v>2514</v>
      </c>
      <c r="N20" s="276">
        <v>0</v>
      </c>
      <c r="O20" s="280">
        <v>0</v>
      </c>
      <c r="P20" s="277">
        <v>0</v>
      </c>
      <c r="Q20" s="279">
        <v>0</v>
      </c>
      <c r="R20" s="280">
        <v>0</v>
      </c>
      <c r="S20" s="280">
        <v>0</v>
      </c>
      <c r="T20" s="280">
        <v>9</v>
      </c>
      <c r="U20" s="280">
        <v>7</v>
      </c>
      <c r="V20" s="280">
        <v>6</v>
      </c>
      <c r="W20" s="277">
        <v>22</v>
      </c>
      <c r="X20" s="282">
        <v>22</v>
      </c>
      <c r="Y20" s="276">
        <v>40</v>
      </c>
      <c r="Z20" s="280">
        <v>37</v>
      </c>
      <c r="AA20" s="277">
        <v>77</v>
      </c>
      <c r="AB20" s="279">
        <v>0</v>
      </c>
      <c r="AC20" s="280">
        <v>205</v>
      </c>
      <c r="AD20" s="280">
        <v>338</v>
      </c>
      <c r="AE20" s="280">
        <v>203</v>
      </c>
      <c r="AF20" s="280">
        <v>112</v>
      </c>
      <c r="AG20" s="280">
        <v>191</v>
      </c>
      <c r="AH20" s="277">
        <v>1049</v>
      </c>
      <c r="AI20" s="282">
        <v>1126</v>
      </c>
      <c r="AJ20" s="276">
        <v>12</v>
      </c>
      <c r="AK20" s="280">
        <v>0</v>
      </c>
      <c r="AL20" s="277">
        <v>12</v>
      </c>
      <c r="AM20" s="279">
        <v>0</v>
      </c>
      <c r="AN20" s="280">
        <v>52</v>
      </c>
      <c r="AO20" s="280">
        <v>35</v>
      </c>
      <c r="AP20" s="280">
        <v>38</v>
      </c>
      <c r="AQ20" s="280">
        <v>0</v>
      </c>
      <c r="AR20" s="280">
        <v>0</v>
      </c>
      <c r="AS20" s="277">
        <v>125</v>
      </c>
      <c r="AT20" s="282">
        <v>137</v>
      </c>
      <c r="AU20" s="276">
        <v>0</v>
      </c>
      <c r="AV20" s="280">
        <v>0</v>
      </c>
      <c r="AW20" s="277">
        <v>0</v>
      </c>
      <c r="AX20" s="279">
        <v>0</v>
      </c>
      <c r="AY20" s="280">
        <v>244</v>
      </c>
      <c r="AZ20" s="280">
        <v>433</v>
      </c>
      <c r="BA20" s="280">
        <v>236</v>
      </c>
      <c r="BB20" s="280">
        <v>134</v>
      </c>
      <c r="BC20" s="280">
        <v>55</v>
      </c>
      <c r="BD20" s="281">
        <v>1102</v>
      </c>
      <c r="BE20" s="282">
        <v>1102</v>
      </c>
      <c r="BF20" s="276">
        <v>0</v>
      </c>
      <c r="BG20" s="280">
        <v>0</v>
      </c>
      <c r="BH20" s="277">
        <v>0</v>
      </c>
      <c r="BI20" s="279">
        <v>0</v>
      </c>
      <c r="BJ20" s="280">
        <v>98</v>
      </c>
      <c r="BK20" s="280">
        <v>105</v>
      </c>
      <c r="BL20" s="280">
        <v>58</v>
      </c>
      <c r="BM20" s="280">
        <v>45</v>
      </c>
      <c r="BN20" s="280">
        <v>27</v>
      </c>
      <c r="BO20" s="277">
        <v>333</v>
      </c>
      <c r="BP20" s="282">
        <v>333</v>
      </c>
      <c r="BQ20" s="276">
        <v>0</v>
      </c>
      <c r="BR20" s="280">
        <v>0</v>
      </c>
      <c r="BS20" s="277">
        <v>0</v>
      </c>
      <c r="BT20" s="279">
        <v>0</v>
      </c>
      <c r="BU20" s="280">
        <v>0</v>
      </c>
      <c r="BV20" s="280">
        <v>112</v>
      </c>
      <c r="BW20" s="280">
        <v>120</v>
      </c>
      <c r="BX20" s="280">
        <v>60</v>
      </c>
      <c r="BY20" s="280">
        <v>45</v>
      </c>
      <c r="BZ20" s="277">
        <v>337</v>
      </c>
      <c r="CA20" s="282">
        <v>337</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77">
        <v>0</v>
      </c>
      <c r="E21" s="278">
        <v>0</v>
      </c>
      <c r="F21" s="279">
        <v>0</v>
      </c>
      <c r="G21" s="280">
        <v>56</v>
      </c>
      <c r="H21" s="280">
        <v>104</v>
      </c>
      <c r="I21" s="280">
        <v>84</v>
      </c>
      <c r="J21" s="280">
        <v>247</v>
      </c>
      <c r="K21" s="280">
        <v>33</v>
      </c>
      <c r="L21" s="281">
        <v>524</v>
      </c>
      <c r="M21" s="282">
        <v>524</v>
      </c>
      <c r="N21" s="276">
        <v>0</v>
      </c>
      <c r="O21" s="280">
        <v>0</v>
      </c>
      <c r="P21" s="277">
        <v>0</v>
      </c>
      <c r="Q21" s="279">
        <v>0</v>
      </c>
      <c r="R21" s="280">
        <v>0</v>
      </c>
      <c r="S21" s="280">
        <v>5</v>
      </c>
      <c r="T21" s="280">
        <v>2</v>
      </c>
      <c r="U21" s="280">
        <v>12</v>
      </c>
      <c r="V21" s="280">
        <v>16</v>
      </c>
      <c r="W21" s="277">
        <v>35</v>
      </c>
      <c r="X21" s="282">
        <v>35</v>
      </c>
      <c r="Y21" s="276">
        <v>14</v>
      </c>
      <c r="Z21" s="280">
        <v>9</v>
      </c>
      <c r="AA21" s="277">
        <v>23</v>
      </c>
      <c r="AB21" s="279">
        <v>0</v>
      </c>
      <c r="AC21" s="280">
        <v>123</v>
      </c>
      <c r="AD21" s="280">
        <v>88</v>
      </c>
      <c r="AE21" s="280">
        <v>29</v>
      </c>
      <c r="AF21" s="280">
        <v>143</v>
      </c>
      <c r="AG21" s="280">
        <v>44</v>
      </c>
      <c r="AH21" s="277">
        <v>427</v>
      </c>
      <c r="AI21" s="282">
        <v>450</v>
      </c>
      <c r="AJ21" s="276">
        <v>0</v>
      </c>
      <c r="AK21" s="280">
        <v>0</v>
      </c>
      <c r="AL21" s="277">
        <v>0</v>
      </c>
      <c r="AM21" s="279">
        <v>0</v>
      </c>
      <c r="AN21" s="280">
        <v>45</v>
      </c>
      <c r="AO21" s="280">
        <v>0</v>
      </c>
      <c r="AP21" s="280">
        <v>15</v>
      </c>
      <c r="AQ21" s="280">
        <v>15</v>
      </c>
      <c r="AR21" s="280">
        <v>0</v>
      </c>
      <c r="AS21" s="277">
        <v>75</v>
      </c>
      <c r="AT21" s="282">
        <v>75</v>
      </c>
      <c r="AU21" s="276">
        <v>0</v>
      </c>
      <c r="AV21" s="280">
        <v>0</v>
      </c>
      <c r="AW21" s="277">
        <v>0</v>
      </c>
      <c r="AX21" s="279">
        <v>0</v>
      </c>
      <c r="AY21" s="280">
        <v>93</v>
      </c>
      <c r="AZ21" s="280">
        <v>136</v>
      </c>
      <c r="BA21" s="280">
        <v>22</v>
      </c>
      <c r="BB21" s="280">
        <v>36</v>
      </c>
      <c r="BC21" s="280">
        <v>45</v>
      </c>
      <c r="BD21" s="281">
        <v>332</v>
      </c>
      <c r="BE21" s="282">
        <v>332</v>
      </c>
      <c r="BF21" s="276">
        <v>0</v>
      </c>
      <c r="BG21" s="280">
        <v>0</v>
      </c>
      <c r="BH21" s="277">
        <v>0</v>
      </c>
      <c r="BI21" s="279">
        <v>0</v>
      </c>
      <c r="BJ21" s="280">
        <v>54</v>
      </c>
      <c r="BK21" s="280">
        <v>44</v>
      </c>
      <c r="BL21" s="280">
        <v>32</v>
      </c>
      <c r="BM21" s="280">
        <v>25</v>
      </c>
      <c r="BN21" s="280">
        <v>14</v>
      </c>
      <c r="BO21" s="277">
        <v>169</v>
      </c>
      <c r="BP21" s="282">
        <v>169</v>
      </c>
      <c r="BQ21" s="276">
        <v>0</v>
      </c>
      <c r="BR21" s="280">
        <v>3</v>
      </c>
      <c r="BS21" s="277">
        <v>3</v>
      </c>
      <c r="BT21" s="279">
        <v>0</v>
      </c>
      <c r="BU21" s="280">
        <v>4</v>
      </c>
      <c r="BV21" s="280">
        <v>5</v>
      </c>
      <c r="BW21" s="280">
        <v>23</v>
      </c>
      <c r="BX21" s="280">
        <v>4</v>
      </c>
      <c r="BY21" s="280">
        <v>9</v>
      </c>
      <c r="BZ21" s="277">
        <v>45</v>
      </c>
      <c r="CA21" s="282">
        <v>48</v>
      </c>
      <c r="CB21" s="276">
        <v>0</v>
      </c>
      <c r="CC21" s="280">
        <v>0</v>
      </c>
      <c r="CD21" s="277">
        <v>0</v>
      </c>
      <c r="CE21" s="279">
        <v>0</v>
      </c>
      <c r="CF21" s="280">
        <v>0</v>
      </c>
      <c r="CG21" s="280">
        <v>0</v>
      </c>
      <c r="CH21" s="280">
        <v>10</v>
      </c>
      <c r="CI21" s="280">
        <v>13</v>
      </c>
      <c r="CJ21" s="280">
        <v>0</v>
      </c>
      <c r="CK21" s="277">
        <v>23</v>
      </c>
      <c r="CL21" s="282">
        <v>23</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77">
        <v>0</v>
      </c>
      <c r="E22" s="278">
        <v>0</v>
      </c>
      <c r="F22" s="279">
        <v>0</v>
      </c>
      <c r="G22" s="280">
        <v>124</v>
      </c>
      <c r="H22" s="280">
        <v>154</v>
      </c>
      <c r="I22" s="280">
        <v>203</v>
      </c>
      <c r="J22" s="280">
        <v>198</v>
      </c>
      <c r="K22" s="280">
        <v>141</v>
      </c>
      <c r="L22" s="281">
        <v>820</v>
      </c>
      <c r="M22" s="282">
        <v>820</v>
      </c>
      <c r="N22" s="276">
        <v>0</v>
      </c>
      <c r="O22" s="280">
        <v>0</v>
      </c>
      <c r="P22" s="277">
        <v>0</v>
      </c>
      <c r="Q22" s="279">
        <v>0</v>
      </c>
      <c r="R22" s="280">
        <v>6</v>
      </c>
      <c r="S22" s="280">
        <v>4</v>
      </c>
      <c r="T22" s="280">
        <v>0</v>
      </c>
      <c r="U22" s="280">
        <v>12</v>
      </c>
      <c r="V22" s="280">
        <v>24</v>
      </c>
      <c r="W22" s="277">
        <v>46</v>
      </c>
      <c r="X22" s="282">
        <v>46</v>
      </c>
      <c r="Y22" s="276">
        <v>6</v>
      </c>
      <c r="Z22" s="280">
        <v>41</v>
      </c>
      <c r="AA22" s="277">
        <v>47</v>
      </c>
      <c r="AB22" s="279">
        <v>0</v>
      </c>
      <c r="AC22" s="280">
        <v>107</v>
      </c>
      <c r="AD22" s="280">
        <v>130</v>
      </c>
      <c r="AE22" s="280">
        <v>155</v>
      </c>
      <c r="AF22" s="280">
        <v>58</v>
      </c>
      <c r="AG22" s="280">
        <v>121</v>
      </c>
      <c r="AH22" s="277">
        <v>571</v>
      </c>
      <c r="AI22" s="282">
        <v>618</v>
      </c>
      <c r="AJ22" s="276">
        <v>0</v>
      </c>
      <c r="AK22" s="280">
        <v>18</v>
      </c>
      <c r="AL22" s="277">
        <v>18</v>
      </c>
      <c r="AM22" s="279">
        <v>0</v>
      </c>
      <c r="AN22" s="280">
        <v>64</v>
      </c>
      <c r="AO22" s="280">
        <v>90</v>
      </c>
      <c r="AP22" s="280">
        <v>46</v>
      </c>
      <c r="AQ22" s="280">
        <v>24</v>
      </c>
      <c r="AR22" s="280">
        <v>14</v>
      </c>
      <c r="AS22" s="277">
        <v>238</v>
      </c>
      <c r="AT22" s="282">
        <v>256</v>
      </c>
      <c r="AU22" s="276">
        <v>0</v>
      </c>
      <c r="AV22" s="280">
        <v>0</v>
      </c>
      <c r="AW22" s="277">
        <v>0</v>
      </c>
      <c r="AX22" s="279">
        <v>0</v>
      </c>
      <c r="AY22" s="280">
        <v>100</v>
      </c>
      <c r="AZ22" s="280">
        <v>202</v>
      </c>
      <c r="BA22" s="280">
        <v>128</v>
      </c>
      <c r="BB22" s="280">
        <v>45</v>
      </c>
      <c r="BC22" s="280">
        <v>48</v>
      </c>
      <c r="BD22" s="281">
        <v>523</v>
      </c>
      <c r="BE22" s="282">
        <v>523</v>
      </c>
      <c r="BF22" s="276">
        <v>0</v>
      </c>
      <c r="BG22" s="280">
        <v>0</v>
      </c>
      <c r="BH22" s="277">
        <v>0</v>
      </c>
      <c r="BI22" s="279">
        <v>0</v>
      </c>
      <c r="BJ22" s="280">
        <v>41</v>
      </c>
      <c r="BK22" s="280">
        <v>56</v>
      </c>
      <c r="BL22" s="280">
        <v>46</v>
      </c>
      <c r="BM22" s="280">
        <v>29</v>
      </c>
      <c r="BN22" s="280">
        <v>24</v>
      </c>
      <c r="BO22" s="277">
        <v>196</v>
      </c>
      <c r="BP22" s="282">
        <v>196</v>
      </c>
      <c r="BQ22" s="276">
        <v>0</v>
      </c>
      <c r="BR22" s="280">
        <v>6</v>
      </c>
      <c r="BS22" s="277">
        <v>6</v>
      </c>
      <c r="BT22" s="279">
        <v>0</v>
      </c>
      <c r="BU22" s="280">
        <v>38</v>
      </c>
      <c r="BV22" s="280">
        <v>18</v>
      </c>
      <c r="BW22" s="280">
        <v>22</v>
      </c>
      <c r="BX22" s="280">
        <v>79</v>
      </c>
      <c r="BY22" s="280">
        <v>9</v>
      </c>
      <c r="BZ22" s="277">
        <v>166</v>
      </c>
      <c r="CA22" s="282">
        <v>172</v>
      </c>
      <c r="CB22" s="276">
        <v>0</v>
      </c>
      <c r="CC22" s="280">
        <v>0</v>
      </c>
      <c r="CD22" s="277">
        <v>0</v>
      </c>
      <c r="CE22" s="279">
        <v>0</v>
      </c>
      <c r="CF22" s="280">
        <v>0</v>
      </c>
      <c r="CG22" s="280">
        <v>0</v>
      </c>
      <c r="CH22" s="280">
        <v>5</v>
      </c>
      <c r="CI22" s="280">
        <v>10</v>
      </c>
      <c r="CJ22" s="280">
        <v>0</v>
      </c>
      <c r="CK22" s="277">
        <v>15</v>
      </c>
      <c r="CL22" s="282">
        <v>15</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77">
        <v>0</v>
      </c>
      <c r="E23" s="278">
        <v>0</v>
      </c>
      <c r="F23" s="279">
        <v>0</v>
      </c>
      <c r="G23" s="280">
        <v>220</v>
      </c>
      <c r="H23" s="280">
        <v>198</v>
      </c>
      <c r="I23" s="280">
        <v>99</v>
      </c>
      <c r="J23" s="280">
        <v>278</v>
      </c>
      <c r="K23" s="280">
        <v>380</v>
      </c>
      <c r="L23" s="281">
        <v>1175</v>
      </c>
      <c r="M23" s="282">
        <v>1175</v>
      </c>
      <c r="N23" s="276">
        <v>0</v>
      </c>
      <c r="O23" s="280">
        <v>0</v>
      </c>
      <c r="P23" s="277">
        <v>0</v>
      </c>
      <c r="Q23" s="279">
        <v>0</v>
      </c>
      <c r="R23" s="280">
        <v>0</v>
      </c>
      <c r="S23" s="280">
        <v>0</v>
      </c>
      <c r="T23" s="280">
        <v>0</v>
      </c>
      <c r="U23" s="280">
        <v>0</v>
      </c>
      <c r="V23" s="280">
        <v>16</v>
      </c>
      <c r="W23" s="277">
        <v>16</v>
      </c>
      <c r="X23" s="282">
        <v>16</v>
      </c>
      <c r="Y23" s="276">
        <v>17</v>
      </c>
      <c r="Z23" s="280">
        <v>19</v>
      </c>
      <c r="AA23" s="277">
        <v>36</v>
      </c>
      <c r="AB23" s="279">
        <v>0</v>
      </c>
      <c r="AC23" s="280">
        <v>171</v>
      </c>
      <c r="AD23" s="280">
        <v>88</v>
      </c>
      <c r="AE23" s="280">
        <v>59</v>
      </c>
      <c r="AF23" s="280">
        <v>9</v>
      </c>
      <c r="AG23" s="280">
        <v>56</v>
      </c>
      <c r="AH23" s="277">
        <v>383</v>
      </c>
      <c r="AI23" s="282">
        <v>419</v>
      </c>
      <c r="AJ23" s="276">
        <v>0</v>
      </c>
      <c r="AK23" s="280">
        <v>0</v>
      </c>
      <c r="AL23" s="277">
        <v>0</v>
      </c>
      <c r="AM23" s="279">
        <v>0</v>
      </c>
      <c r="AN23" s="280">
        <v>42</v>
      </c>
      <c r="AO23" s="280">
        <v>8</v>
      </c>
      <c r="AP23" s="280">
        <v>43</v>
      </c>
      <c r="AQ23" s="280">
        <v>0</v>
      </c>
      <c r="AR23" s="280">
        <v>15</v>
      </c>
      <c r="AS23" s="277">
        <v>108</v>
      </c>
      <c r="AT23" s="282">
        <v>108</v>
      </c>
      <c r="AU23" s="276">
        <v>0</v>
      </c>
      <c r="AV23" s="280">
        <v>0</v>
      </c>
      <c r="AW23" s="277">
        <v>0</v>
      </c>
      <c r="AX23" s="279">
        <v>0</v>
      </c>
      <c r="AY23" s="280">
        <v>166</v>
      </c>
      <c r="AZ23" s="280">
        <v>82</v>
      </c>
      <c r="BA23" s="280">
        <v>53</v>
      </c>
      <c r="BB23" s="280">
        <v>31</v>
      </c>
      <c r="BC23" s="280">
        <v>18</v>
      </c>
      <c r="BD23" s="281">
        <v>350</v>
      </c>
      <c r="BE23" s="282">
        <v>350</v>
      </c>
      <c r="BF23" s="276">
        <v>0</v>
      </c>
      <c r="BG23" s="280">
        <v>0</v>
      </c>
      <c r="BH23" s="277">
        <v>0</v>
      </c>
      <c r="BI23" s="279">
        <v>0</v>
      </c>
      <c r="BJ23" s="280">
        <v>22</v>
      </c>
      <c r="BK23" s="280">
        <v>26</v>
      </c>
      <c r="BL23" s="280">
        <v>0</v>
      </c>
      <c r="BM23" s="280">
        <v>4</v>
      </c>
      <c r="BN23" s="280">
        <v>12</v>
      </c>
      <c r="BO23" s="277">
        <v>64</v>
      </c>
      <c r="BP23" s="282">
        <v>64</v>
      </c>
      <c r="BQ23" s="276">
        <v>0</v>
      </c>
      <c r="BR23" s="280">
        <v>10</v>
      </c>
      <c r="BS23" s="277">
        <v>10</v>
      </c>
      <c r="BT23" s="279">
        <v>0</v>
      </c>
      <c r="BU23" s="280">
        <v>17</v>
      </c>
      <c r="BV23" s="280">
        <v>47</v>
      </c>
      <c r="BW23" s="280">
        <v>29</v>
      </c>
      <c r="BX23" s="280">
        <v>4</v>
      </c>
      <c r="BY23" s="280">
        <v>16</v>
      </c>
      <c r="BZ23" s="277">
        <v>113</v>
      </c>
      <c r="CA23" s="282">
        <v>123</v>
      </c>
      <c r="CB23" s="276">
        <v>0</v>
      </c>
      <c r="CC23" s="280">
        <v>0</v>
      </c>
      <c r="CD23" s="277">
        <v>0</v>
      </c>
      <c r="CE23" s="279">
        <v>0</v>
      </c>
      <c r="CF23" s="280">
        <v>2</v>
      </c>
      <c r="CG23" s="280">
        <v>0</v>
      </c>
      <c r="CH23" s="280">
        <v>0</v>
      </c>
      <c r="CI23" s="280">
        <v>0</v>
      </c>
      <c r="CJ23" s="280">
        <v>0</v>
      </c>
      <c r="CK23" s="277">
        <v>2</v>
      </c>
      <c r="CL23" s="282">
        <v>2</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77">
        <v>0</v>
      </c>
      <c r="E24" s="278">
        <v>0</v>
      </c>
      <c r="F24" s="279">
        <v>0</v>
      </c>
      <c r="G24" s="280">
        <v>21</v>
      </c>
      <c r="H24" s="280">
        <v>0</v>
      </c>
      <c r="I24" s="280">
        <v>50</v>
      </c>
      <c r="J24" s="280">
        <v>4</v>
      </c>
      <c r="K24" s="280">
        <v>151</v>
      </c>
      <c r="L24" s="281">
        <v>226</v>
      </c>
      <c r="M24" s="282">
        <v>226</v>
      </c>
      <c r="N24" s="276">
        <v>0</v>
      </c>
      <c r="O24" s="280">
        <v>0</v>
      </c>
      <c r="P24" s="277">
        <v>0</v>
      </c>
      <c r="Q24" s="279">
        <v>0</v>
      </c>
      <c r="R24" s="280">
        <v>0</v>
      </c>
      <c r="S24" s="280">
        <v>0</v>
      </c>
      <c r="T24" s="280">
        <v>0</v>
      </c>
      <c r="U24" s="280">
        <v>0</v>
      </c>
      <c r="V24" s="280">
        <v>35</v>
      </c>
      <c r="W24" s="277">
        <v>35</v>
      </c>
      <c r="X24" s="282">
        <v>35</v>
      </c>
      <c r="Y24" s="276">
        <v>0</v>
      </c>
      <c r="Z24" s="280">
        <v>0</v>
      </c>
      <c r="AA24" s="277">
        <v>0</v>
      </c>
      <c r="AB24" s="279">
        <v>0</v>
      </c>
      <c r="AC24" s="280">
        <v>24</v>
      </c>
      <c r="AD24" s="280">
        <v>27</v>
      </c>
      <c r="AE24" s="280">
        <v>14</v>
      </c>
      <c r="AF24" s="280">
        <v>11</v>
      </c>
      <c r="AG24" s="280">
        <v>101</v>
      </c>
      <c r="AH24" s="277">
        <v>177</v>
      </c>
      <c r="AI24" s="282">
        <v>177</v>
      </c>
      <c r="AJ24" s="276">
        <v>0</v>
      </c>
      <c r="AK24" s="280">
        <v>0</v>
      </c>
      <c r="AL24" s="277">
        <v>0</v>
      </c>
      <c r="AM24" s="279">
        <v>0</v>
      </c>
      <c r="AN24" s="280">
        <v>24</v>
      </c>
      <c r="AO24" s="280">
        <v>12</v>
      </c>
      <c r="AP24" s="280">
        <v>0</v>
      </c>
      <c r="AQ24" s="280">
        <v>30</v>
      </c>
      <c r="AR24" s="280">
        <v>0</v>
      </c>
      <c r="AS24" s="277">
        <v>66</v>
      </c>
      <c r="AT24" s="282">
        <v>66</v>
      </c>
      <c r="AU24" s="276">
        <v>0</v>
      </c>
      <c r="AV24" s="280">
        <v>0</v>
      </c>
      <c r="AW24" s="277">
        <v>0</v>
      </c>
      <c r="AX24" s="279">
        <v>0</v>
      </c>
      <c r="AY24" s="280">
        <v>58</v>
      </c>
      <c r="AZ24" s="280">
        <v>17</v>
      </c>
      <c r="BA24" s="280">
        <v>22</v>
      </c>
      <c r="BB24" s="280">
        <v>37</v>
      </c>
      <c r="BC24" s="280">
        <v>15</v>
      </c>
      <c r="BD24" s="281">
        <v>149</v>
      </c>
      <c r="BE24" s="282">
        <v>149</v>
      </c>
      <c r="BF24" s="276">
        <v>0</v>
      </c>
      <c r="BG24" s="280">
        <v>0</v>
      </c>
      <c r="BH24" s="277">
        <v>0</v>
      </c>
      <c r="BI24" s="279">
        <v>0</v>
      </c>
      <c r="BJ24" s="280">
        <v>15</v>
      </c>
      <c r="BK24" s="280">
        <v>18</v>
      </c>
      <c r="BL24" s="280">
        <v>13</v>
      </c>
      <c r="BM24" s="280">
        <v>9</v>
      </c>
      <c r="BN24" s="280">
        <v>3</v>
      </c>
      <c r="BO24" s="277">
        <v>58</v>
      </c>
      <c r="BP24" s="282">
        <v>58</v>
      </c>
      <c r="BQ24" s="276">
        <v>0</v>
      </c>
      <c r="BR24" s="280">
        <v>0</v>
      </c>
      <c r="BS24" s="277">
        <v>0</v>
      </c>
      <c r="BT24" s="279">
        <v>0</v>
      </c>
      <c r="BU24" s="280">
        <v>0</v>
      </c>
      <c r="BV24" s="280">
        <v>14</v>
      </c>
      <c r="BW24" s="280">
        <v>11</v>
      </c>
      <c r="BX24" s="280">
        <v>11</v>
      </c>
      <c r="BY24" s="280">
        <v>0</v>
      </c>
      <c r="BZ24" s="277">
        <v>36</v>
      </c>
      <c r="CA24" s="282">
        <v>36</v>
      </c>
      <c r="CB24" s="276">
        <v>0</v>
      </c>
      <c r="CC24" s="280">
        <v>0</v>
      </c>
      <c r="CD24" s="277">
        <v>0</v>
      </c>
      <c r="CE24" s="279">
        <v>0</v>
      </c>
      <c r="CF24" s="280">
        <v>0</v>
      </c>
      <c r="CG24" s="280">
        <v>3</v>
      </c>
      <c r="CH24" s="280">
        <v>5</v>
      </c>
      <c r="CI24" s="280">
        <v>0</v>
      </c>
      <c r="CJ24" s="280">
        <v>0</v>
      </c>
      <c r="CK24" s="277">
        <v>8</v>
      </c>
      <c r="CL24" s="282">
        <v>8</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77">
        <v>0</v>
      </c>
      <c r="E25" s="278">
        <v>0</v>
      </c>
      <c r="F25" s="279">
        <v>0</v>
      </c>
      <c r="G25" s="280">
        <v>21</v>
      </c>
      <c r="H25" s="280">
        <v>32</v>
      </c>
      <c r="I25" s="280">
        <v>227</v>
      </c>
      <c r="J25" s="280">
        <v>16</v>
      </c>
      <c r="K25" s="280">
        <v>0</v>
      </c>
      <c r="L25" s="281">
        <v>296</v>
      </c>
      <c r="M25" s="282">
        <v>296</v>
      </c>
      <c r="N25" s="276">
        <v>0</v>
      </c>
      <c r="O25" s="280">
        <v>0</v>
      </c>
      <c r="P25" s="277">
        <v>0</v>
      </c>
      <c r="Q25" s="279">
        <v>0</v>
      </c>
      <c r="R25" s="280">
        <v>4</v>
      </c>
      <c r="S25" s="280">
        <v>0</v>
      </c>
      <c r="T25" s="280">
        <v>4</v>
      </c>
      <c r="U25" s="280">
        <v>0</v>
      </c>
      <c r="V25" s="280">
        <v>4</v>
      </c>
      <c r="W25" s="277">
        <v>12</v>
      </c>
      <c r="X25" s="282">
        <v>12</v>
      </c>
      <c r="Y25" s="276">
        <v>16</v>
      </c>
      <c r="Z25" s="280">
        <v>25</v>
      </c>
      <c r="AA25" s="277">
        <v>41</v>
      </c>
      <c r="AB25" s="279">
        <v>0</v>
      </c>
      <c r="AC25" s="280">
        <v>44</v>
      </c>
      <c r="AD25" s="280">
        <v>62</v>
      </c>
      <c r="AE25" s="280">
        <v>73</v>
      </c>
      <c r="AF25" s="280">
        <v>58</v>
      </c>
      <c r="AG25" s="280">
        <v>39</v>
      </c>
      <c r="AH25" s="277">
        <v>276</v>
      </c>
      <c r="AI25" s="282">
        <v>317</v>
      </c>
      <c r="AJ25" s="276">
        <v>0</v>
      </c>
      <c r="AK25" s="280">
        <v>12</v>
      </c>
      <c r="AL25" s="277">
        <v>12</v>
      </c>
      <c r="AM25" s="279">
        <v>0</v>
      </c>
      <c r="AN25" s="280">
        <v>0</v>
      </c>
      <c r="AO25" s="280">
        <v>15</v>
      </c>
      <c r="AP25" s="280">
        <v>0</v>
      </c>
      <c r="AQ25" s="280">
        <v>9</v>
      </c>
      <c r="AR25" s="280">
        <v>0</v>
      </c>
      <c r="AS25" s="277">
        <v>24</v>
      </c>
      <c r="AT25" s="282">
        <v>36</v>
      </c>
      <c r="AU25" s="276">
        <v>0</v>
      </c>
      <c r="AV25" s="280">
        <v>0</v>
      </c>
      <c r="AW25" s="277">
        <v>0</v>
      </c>
      <c r="AX25" s="279">
        <v>0</v>
      </c>
      <c r="AY25" s="280">
        <v>94</v>
      </c>
      <c r="AZ25" s="280">
        <v>144</v>
      </c>
      <c r="BA25" s="280">
        <v>49</v>
      </c>
      <c r="BB25" s="280">
        <v>22</v>
      </c>
      <c r="BC25" s="280">
        <v>4</v>
      </c>
      <c r="BD25" s="281">
        <v>313</v>
      </c>
      <c r="BE25" s="282">
        <v>313</v>
      </c>
      <c r="BF25" s="276">
        <v>0</v>
      </c>
      <c r="BG25" s="280">
        <v>0</v>
      </c>
      <c r="BH25" s="277">
        <v>0</v>
      </c>
      <c r="BI25" s="279">
        <v>0</v>
      </c>
      <c r="BJ25" s="280">
        <v>17</v>
      </c>
      <c r="BK25" s="280">
        <v>22</v>
      </c>
      <c r="BL25" s="280">
        <v>37</v>
      </c>
      <c r="BM25" s="280">
        <v>31</v>
      </c>
      <c r="BN25" s="280">
        <v>0</v>
      </c>
      <c r="BO25" s="277">
        <v>107</v>
      </c>
      <c r="BP25" s="282">
        <v>107</v>
      </c>
      <c r="BQ25" s="276">
        <v>0</v>
      </c>
      <c r="BR25" s="280">
        <v>0</v>
      </c>
      <c r="BS25" s="277">
        <v>0</v>
      </c>
      <c r="BT25" s="279">
        <v>0</v>
      </c>
      <c r="BU25" s="280">
        <v>28</v>
      </c>
      <c r="BV25" s="280">
        <v>8</v>
      </c>
      <c r="BW25" s="280">
        <v>4</v>
      </c>
      <c r="BX25" s="280">
        <v>8</v>
      </c>
      <c r="BY25" s="280">
        <v>0</v>
      </c>
      <c r="BZ25" s="277">
        <v>48</v>
      </c>
      <c r="CA25" s="282">
        <v>48</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77">
        <v>0</v>
      </c>
      <c r="E26" s="278">
        <v>0</v>
      </c>
      <c r="F26" s="279">
        <v>0</v>
      </c>
      <c r="G26" s="280">
        <v>95</v>
      </c>
      <c r="H26" s="280">
        <v>55</v>
      </c>
      <c r="I26" s="280">
        <v>217</v>
      </c>
      <c r="J26" s="280">
        <v>95</v>
      </c>
      <c r="K26" s="280">
        <v>269</v>
      </c>
      <c r="L26" s="281">
        <v>731</v>
      </c>
      <c r="M26" s="282">
        <v>731</v>
      </c>
      <c r="N26" s="276">
        <v>0</v>
      </c>
      <c r="O26" s="280">
        <v>0</v>
      </c>
      <c r="P26" s="277">
        <v>0</v>
      </c>
      <c r="Q26" s="279">
        <v>0</v>
      </c>
      <c r="R26" s="280">
        <v>0</v>
      </c>
      <c r="S26" s="280">
        <v>0</v>
      </c>
      <c r="T26" s="280">
        <v>0</v>
      </c>
      <c r="U26" s="280">
        <v>4</v>
      </c>
      <c r="V26" s="280">
        <v>12</v>
      </c>
      <c r="W26" s="277">
        <v>16</v>
      </c>
      <c r="X26" s="282">
        <v>16</v>
      </c>
      <c r="Y26" s="276">
        <v>1</v>
      </c>
      <c r="Z26" s="280">
        <v>30</v>
      </c>
      <c r="AA26" s="277">
        <v>31</v>
      </c>
      <c r="AB26" s="279">
        <v>0</v>
      </c>
      <c r="AC26" s="280">
        <v>63</v>
      </c>
      <c r="AD26" s="280">
        <v>9</v>
      </c>
      <c r="AE26" s="280">
        <v>64</v>
      </c>
      <c r="AF26" s="280">
        <v>63</v>
      </c>
      <c r="AG26" s="280">
        <v>20</v>
      </c>
      <c r="AH26" s="277">
        <v>219</v>
      </c>
      <c r="AI26" s="282">
        <v>250</v>
      </c>
      <c r="AJ26" s="276">
        <v>0</v>
      </c>
      <c r="AK26" s="280">
        <v>0</v>
      </c>
      <c r="AL26" s="277">
        <v>0</v>
      </c>
      <c r="AM26" s="279">
        <v>0</v>
      </c>
      <c r="AN26" s="280">
        <v>0</v>
      </c>
      <c r="AO26" s="280">
        <v>6</v>
      </c>
      <c r="AP26" s="280">
        <v>0</v>
      </c>
      <c r="AQ26" s="280">
        <v>0</v>
      </c>
      <c r="AR26" s="280">
        <v>12</v>
      </c>
      <c r="AS26" s="277">
        <v>18</v>
      </c>
      <c r="AT26" s="282">
        <v>18</v>
      </c>
      <c r="AU26" s="276">
        <v>0</v>
      </c>
      <c r="AV26" s="280">
        <v>0</v>
      </c>
      <c r="AW26" s="277">
        <v>0</v>
      </c>
      <c r="AX26" s="279">
        <v>0</v>
      </c>
      <c r="AY26" s="280">
        <v>107</v>
      </c>
      <c r="AZ26" s="280">
        <v>51</v>
      </c>
      <c r="BA26" s="280">
        <v>34</v>
      </c>
      <c r="BB26" s="280">
        <v>8</v>
      </c>
      <c r="BC26" s="280">
        <v>13</v>
      </c>
      <c r="BD26" s="281">
        <v>213</v>
      </c>
      <c r="BE26" s="282">
        <v>213</v>
      </c>
      <c r="BF26" s="276">
        <v>0</v>
      </c>
      <c r="BG26" s="280">
        <v>0</v>
      </c>
      <c r="BH26" s="277">
        <v>0</v>
      </c>
      <c r="BI26" s="279">
        <v>0</v>
      </c>
      <c r="BJ26" s="280">
        <v>27</v>
      </c>
      <c r="BK26" s="280">
        <v>65</v>
      </c>
      <c r="BL26" s="280">
        <v>25</v>
      </c>
      <c r="BM26" s="280">
        <v>0</v>
      </c>
      <c r="BN26" s="280">
        <v>21</v>
      </c>
      <c r="BO26" s="277">
        <v>138</v>
      </c>
      <c r="BP26" s="282">
        <v>138</v>
      </c>
      <c r="BQ26" s="276">
        <v>0</v>
      </c>
      <c r="BR26" s="280">
        <v>0</v>
      </c>
      <c r="BS26" s="277">
        <v>0</v>
      </c>
      <c r="BT26" s="279">
        <v>0</v>
      </c>
      <c r="BU26" s="280">
        <v>4</v>
      </c>
      <c r="BV26" s="280">
        <v>9</v>
      </c>
      <c r="BW26" s="280">
        <v>6</v>
      </c>
      <c r="BX26" s="280">
        <v>6</v>
      </c>
      <c r="BY26" s="280">
        <v>10</v>
      </c>
      <c r="BZ26" s="277">
        <v>35</v>
      </c>
      <c r="CA26" s="282">
        <v>35</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77">
        <v>0</v>
      </c>
      <c r="E27" s="278">
        <v>0</v>
      </c>
      <c r="F27" s="279">
        <v>0</v>
      </c>
      <c r="G27" s="280">
        <v>37</v>
      </c>
      <c r="H27" s="280">
        <v>28</v>
      </c>
      <c r="I27" s="280">
        <v>10</v>
      </c>
      <c r="J27" s="280">
        <v>13</v>
      </c>
      <c r="K27" s="280">
        <v>8</v>
      </c>
      <c r="L27" s="281">
        <v>96</v>
      </c>
      <c r="M27" s="282">
        <v>96</v>
      </c>
      <c r="N27" s="276">
        <v>0</v>
      </c>
      <c r="O27" s="280">
        <v>0</v>
      </c>
      <c r="P27" s="277">
        <v>0</v>
      </c>
      <c r="Q27" s="279">
        <v>0</v>
      </c>
      <c r="R27" s="280">
        <v>0</v>
      </c>
      <c r="S27" s="280">
        <v>0</v>
      </c>
      <c r="T27" s="280">
        <v>0</v>
      </c>
      <c r="U27" s="280">
        <v>23</v>
      </c>
      <c r="V27" s="280">
        <v>17</v>
      </c>
      <c r="W27" s="277">
        <v>40</v>
      </c>
      <c r="X27" s="282">
        <v>40</v>
      </c>
      <c r="Y27" s="276">
        <v>4</v>
      </c>
      <c r="Z27" s="280">
        <v>20</v>
      </c>
      <c r="AA27" s="277">
        <v>24</v>
      </c>
      <c r="AB27" s="279">
        <v>0</v>
      </c>
      <c r="AC27" s="280">
        <v>39</v>
      </c>
      <c r="AD27" s="280">
        <v>61</v>
      </c>
      <c r="AE27" s="280">
        <v>3</v>
      </c>
      <c r="AF27" s="280">
        <v>20</v>
      </c>
      <c r="AG27" s="280">
        <v>35</v>
      </c>
      <c r="AH27" s="277">
        <v>158</v>
      </c>
      <c r="AI27" s="282">
        <v>182</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56</v>
      </c>
      <c r="AZ27" s="280">
        <v>14</v>
      </c>
      <c r="BA27" s="280">
        <v>4</v>
      </c>
      <c r="BB27" s="280">
        <v>22</v>
      </c>
      <c r="BC27" s="280">
        <v>0</v>
      </c>
      <c r="BD27" s="281">
        <v>96</v>
      </c>
      <c r="BE27" s="282">
        <v>96</v>
      </c>
      <c r="BF27" s="276">
        <v>0</v>
      </c>
      <c r="BG27" s="280">
        <v>0</v>
      </c>
      <c r="BH27" s="277">
        <v>0</v>
      </c>
      <c r="BI27" s="279">
        <v>0</v>
      </c>
      <c r="BJ27" s="280">
        <v>17</v>
      </c>
      <c r="BK27" s="280">
        <v>48</v>
      </c>
      <c r="BL27" s="280">
        <v>17</v>
      </c>
      <c r="BM27" s="280">
        <v>0</v>
      </c>
      <c r="BN27" s="280">
        <v>7</v>
      </c>
      <c r="BO27" s="277">
        <v>89</v>
      </c>
      <c r="BP27" s="282">
        <v>89</v>
      </c>
      <c r="BQ27" s="276">
        <v>0</v>
      </c>
      <c r="BR27" s="280">
        <v>0</v>
      </c>
      <c r="BS27" s="277">
        <v>0</v>
      </c>
      <c r="BT27" s="279">
        <v>0</v>
      </c>
      <c r="BU27" s="280">
        <v>11</v>
      </c>
      <c r="BV27" s="280">
        <v>5</v>
      </c>
      <c r="BW27" s="280">
        <v>0</v>
      </c>
      <c r="BX27" s="280">
        <v>3</v>
      </c>
      <c r="BY27" s="280">
        <v>0</v>
      </c>
      <c r="BZ27" s="277">
        <v>19</v>
      </c>
      <c r="CA27" s="282">
        <v>19</v>
      </c>
      <c r="CB27" s="276">
        <v>0</v>
      </c>
      <c r="CC27" s="280">
        <v>0</v>
      </c>
      <c r="CD27" s="277">
        <v>0</v>
      </c>
      <c r="CE27" s="279">
        <v>0</v>
      </c>
      <c r="CF27" s="280">
        <v>0</v>
      </c>
      <c r="CG27" s="280">
        <v>4</v>
      </c>
      <c r="CH27" s="280">
        <v>0</v>
      </c>
      <c r="CI27" s="280">
        <v>0</v>
      </c>
      <c r="CJ27" s="280">
        <v>3</v>
      </c>
      <c r="CK27" s="277">
        <v>7</v>
      </c>
      <c r="CL27" s="282">
        <v>7</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77">
        <v>0</v>
      </c>
      <c r="E28" s="278">
        <v>0</v>
      </c>
      <c r="F28" s="279">
        <v>0</v>
      </c>
      <c r="G28" s="280">
        <v>36</v>
      </c>
      <c r="H28" s="280">
        <v>23</v>
      </c>
      <c r="I28" s="280">
        <v>77</v>
      </c>
      <c r="J28" s="280">
        <v>50</v>
      </c>
      <c r="K28" s="280">
        <v>172</v>
      </c>
      <c r="L28" s="281">
        <v>358</v>
      </c>
      <c r="M28" s="282">
        <v>358</v>
      </c>
      <c r="N28" s="276">
        <v>0</v>
      </c>
      <c r="O28" s="280">
        <v>0</v>
      </c>
      <c r="P28" s="277">
        <v>0</v>
      </c>
      <c r="Q28" s="279">
        <v>0</v>
      </c>
      <c r="R28" s="280">
        <v>0</v>
      </c>
      <c r="S28" s="280">
        <v>0</v>
      </c>
      <c r="T28" s="280">
        <v>0</v>
      </c>
      <c r="U28" s="280">
        <v>9</v>
      </c>
      <c r="V28" s="280">
        <v>5</v>
      </c>
      <c r="W28" s="277">
        <v>14</v>
      </c>
      <c r="X28" s="282">
        <v>14</v>
      </c>
      <c r="Y28" s="276">
        <v>5</v>
      </c>
      <c r="Z28" s="280">
        <v>7</v>
      </c>
      <c r="AA28" s="277">
        <v>12</v>
      </c>
      <c r="AB28" s="279">
        <v>0</v>
      </c>
      <c r="AC28" s="280">
        <v>21</v>
      </c>
      <c r="AD28" s="280">
        <v>81</v>
      </c>
      <c r="AE28" s="280">
        <v>11</v>
      </c>
      <c r="AF28" s="280">
        <v>72</v>
      </c>
      <c r="AG28" s="280">
        <v>53</v>
      </c>
      <c r="AH28" s="277">
        <v>238</v>
      </c>
      <c r="AI28" s="282">
        <v>250</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57</v>
      </c>
      <c r="AZ28" s="280">
        <v>43</v>
      </c>
      <c r="BA28" s="280">
        <v>38</v>
      </c>
      <c r="BB28" s="280">
        <v>8</v>
      </c>
      <c r="BC28" s="280">
        <v>0</v>
      </c>
      <c r="BD28" s="281">
        <v>146</v>
      </c>
      <c r="BE28" s="282">
        <v>146</v>
      </c>
      <c r="BF28" s="276">
        <v>0</v>
      </c>
      <c r="BG28" s="280">
        <v>0</v>
      </c>
      <c r="BH28" s="277">
        <v>0</v>
      </c>
      <c r="BI28" s="279">
        <v>0</v>
      </c>
      <c r="BJ28" s="280">
        <v>33</v>
      </c>
      <c r="BK28" s="280">
        <v>20</v>
      </c>
      <c r="BL28" s="280">
        <v>6</v>
      </c>
      <c r="BM28" s="280">
        <v>0</v>
      </c>
      <c r="BN28" s="280">
        <v>0</v>
      </c>
      <c r="BO28" s="277">
        <v>59</v>
      </c>
      <c r="BP28" s="282">
        <v>59</v>
      </c>
      <c r="BQ28" s="276">
        <v>0</v>
      </c>
      <c r="BR28" s="280">
        <v>0</v>
      </c>
      <c r="BS28" s="277">
        <v>0</v>
      </c>
      <c r="BT28" s="279">
        <v>0</v>
      </c>
      <c r="BU28" s="280">
        <v>0</v>
      </c>
      <c r="BV28" s="280">
        <v>0</v>
      </c>
      <c r="BW28" s="280">
        <v>19</v>
      </c>
      <c r="BX28" s="280">
        <v>19</v>
      </c>
      <c r="BY28" s="280">
        <v>0</v>
      </c>
      <c r="BZ28" s="277">
        <v>38</v>
      </c>
      <c r="CA28" s="282">
        <v>38</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77">
        <v>0</v>
      </c>
      <c r="E29" s="278">
        <v>0</v>
      </c>
      <c r="F29" s="279">
        <v>0</v>
      </c>
      <c r="G29" s="280">
        <v>2</v>
      </c>
      <c r="H29" s="280">
        <v>46</v>
      </c>
      <c r="I29" s="280">
        <v>58</v>
      </c>
      <c r="J29" s="280">
        <v>0</v>
      </c>
      <c r="K29" s="280">
        <v>34</v>
      </c>
      <c r="L29" s="281">
        <v>140</v>
      </c>
      <c r="M29" s="282">
        <v>140</v>
      </c>
      <c r="N29" s="276">
        <v>0</v>
      </c>
      <c r="O29" s="280">
        <v>0</v>
      </c>
      <c r="P29" s="277">
        <v>0</v>
      </c>
      <c r="Q29" s="279">
        <v>0</v>
      </c>
      <c r="R29" s="280">
        <v>0</v>
      </c>
      <c r="S29" s="280">
        <v>0</v>
      </c>
      <c r="T29" s="280">
        <v>0</v>
      </c>
      <c r="U29" s="280">
        <v>6</v>
      </c>
      <c r="V29" s="280">
        <v>0</v>
      </c>
      <c r="W29" s="277">
        <v>6</v>
      </c>
      <c r="X29" s="282">
        <v>6</v>
      </c>
      <c r="Y29" s="276">
        <v>20</v>
      </c>
      <c r="Z29" s="280">
        <v>68</v>
      </c>
      <c r="AA29" s="277">
        <v>88</v>
      </c>
      <c r="AB29" s="279">
        <v>0</v>
      </c>
      <c r="AC29" s="280">
        <v>11</v>
      </c>
      <c r="AD29" s="280">
        <v>47</v>
      </c>
      <c r="AE29" s="280">
        <v>41</v>
      </c>
      <c r="AF29" s="280">
        <v>2</v>
      </c>
      <c r="AG29" s="280">
        <v>0</v>
      </c>
      <c r="AH29" s="277">
        <v>101</v>
      </c>
      <c r="AI29" s="282">
        <v>189</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5</v>
      </c>
      <c r="AZ29" s="280">
        <v>20</v>
      </c>
      <c r="BA29" s="280">
        <v>13</v>
      </c>
      <c r="BB29" s="280">
        <v>10</v>
      </c>
      <c r="BC29" s="280">
        <v>0</v>
      </c>
      <c r="BD29" s="281">
        <v>48</v>
      </c>
      <c r="BE29" s="282">
        <v>48</v>
      </c>
      <c r="BF29" s="276">
        <v>0</v>
      </c>
      <c r="BG29" s="280">
        <v>0</v>
      </c>
      <c r="BH29" s="277">
        <v>0</v>
      </c>
      <c r="BI29" s="279">
        <v>0</v>
      </c>
      <c r="BJ29" s="280">
        <v>0</v>
      </c>
      <c r="BK29" s="280">
        <v>19</v>
      </c>
      <c r="BL29" s="280">
        <v>9</v>
      </c>
      <c r="BM29" s="280">
        <v>0</v>
      </c>
      <c r="BN29" s="280">
        <v>0</v>
      </c>
      <c r="BO29" s="277">
        <v>28</v>
      </c>
      <c r="BP29" s="282">
        <v>28</v>
      </c>
      <c r="BQ29" s="276">
        <v>0</v>
      </c>
      <c r="BR29" s="280">
        <v>0</v>
      </c>
      <c r="BS29" s="277">
        <v>0</v>
      </c>
      <c r="BT29" s="279">
        <v>0</v>
      </c>
      <c r="BU29" s="280">
        <v>0</v>
      </c>
      <c r="BV29" s="280">
        <v>4</v>
      </c>
      <c r="BW29" s="280">
        <v>30</v>
      </c>
      <c r="BX29" s="280">
        <v>8</v>
      </c>
      <c r="BY29" s="280">
        <v>0</v>
      </c>
      <c r="BZ29" s="277">
        <v>42</v>
      </c>
      <c r="CA29" s="282">
        <v>42</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77">
        <v>0</v>
      </c>
      <c r="E30" s="278">
        <v>0</v>
      </c>
      <c r="F30" s="279">
        <v>0</v>
      </c>
      <c r="G30" s="280">
        <v>9</v>
      </c>
      <c r="H30" s="280">
        <v>13</v>
      </c>
      <c r="I30" s="280">
        <v>0</v>
      </c>
      <c r="J30" s="280">
        <v>27</v>
      </c>
      <c r="K30" s="280">
        <v>0</v>
      </c>
      <c r="L30" s="281">
        <v>49</v>
      </c>
      <c r="M30" s="282">
        <v>49</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4</v>
      </c>
      <c r="AE30" s="280">
        <v>4</v>
      </c>
      <c r="AF30" s="280">
        <v>0</v>
      </c>
      <c r="AG30" s="280">
        <v>0</v>
      </c>
      <c r="AH30" s="277">
        <v>18</v>
      </c>
      <c r="AI30" s="282">
        <v>18</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10</v>
      </c>
      <c r="BA30" s="280">
        <v>20</v>
      </c>
      <c r="BB30" s="280">
        <v>13</v>
      </c>
      <c r="BC30" s="280">
        <v>0</v>
      </c>
      <c r="BD30" s="281">
        <v>43</v>
      </c>
      <c r="BE30" s="282">
        <v>43</v>
      </c>
      <c r="BF30" s="276">
        <v>0</v>
      </c>
      <c r="BG30" s="280">
        <v>0</v>
      </c>
      <c r="BH30" s="277">
        <v>0</v>
      </c>
      <c r="BI30" s="279">
        <v>0</v>
      </c>
      <c r="BJ30" s="280">
        <v>0</v>
      </c>
      <c r="BK30" s="280">
        <v>2</v>
      </c>
      <c r="BL30" s="280">
        <v>9</v>
      </c>
      <c r="BM30" s="280">
        <v>0</v>
      </c>
      <c r="BN30" s="280">
        <v>0</v>
      </c>
      <c r="BO30" s="277">
        <v>11</v>
      </c>
      <c r="BP30" s="282">
        <v>11</v>
      </c>
      <c r="BQ30" s="276">
        <v>0</v>
      </c>
      <c r="BR30" s="280">
        <v>0</v>
      </c>
      <c r="BS30" s="277">
        <v>0</v>
      </c>
      <c r="BT30" s="279">
        <v>0</v>
      </c>
      <c r="BU30" s="280">
        <v>0</v>
      </c>
      <c r="BV30" s="280">
        <v>4</v>
      </c>
      <c r="BW30" s="280">
        <v>0</v>
      </c>
      <c r="BX30" s="280">
        <v>0</v>
      </c>
      <c r="BY30" s="280">
        <v>0</v>
      </c>
      <c r="BZ30" s="277">
        <v>4</v>
      </c>
      <c r="CA30" s="282">
        <v>4</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77">
        <v>0</v>
      </c>
      <c r="E31" s="278">
        <v>0</v>
      </c>
      <c r="F31" s="279">
        <v>0</v>
      </c>
      <c r="G31" s="280">
        <v>17</v>
      </c>
      <c r="H31" s="280">
        <v>27</v>
      </c>
      <c r="I31" s="280">
        <v>0</v>
      </c>
      <c r="J31" s="280">
        <v>140</v>
      </c>
      <c r="K31" s="280">
        <v>0</v>
      </c>
      <c r="L31" s="281">
        <v>184</v>
      </c>
      <c r="M31" s="282">
        <v>184</v>
      </c>
      <c r="N31" s="276">
        <v>0</v>
      </c>
      <c r="O31" s="280">
        <v>0</v>
      </c>
      <c r="P31" s="277">
        <v>0</v>
      </c>
      <c r="Q31" s="279">
        <v>0</v>
      </c>
      <c r="R31" s="280">
        <v>0</v>
      </c>
      <c r="S31" s="280">
        <v>0</v>
      </c>
      <c r="T31" s="280">
        <v>0</v>
      </c>
      <c r="U31" s="280">
        <v>0</v>
      </c>
      <c r="V31" s="280">
        <v>0</v>
      </c>
      <c r="W31" s="277">
        <v>0</v>
      </c>
      <c r="X31" s="282">
        <v>0</v>
      </c>
      <c r="Y31" s="276">
        <v>0</v>
      </c>
      <c r="Z31" s="280">
        <v>17</v>
      </c>
      <c r="AA31" s="277">
        <v>17</v>
      </c>
      <c r="AB31" s="279">
        <v>0</v>
      </c>
      <c r="AC31" s="280">
        <v>28</v>
      </c>
      <c r="AD31" s="280">
        <v>20</v>
      </c>
      <c r="AE31" s="280">
        <v>30</v>
      </c>
      <c r="AF31" s="280">
        <v>5</v>
      </c>
      <c r="AG31" s="280">
        <v>0</v>
      </c>
      <c r="AH31" s="277">
        <v>83</v>
      </c>
      <c r="AI31" s="282">
        <v>100</v>
      </c>
      <c r="AJ31" s="276">
        <v>0</v>
      </c>
      <c r="AK31" s="280">
        <v>0</v>
      </c>
      <c r="AL31" s="277">
        <v>0</v>
      </c>
      <c r="AM31" s="279">
        <v>0</v>
      </c>
      <c r="AN31" s="280">
        <v>12</v>
      </c>
      <c r="AO31" s="280">
        <v>0</v>
      </c>
      <c r="AP31" s="280">
        <v>0</v>
      </c>
      <c r="AQ31" s="280">
        <v>27</v>
      </c>
      <c r="AR31" s="280">
        <v>0</v>
      </c>
      <c r="AS31" s="277">
        <v>39</v>
      </c>
      <c r="AT31" s="282">
        <v>39</v>
      </c>
      <c r="AU31" s="276">
        <v>0</v>
      </c>
      <c r="AV31" s="280">
        <v>0</v>
      </c>
      <c r="AW31" s="277">
        <v>0</v>
      </c>
      <c r="AX31" s="279">
        <v>0</v>
      </c>
      <c r="AY31" s="280">
        <v>22</v>
      </c>
      <c r="AZ31" s="280">
        <v>4</v>
      </c>
      <c r="BA31" s="280">
        <v>0</v>
      </c>
      <c r="BB31" s="280">
        <v>12</v>
      </c>
      <c r="BC31" s="280">
        <v>0</v>
      </c>
      <c r="BD31" s="281">
        <v>38</v>
      </c>
      <c r="BE31" s="282">
        <v>38</v>
      </c>
      <c r="BF31" s="276">
        <v>0</v>
      </c>
      <c r="BG31" s="280">
        <v>0</v>
      </c>
      <c r="BH31" s="277">
        <v>0</v>
      </c>
      <c r="BI31" s="279">
        <v>0</v>
      </c>
      <c r="BJ31" s="280">
        <v>17</v>
      </c>
      <c r="BK31" s="280">
        <v>0</v>
      </c>
      <c r="BL31" s="280">
        <v>13</v>
      </c>
      <c r="BM31" s="280">
        <v>9</v>
      </c>
      <c r="BN31" s="280">
        <v>0</v>
      </c>
      <c r="BO31" s="277">
        <v>39</v>
      </c>
      <c r="BP31" s="282">
        <v>39</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77">
        <v>0</v>
      </c>
      <c r="E32" s="278">
        <v>0</v>
      </c>
      <c r="F32" s="279">
        <v>0</v>
      </c>
      <c r="G32" s="280">
        <v>9</v>
      </c>
      <c r="H32" s="280">
        <v>0</v>
      </c>
      <c r="I32" s="280">
        <v>93</v>
      </c>
      <c r="J32" s="280">
        <v>77</v>
      </c>
      <c r="K32" s="280">
        <v>0</v>
      </c>
      <c r="L32" s="281">
        <v>179</v>
      </c>
      <c r="M32" s="282">
        <v>179</v>
      </c>
      <c r="N32" s="276">
        <v>0</v>
      </c>
      <c r="O32" s="280">
        <v>0</v>
      </c>
      <c r="P32" s="277">
        <v>0</v>
      </c>
      <c r="Q32" s="279">
        <v>0</v>
      </c>
      <c r="R32" s="280">
        <v>4</v>
      </c>
      <c r="S32" s="280">
        <v>0</v>
      </c>
      <c r="T32" s="280">
        <v>0</v>
      </c>
      <c r="U32" s="280">
        <v>6</v>
      </c>
      <c r="V32" s="280">
        <v>0</v>
      </c>
      <c r="W32" s="277">
        <v>10</v>
      </c>
      <c r="X32" s="282">
        <v>10</v>
      </c>
      <c r="Y32" s="276">
        <v>0</v>
      </c>
      <c r="Z32" s="280">
        <v>0</v>
      </c>
      <c r="AA32" s="277">
        <v>0</v>
      </c>
      <c r="AB32" s="279">
        <v>0</v>
      </c>
      <c r="AC32" s="280">
        <v>4</v>
      </c>
      <c r="AD32" s="280">
        <v>0</v>
      </c>
      <c r="AE32" s="280">
        <v>0</v>
      </c>
      <c r="AF32" s="280">
        <v>5</v>
      </c>
      <c r="AG32" s="280">
        <v>0</v>
      </c>
      <c r="AH32" s="277">
        <v>9</v>
      </c>
      <c r="AI32" s="282">
        <v>9</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14</v>
      </c>
      <c r="AZ32" s="280">
        <v>21</v>
      </c>
      <c r="BA32" s="280">
        <v>0</v>
      </c>
      <c r="BB32" s="280">
        <v>0</v>
      </c>
      <c r="BC32" s="280">
        <v>0</v>
      </c>
      <c r="BD32" s="281">
        <v>35</v>
      </c>
      <c r="BE32" s="282">
        <v>35</v>
      </c>
      <c r="BF32" s="276">
        <v>0</v>
      </c>
      <c r="BG32" s="280">
        <v>0</v>
      </c>
      <c r="BH32" s="277">
        <v>0</v>
      </c>
      <c r="BI32" s="279">
        <v>0</v>
      </c>
      <c r="BJ32" s="280">
        <v>0</v>
      </c>
      <c r="BK32" s="280">
        <v>8</v>
      </c>
      <c r="BL32" s="280">
        <v>0</v>
      </c>
      <c r="BM32" s="280">
        <v>11</v>
      </c>
      <c r="BN32" s="280">
        <v>0</v>
      </c>
      <c r="BO32" s="277">
        <v>19</v>
      </c>
      <c r="BP32" s="282">
        <v>19</v>
      </c>
      <c r="BQ32" s="276">
        <v>0</v>
      </c>
      <c r="BR32" s="280">
        <v>0</v>
      </c>
      <c r="BS32" s="277">
        <v>0</v>
      </c>
      <c r="BT32" s="279">
        <v>0</v>
      </c>
      <c r="BU32" s="280">
        <v>0</v>
      </c>
      <c r="BV32" s="280">
        <v>13</v>
      </c>
      <c r="BW32" s="280">
        <v>0</v>
      </c>
      <c r="BX32" s="280">
        <v>0</v>
      </c>
      <c r="BY32" s="280">
        <v>0</v>
      </c>
      <c r="BZ32" s="277">
        <v>13</v>
      </c>
      <c r="CA32" s="282">
        <v>13</v>
      </c>
      <c r="CB32" s="276">
        <v>0</v>
      </c>
      <c r="CC32" s="280">
        <v>0</v>
      </c>
      <c r="CD32" s="277">
        <v>0</v>
      </c>
      <c r="CE32" s="279">
        <v>0</v>
      </c>
      <c r="CF32" s="280">
        <v>0</v>
      </c>
      <c r="CG32" s="280">
        <v>2</v>
      </c>
      <c r="CH32" s="280">
        <v>0</v>
      </c>
      <c r="CI32" s="280">
        <v>0</v>
      </c>
      <c r="CJ32" s="280">
        <v>0</v>
      </c>
      <c r="CK32" s="277">
        <v>2</v>
      </c>
      <c r="CL32" s="282">
        <v>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77">
        <v>0</v>
      </c>
      <c r="E33" s="278">
        <v>0</v>
      </c>
      <c r="F33" s="279">
        <v>0</v>
      </c>
      <c r="G33" s="280">
        <v>0</v>
      </c>
      <c r="H33" s="280">
        <v>0</v>
      </c>
      <c r="I33" s="280">
        <v>46</v>
      </c>
      <c r="J33" s="280">
        <v>12</v>
      </c>
      <c r="K33" s="280">
        <v>0</v>
      </c>
      <c r="L33" s="281">
        <v>58</v>
      </c>
      <c r="M33" s="282">
        <v>58</v>
      </c>
      <c r="N33" s="276">
        <v>0</v>
      </c>
      <c r="O33" s="280">
        <v>0</v>
      </c>
      <c r="P33" s="277">
        <v>0</v>
      </c>
      <c r="Q33" s="279">
        <v>0</v>
      </c>
      <c r="R33" s="280">
        <v>0</v>
      </c>
      <c r="S33" s="280">
        <v>0</v>
      </c>
      <c r="T33" s="280">
        <v>0</v>
      </c>
      <c r="U33" s="280">
        <v>1</v>
      </c>
      <c r="V33" s="280">
        <v>9</v>
      </c>
      <c r="W33" s="277">
        <v>10</v>
      </c>
      <c r="X33" s="282">
        <v>10</v>
      </c>
      <c r="Y33" s="276">
        <v>0</v>
      </c>
      <c r="Z33" s="280">
        <v>0</v>
      </c>
      <c r="AA33" s="277">
        <v>0</v>
      </c>
      <c r="AB33" s="279">
        <v>0</v>
      </c>
      <c r="AC33" s="280">
        <v>3</v>
      </c>
      <c r="AD33" s="280">
        <v>4</v>
      </c>
      <c r="AE33" s="280">
        <v>22</v>
      </c>
      <c r="AF33" s="280">
        <v>41</v>
      </c>
      <c r="AG33" s="280">
        <v>29</v>
      </c>
      <c r="AH33" s="277">
        <v>99</v>
      </c>
      <c r="AI33" s="282">
        <v>99</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5</v>
      </c>
      <c r="AZ33" s="280">
        <v>27</v>
      </c>
      <c r="BA33" s="280">
        <v>9</v>
      </c>
      <c r="BB33" s="280">
        <v>17</v>
      </c>
      <c r="BC33" s="280">
        <v>0</v>
      </c>
      <c r="BD33" s="281">
        <v>58</v>
      </c>
      <c r="BE33" s="282">
        <v>58</v>
      </c>
      <c r="BF33" s="276">
        <v>0</v>
      </c>
      <c r="BG33" s="280">
        <v>0</v>
      </c>
      <c r="BH33" s="277">
        <v>0</v>
      </c>
      <c r="BI33" s="279">
        <v>0</v>
      </c>
      <c r="BJ33" s="280">
        <v>2</v>
      </c>
      <c r="BK33" s="280">
        <v>17</v>
      </c>
      <c r="BL33" s="280">
        <v>0</v>
      </c>
      <c r="BM33" s="280">
        <v>0</v>
      </c>
      <c r="BN33" s="280">
        <v>0</v>
      </c>
      <c r="BO33" s="277">
        <v>19</v>
      </c>
      <c r="BP33" s="282">
        <v>19</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77">
        <v>0</v>
      </c>
      <c r="E34" s="278">
        <v>0</v>
      </c>
      <c r="F34" s="279">
        <v>0</v>
      </c>
      <c r="G34" s="280">
        <v>12</v>
      </c>
      <c r="H34" s="280">
        <v>0</v>
      </c>
      <c r="I34" s="280">
        <v>0</v>
      </c>
      <c r="J34" s="280">
        <v>243</v>
      </c>
      <c r="K34" s="280">
        <v>0</v>
      </c>
      <c r="L34" s="281">
        <v>255</v>
      </c>
      <c r="M34" s="282">
        <v>255</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7</v>
      </c>
      <c r="AE34" s="280">
        <v>0</v>
      </c>
      <c r="AF34" s="280">
        <v>0</v>
      </c>
      <c r="AG34" s="280">
        <v>0</v>
      </c>
      <c r="AH34" s="277">
        <v>17</v>
      </c>
      <c r="AI34" s="282">
        <v>17</v>
      </c>
      <c r="AJ34" s="276">
        <v>10</v>
      </c>
      <c r="AK34" s="280">
        <v>0</v>
      </c>
      <c r="AL34" s="277">
        <v>10</v>
      </c>
      <c r="AM34" s="279">
        <v>0</v>
      </c>
      <c r="AN34" s="280">
        <v>0</v>
      </c>
      <c r="AO34" s="280">
        <v>15</v>
      </c>
      <c r="AP34" s="280">
        <v>0</v>
      </c>
      <c r="AQ34" s="280">
        <v>9</v>
      </c>
      <c r="AR34" s="280">
        <v>0</v>
      </c>
      <c r="AS34" s="277">
        <v>24</v>
      </c>
      <c r="AT34" s="282">
        <v>34</v>
      </c>
      <c r="AU34" s="276">
        <v>0</v>
      </c>
      <c r="AV34" s="280">
        <v>0</v>
      </c>
      <c r="AW34" s="277">
        <v>0</v>
      </c>
      <c r="AX34" s="279">
        <v>0</v>
      </c>
      <c r="AY34" s="280">
        <v>51</v>
      </c>
      <c r="AZ34" s="280">
        <v>21</v>
      </c>
      <c r="BA34" s="280">
        <v>20</v>
      </c>
      <c r="BB34" s="280">
        <v>0</v>
      </c>
      <c r="BC34" s="280">
        <v>0</v>
      </c>
      <c r="BD34" s="281">
        <v>92</v>
      </c>
      <c r="BE34" s="282">
        <v>92</v>
      </c>
      <c r="BF34" s="276">
        <v>0</v>
      </c>
      <c r="BG34" s="280">
        <v>0</v>
      </c>
      <c r="BH34" s="277">
        <v>0</v>
      </c>
      <c r="BI34" s="279">
        <v>0</v>
      </c>
      <c r="BJ34" s="280">
        <v>0</v>
      </c>
      <c r="BK34" s="280">
        <v>0</v>
      </c>
      <c r="BL34" s="280">
        <v>9</v>
      </c>
      <c r="BM34" s="280">
        <v>7</v>
      </c>
      <c r="BN34" s="280">
        <v>0</v>
      </c>
      <c r="BO34" s="277">
        <v>16</v>
      </c>
      <c r="BP34" s="282">
        <v>16</v>
      </c>
      <c r="BQ34" s="276">
        <v>0</v>
      </c>
      <c r="BR34" s="280">
        <v>0</v>
      </c>
      <c r="BS34" s="277">
        <v>0</v>
      </c>
      <c r="BT34" s="279">
        <v>0</v>
      </c>
      <c r="BU34" s="280">
        <v>0</v>
      </c>
      <c r="BV34" s="280">
        <v>0</v>
      </c>
      <c r="BW34" s="280">
        <v>4</v>
      </c>
      <c r="BX34" s="280">
        <v>0</v>
      </c>
      <c r="BY34" s="280">
        <v>0</v>
      </c>
      <c r="BZ34" s="277">
        <v>4</v>
      </c>
      <c r="CA34" s="282">
        <v>4</v>
      </c>
      <c r="CB34" s="276">
        <v>0</v>
      </c>
      <c r="CC34" s="280">
        <v>0</v>
      </c>
      <c r="CD34" s="277">
        <v>0</v>
      </c>
      <c r="CE34" s="279">
        <v>0</v>
      </c>
      <c r="CF34" s="280">
        <v>0</v>
      </c>
      <c r="CG34" s="280">
        <v>1</v>
      </c>
      <c r="CH34" s="280">
        <v>0</v>
      </c>
      <c r="CI34" s="280">
        <v>0</v>
      </c>
      <c r="CJ34" s="280">
        <v>0</v>
      </c>
      <c r="CK34" s="277">
        <v>1</v>
      </c>
      <c r="CL34" s="282">
        <v>1</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77">
        <v>0</v>
      </c>
      <c r="E35" s="278">
        <v>0</v>
      </c>
      <c r="F35" s="279">
        <v>0</v>
      </c>
      <c r="G35" s="280">
        <v>34</v>
      </c>
      <c r="H35" s="280">
        <v>0</v>
      </c>
      <c r="I35" s="280">
        <v>3</v>
      </c>
      <c r="J35" s="280">
        <v>0</v>
      </c>
      <c r="K35" s="280">
        <v>8</v>
      </c>
      <c r="L35" s="281">
        <v>45</v>
      </c>
      <c r="M35" s="282">
        <v>45</v>
      </c>
      <c r="N35" s="276">
        <v>0</v>
      </c>
      <c r="O35" s="280">
        <v>0</v>
      </c>
      <c r="P35" s="277">
        <v>0</v>
      </c>
      <c r="Q35" s="279">
        <v>0</v>
      </c>
      <c r="R35" s="280">
        <v>0</v>
      </c>
      <c r="S35" s="280">
        <v>0</v>
      </c>
      <c r="T35" s="280">
        <v>0</v>
      </c>
      <c r="U35" s="280">
        <v>5</v>
      </c>
      <c r="V35" s="280">
        <v>0</v>
      </c>
      <c r="W35" s="277">
        <v>5</v>
      </c>
      <c r="X35" s="282">
        <v>5</v>
      </c>
      <c r="Y35" s="276">
        <v>0</v>
      </c>
      <c r="Z35" s="280">
        <v>0</v>
      </c>
      <c r="AA35" s="277">
        <v>0</v>
      </c>
      <c r="AB35" s="279">
        <v>0</v>
      </c>
      <c r="AC35" s="280">
        <v>0</v>
      </c>
      <c r="AD35" s="280">
        <v>5</v>
      </c>
      <c r="AE35" s="280">
        <v>3</v>
      </c>
      <c r="AF35" s="280">
        <v>0</v>
      </c>
      <c r="AG35" s="280">
        <v>0</v>
      </c>
      <c r="AH35" s="277">
        <v>8</v>
      </c>
      <c r="AI35" s="282">
        <v>8</v>
      </c>
      <c r="AJ35" s="276">
        <v>0</v>
      </c>
      <c r="AK35" s="280">
        <v>0</v>
      </c>
      <c r="AL35" s="277">
        <v>0</v>
      </c>
      <c r="AM35" s="279">
        <v>0</v>
      </c>
      <c r="AN35" s="280">
        <v>33</v>
      </c>
      <c r="AO35" s="280">
        <v>19</v>
      </c>
      <c r="AP35" s="280">
        <v>21</v>
      </c>
      <c r="AQ35" s="280">
        <v>0</v>
      </c>
      <c r="AR35" s="280">
        <v>0</v>
      </c>
      <c r="AS35" s="277">
        <v>73</v>
      </c>
      <c r="AT35" s="282">
        <v>73</v>
      </c>
      <c r="AU35" s="276">
        <v>0</v>
      </c>
      <c r="AV35" s="280">
        <v>0</v>
      </c>
      <c r="AW35" s="277">
        <v>0</v>
      </c>
      <c r="AX35" s="279">
        <v>0</v>
      </c>
      <c r="AY35" s="280">
        <v>13</v>
      </c>
      <c r="AZ35" s="280">
        <v>0</v>
      </c>
      <c r="BA35" s="280">
        <v>0</v>
      </c>
      <c r="BB35" s="280">
        <v>0</v>
      </c>
      <c r="BC35" s="280">
        <v>5</v>
      </c>
      <c r="BD35" s="281">
        <v>18</v>
      </c>
      <c r="BE35" s="282">
        <v>18</v>
      </c>
      <c r="BF35" s="276">
        <v>0</v>
      </c>
      <c r="BG35" s="280">
        <v>0</v>
      </c>
      <c r="BH35" s="277">
        <v>0</v>
      </c>
      <c r="BI35" s="279">
        <v>0</v>
      </c>
      <c r="BJ35" s="280">
        <v>10</v>
      </c>
      <c r="BK35" s="280">
        <v>0</v>
      </c>
      <c r="BL35" s="280">
        <v>2</v>
      </c>
      <c r="BM35" s="280">
        <v>0</v>
      </c>
      <c r="BN35" s="280">
        <v>0</v>
      </c>
      <c r="BO35" s="277">
        <v>12</v>
      </c>
      <c r="BP35" s="282">
        <v>12</v>
      </c>
      <c r="BQ35" s="276">
        <v>0</v>
      </c>
      <c r="BR35" s="280">
        <v>0</v>
      </c>
      <c r="BS35" s="277">
        <v>0</v>
      </c>
      <c r="BT35" s="279">
        <v>0</v>
      </c>
      <c r="BU35" s="280">
        <v>0</v>
      </c>
      <c r="BV35" s="280">
        <v>0</v>
      </c>
      <c r="BW35" s="280">
        <v>3</v>
      </c>
      <c r="BX35" s="280">
        <v>2</v>
      </c>
      <c r="BY35" s="280">
        <v>0</v>
      </c>
      <c r="BZ35" s="277">
        <v>5</v>
      </c>
      <c r="CA35" s="282">
        <v>5</v>
      </c>
      <c r="CB35" s="276">
        <v>0</v>
      </c>
      <c r="CC35" s="280">
        <v>0</v>
      </c>
      <c r="CD35" s="277">
        <v>0</v>
      </c>
      <c r="CE35" s="279">
        <v>0</v>
      </c>
      <c r="CF35" s="280">
        <v>4</v>
      </c>
      <c r="CG35" s="280">
        <v>0</v>
      </c>
      <c r="CH35" s="280">
        <v>0</v>
      </c>
      <c r="CI35" s="280">
        <v>11</v>
      </c>
      <c r="CJ35" s="280">
        <v>0</v>
      </c>
      <c r="CK35" s="277">
        <v>15</v>
      </c>
      <c r="CL35" s="282">
        <v>15</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77">
        <v>0</v>
      </c>
      <c r="E36" s="278">
        <v>0</v>
      </c>
      <c r="F36" s="279">
        <v>0</v>
      </c>
      <c r="G36" s="280">
        <v>11</v>
      </c>
      <c r="H36" s="280">
        <v>27</v>
      </c>
      <c r="I36" s="280">
        <v>0</v>
      </c>
      <c r="J36" s="280">
        <v>0</v>
      </c>
      <c r="K36" s="280">
        <v>0</v>
      </c>
      <c r="L36" s="281">
        <v>38</v>
      </c>
      <c r="M36" s="282">
        <v>38</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3</v>
      </c>
      <c r="AE36" s="280">
        <v>0</v>
      </c>
      <c r="AF36" s="280">
        <v>0</v>
      </c>
      <c r="AG36" s="280">
        <v>0</v>
      </c>
      <c r="AH36" s="277">
        <v>3</v>
      </c>
      <c r="AI36" s="282">
        <v>3</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0</v>
      </c>
      <c r="AZ36" s="280">
        <v>13</v>
      </c>
      <c r="BA36" s="280">
        <v>27</v>
      </c>
      <c r="BB36" s="280">
        <v>0</v>
      </c>
      <c r="BC36" s="280">
        <v>0</v>
      </c>
      <c r="BD36" s="281">
        <v>40</v>
      </c>
      <c r="BE36" s="282">
        <v>40</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77">
        <v>0</v>
      </c>
      <c r="E37" s="278">
        <v>0</v>
      </c>
      <c r="F37" s="279">
        <v>0</v>
      </c>
      <c r="G37" s="280">
        <v>102</v>
      </c>
      <c r="H37" s="280">
        <v>26</v>
      </c>
      <c r="I37" s="280">
        <v>23</v>
      </c>
      <c r="J37" s="280">
        <v>34</v>
      </c>
      <c r="K37" s="280">
        <v>103</v>
      </c>
      <c r="L37" s="281">
        <v>288</v>
      </c>
      <c r="M37" s="282">
        <v>288</v>
      </c>
      <c r="N37" s="276">
        <v>0</v>
      </c>
      <c r="O37" s="280">
        <v>0</v>
      </c>
      <c r="P37" s="277">
        <v>0</v>
      </c>
      <c r="Q37" s="279">
        <v>0</v>
      </c>
      <c r="R37" s="280">
        <v>0</v>
      </c>
      <c r="S37" s="280">
        <v>0</v>
      </c>
      <c r="T37" s="280">
        <v>0</v>
      </c>
      <c r="U37" s="280">
        <v>9</v>
      </c>
      <c r="V37" s="280">
        <v>0</v>
      </c>
      <c r="W37" s="277">
        <v>9</v>
      </c>
      <c r="X37" s="282">
        <v>9</v>
      </c>
      <c r="Y37" s="276">
        <v>5</v>
      </c>
      <c r="Z37" s="280">
        <v>4</v>
      </c>
      <c r="AA37" s="277">
        <v>9</v>
      </c>
      <c r="AB37" s="279">
        <v>0</v>
      </c>
      <c r="AC37" s="280">
        <v>24</v>
      </c>
      <c r="AD37" s="280">
        <v>10</v>
      </c>
      <c r="AE37" s="280">
        <v>13</v>
      </c>
      <c r="AF37" s="280">
        <v>37</v>
      </c>
      <c r="AG37" s="280">
        <v>21</v>
      </c>
      <c r="AH37" s="277">
        <v>105</v>
      </c>
      <c r="AI37" s="282">
        <v>114</v>
      </c>
      <c r="AJ37" s="276">
        <v>0</v>
      </c>
      <c r="AK37" s="280">
        <v>10</v>
      </c>
      <c r="AL37" s="277">
        <v>10</v>
      </c>
      <c r="AM37" s="279">
        <v>0</v>
      </c>
      <c r="AN37" s="280">
        <v>51</v>
      </c>
      <c r="AO37" s="280">
        <v>0</v>
      </c>
      <c r="AP37" s="280">
        <v>0</v>
      </c>
      <c r="AQ37" s="280">
        <v>0</v>
      </c>
      <c r="AR37" s="280">
        <v>0</v>
      </c>
      <c r="AS37" s="277">
        <v>51</v>
      </c>
      <c r="AT37" s="282">
        <v>61</v>
      </c>
      <c r="AU37" s="276">
        <v>0</v>
      </c>
      <c r="AV37" s="280">
        <v>0</v>
      </c>
      <c r="AW37" s="277">
        <v>0</v>
      </c>
      <c r="AX37" s="279">
        <v>0</v>
      </c>
      <c r="AY37" s="280">
        <v>51</v>
      </c>
      <c r="AZ37" s="280">
        <v>26</v>
      </c>
      <c r="BA37" s="280">
        <v>18</v>
      </c>
      <c r="BB37" s="280">
        <v>9</v>
      </c>
      <c r="BC37" s="280">
        <v>0</v>
      </c>
      <c r="BD37" s="281">
        <v>104</v>
      </c>
      <c r="BE37" s="282">
        <v>104</v>
      </c>
      <c r="BF37" s="276">
        <v>0</v>
      </c>
      <c r="BG37" s="280">
        <v>0</v>
      </c>
      <c r="BH37" s="277">
        <v>0</v>
      </c>
      <c r="BI37" s="279">
        <v>0</v>
      </c>
      <c r="BJ37" s="280">
        <v>6</v>
      </c>
      <c r="BK37" s="280">
        <v>9</v>
      </c>
      <c r="BL37" s="280">
        <v>0</v>
      </c>
      <c r="BM37" s="280">
        <v>11</v>
      </c>
      <c r="BN37" s="280">
        <v>0</v>
      </c>
      <c r="BO37" s="277">
        <v>26</v>
      </c>
      <c r="BP37" s="282">
        <v>26</v>
      </c>
      <c r="BQ37" s="276">
        <v>0</v>
      </c>
      <c r="BR37" s="280">
        <v>0</v>
      </c>
      <c r="BS37" s="277">
        <v>0</v>
      </c>
      <c r="BT37" s="279">
        <v>0</v>
      </c>
      <c r="BU37" s="280">
        <v>12</v>
      </c>
      <c r="BV37" s="280">
        <v>0</v>
      </c>
      <c r="BW37" s="280">
        <v>0</v>
      </c>
      <c r="BX37" s="280">
        <v>38</v>
      </c>
      <c r="BY37" s="280">
        <v>0</v>
      </c>
      <c r="BZ37" s="277">
        <v>50</v>
      </c>
      <c r="CA37" s="282">
        <v>5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77">
        <v>0</v>
      </c>
      <c r="E38" s="278">
        <v>0</v>
      </c>
      <c r="F38" s="279">
        <v>0</v>
      </c>
      <c r="G38" s="280">
        <v>13</v>
      </c>
      <c r="H38" s="280">
        <v>4</v>
      </c>
      <c r="I38" s="280">
        <v>0</v>
      </c>
      <c r="J38" s="280">
        <v>124</v>
      </c>
      <c r="K38" s="280">
        <v>127</v>
      </c>
      <c r="L38" s="281">
        <v>268</v>
      </c>
      <c r="M38" s="282">
        <v>268</v>
      </c>
      <c r="N38" s="276">
        <v>0</v>
      </c>
      <c r="O38" s="280">
        <v>0</v>
      </c>
      <c r="P38" s="277">
        <v>0</v>
      </c>
      <c r="Q38" s="279">
        <v>0</v>
      </c>
      <c r="R38" s="280">
        <v>0</v>
      </c>
      <c r="S38" s="280">
        <v>0</v>
      </c>
      <c r="T38" s="280">
        <v>0</v>
      </c>
      <c r="U38" s="280">
        <v>0</v>
      </c>
      <c r="V38" s="280">
        <v>0</v>
      </c>
      <c r="W38" s="277">
        <v>0</v>
      </c>
      <c r="X38" s="282">
        <v>0</v>
      </c>
      <c r="Y38" s="276">
        <v>0</v>
      </c>
      <c r="Z38" s="280">
        <v>4</v>
      </c>
      <c r="AA38" s="277">
        <v>4</v>
      </c>
      <c r="AB38" s="279">
        <v>0</v>
      </c>
      <c r="AC38" s="280">
        <v>24</v>
      </c>
      <c r="AD38" s="280">
        <v>12</v>
      </c>
      <c r="AE38" s="280">
        <v>0</v>
      </c>
      <c r="AF38" s="280">
        <v>6</v>
      </c>
      <c r="AG38" s="280">
        <v>0</v>
      </c>
      <c r="AH38" s="277">
        <v>42</v>
      </c>
      <c r="AI38" s="282">
        <v>46</v>
      </c>
      <c r="AJ38" s="276">
        <v>0</v>
      </c>
      <c r="AK38" s="280">
        <v>0</v>
      </c>
      <c r="AL38" s="277">
        <v>0</v>
      </c>
      <c r="AM38" s="279">
        <v>0</v>
      </c>
      <c r="AN38" s="280">
        <v>14</v>
      </c>
      <c r="AO38" s="280">
        <v>0</v>
      </c>
      <c r="AP38" s="280">
        <v>0</v>
      </c>
      <c r="AQ38" s="280">
        <v>0</v>
      </c>
      <c r="AR38" s="280">
        <v>0</v>
      </c>
      <c r="AS38" s="277">
        <v>14</v>
      </c>
      <c r="AT38" s="282">
        <v>14</v>
      </c>
      <c r="AU38" s="276">
        <v>0</v>
      </c>
      <c r="AV38" s="280">
        <v>0</v>
      </c>
      <c r="AW38" s="277">
        <v>0</v>
      </c>
      <c r="AX38" s="279">
        <v>0</v>
      </c>
      <c r="AY38" s="280">
        <v>20</v>
      </c>
      <c r="AZ38" s="280">
        <v>4</v>
      </c>
      <c r="BA38" s="280">
        <v>19</v>
      </c>
      <c r="BB38" s="280">
        <v>29</v>
      </c>
      <c r="BC38" s="280">
        <v>5</v>
      </c>
      <c r="BD38" s="281">
        <v>77</v>
      </c>
      <c r="BE38" s="282">
        <v>77</v>
      </c>
      <c r="BF38" s="276">
        <v>0</v>
      </c>
      <c r="BG38" s="280">
        <v>0</v>
      </c>
      <c r="BH38" s="277">
        <v>0</v>
      </c>
      <c r="BI38" s="279">
        <v>0</v>
      </c>
      <c r="BJ38" s="280">
        <v>4</v>
      </c>
      <c r="BK38" s="280">
        <v>0</v>
      </c>
      <c r="BL38" s="280">
        <v>0</v>
      </c>
      <c r="BM38" s="280">
        <v>0</v>
      </c>
      <c r="BN38" s="280">
        <v>0</v>
      </c>
      <c r="BO38" s="277">
        <v>4</v>
      </c>
      <c r="BP38" s="282">
        <v>4</v>
      </c>
      <c r="BQ38" s="276">
        <v>0</v>
      </c>
      <c r="BR38" s="280">
        <v>0</v>
      </c>
      <c r="BS38" s="277">
        <v>0</v>
      </c>
      <c r="BT38" s="279">
        <v>0</v>
      </c>
      <c r="BU38" s="280">
        <v>0</v>
      </c>
      <c r="BV38" s="280">
        <v>19</v>
      </c>
      <c r="BW38" s="280">
        <v>0</v>
      </c>
      <c r="BX38" s="280">
        <v>12</v>
      </c>
      <c r="BY38" s="280">
        <v>0</v>
      </c>
      <c r="BZ38" s="277">
        <v>31</v>
      </c>
      <c r="CA38" s="282">
        <v>31</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4">
        <v>0</v>
      </c>
      <c r="E39" s="285">
        <v>0</v>
      </c>
      <c r="F39" s="286">
        <v>0</v>
      </c>
      <c r="G39" s="287">
        <v>0</v>
      </c>
      <c r="H39" s="287">
        <v>0</v>
      </c>
      <c r="I39" s="287">
        <v>0</v>
      </c>
      <c r="J39" s="287">
        <v>0</v>
      </c>
      <c r="K39" s="287">
        <v>25</v>
      </c>
      <c r="L39" s="288">
        <v>25</v>
      </c>
      <c r="M39" s="289">
        <v>25</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5</v>
      </c>
      <c r="AH39" s="284">
        <v>5</v>
      </c>
      <c r="AI39" s="289">
        <v>5</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8">
        <v>0</v>
      </c>
      <c r="BE39" s="289">
        <v>0</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4</v>
      </c>
      <c r="CK39" s="284">
        <v>4</v>
      </c>
      <c r="CL39" s="289">
        <v>4</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8</v>
      </c>
      <c r="F1" s="22"/>
      <c r="H1" s="525">
        <f>第１表!F2</f>
        <v>5</v>
      </c>
      <c r="I1" s="525"/>
      <c r="J1" s="248">
        <f>第１表!G2</f>
        <v>7</v>
      </c>
      <c r="K1" s="555">
        <f>IF(J1&lt;3,J1-2+12,J1-2)</f>
        <v>5</v>
      </c>
      <c r="L1" s="555"/>
    </row>
    <row r="2" spans="2:35" ht="24" customHeight="1" thickBot="1" x14ac:dyDescent="0.25">
      <c r="J2" s="5"/>
      <c r="K2" s="5"/>
      <c r="L2" s="5"/>
      <c r="M2" s="5"/>
      <c r="N2" s="5"/>
      <c r="O2" s="5"/>
      <c r="P2" s="30"/>
      <c r="Q2" s="30"/>
      <c r="R2" s="30"/>
    </row>
    <row r="3" spans="2:35" ht="21" customHeight="1" thickBot="1" x14ac:dyDescent="0.25">
      <c r="B3" s="26"/>
      <c r="C3" s="556" t="s">
        <v>53</v>
      </c>
      <c r="D3" s="557"/>
      <c r="E3" s="557"/>
      <c r="F3" s="557"/>
      <c r="G3" s="557"/>
      <c r="H3" s="557"/>
      <c r="I3" s="557"/>
      <c r="J3" s="557"/>
      <c r="K3" s="557"/>
      <c r="L3" s="557"/>
      <c r="M3" s="558"/>
      <c r="N3" s="556" t="s">
        <v>54</v>
      </c>
      <c r="O3" s="557"/>
      <c r="P3" s="557"/>
      <c r="Q3" s="557"/>
      <c r="R3" s="557"/>
      <c r="S3" s="557"/>
      <c r="T3" s="557"/>
      <c r="U3" s="557"/>
      <c r="V3" s="557"/>
      <c r="W3" s="557"/>
      <c r="X3" s="558"/>
      <c r="Y3" s="556" t="s">
        <v>55</v>
      </c>
      <c r="Z3" s="557"/>
      <c r="AA3" s="557"/>
      <c r="AB3" s="557"/>
      <c r="AC3" s="557"/>
      <c r="AD3" s="557"/>
      <c r="AE3" s="557"/>
      <c r="AF3" s="557"/>
      <c r="AG3" s="557"/>
      <c r="AH3" s="557"/>
      <c r="AI3" s="558"/>
    </row>
    <row r="4" spans="2:35" ht="30"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88</v>
      </c>
      <c r="D5" s="92">
        <v>313</v>
      </c>
      <c r="E5" s="93">
        <v>501</v>
      </c>
      <c r="F5" s="94">
        <v>0</v>
      </c>
      <c r="G5" s="92">
        <v>18744</v>
      </c>
      <c r="H5" s="92">
        <v>18970</v>
      </c>
      <c r="I5" s="92">
        <v>12933</v>
      </c>
      <c r="J5" s="92">
        <v>8255</v>
      </c>
      <c r="K5" s="92">
        <v>5198</v>
      </c>
      <c r="L5" s="93">
        <v>64100</v>
      </c>
      <c r="M5" s="95">
        <v>64601</v>
      </c>
      <c r="N5" s="96">
        <v>0</v>
      </c>
      <c r="O5" s="92">
        <v>2</v>
      </c>
      <c r="P5" s="93">
        <v>2</v>
      </c>
      <c r="Q5" s="94">
        <v>0</v>
      </c>
      <c r="R5" s="92">
        <v>214</v>
      </c>
      <c r="S5" s="92">
        <v>349</v>
      </c>
      <c r="T5" s="92">
        <v>241</v>
      </c>
      <c r="U5" s="92">
        <v>173</v>
      </c>
      <c r="V5" s="92">
        <v>171</v>
      </c>
      <c r="W5" s="93">
        <v>1148</v>
      </c>
      <c r="X5" s="95">
        <v>1150</v>
      </c>
      <c r="Y5" s="96">
        <v>188</v>
      </c>
      <c r="Z5" s="92">
        <v>315</v>
      </c>
      <c r="AA5" s="93">
        <v>503</v>
      </c>
      <c r="AB5" s="94">
        <v>0</v>
      </c>
      <c r="AC5" s="92">
        <v>18958</v>
      </c>
      <c r="AD5" s="92">
        <v>19319</v>
      </c>
      <c r="AE5" s="92">
        <v>13174</v>
      </c>
      <c r="AF5" s="92">
        <v>8428</v>
      </c>
      <c r="AG5" s="92">
        <v>5369</v>
      </c>
      <c r="AH5" s="93">
        <v>65248</v>
      </c>
      <c r="AI5" s="95">
        <v>65751</v>
      </c>
    </row>
    <row r="6" spans="2:35" ht="21" customHeight="1" x14ac:dyDescent="0.2">
      <c r="B6" s="18" t="s">
        <v>5</v>
      </c>
      <c r="C6" s="97">
        <v>79</v>
      </c>
      <c r="D6" s="98">
        <v>126</v>
      </c>
      <c r="E6" s="99">
        <v>205</v>
      </c>
      <c r="F6" s="100">
        <v>0</v>
      </c>
      <c r="G6" s="98">
        <v>6896</v>
      </c>
      <c r="H6" s="98">
        <v>8886</v>
      </c>
      <c r="I6" s="98">
        <v>5712</v>
      </c>
      <c r="J6" s="98">
        <v>3665</v>
      </c>
      <c r="K6" s="98">
        <v>2395</v>
      </c>
      <c r="L6" s="99">
        <v>27554</v>
      </c>
      <c r="M6" s="101">
        <v>27759</v>
      </c>
      <c r="N6" s="102">
        <v>0</v>
      </c>
      <c r="O6" s="98">
        <v>1</v>
      </c>
      <c r="P6" s="99">
        <v>1</v>
      </c>
      <c r="Q6" s="100">
        <v>0</v>
      </c>
      <c r="R6" s="98">
        <v>74</v>
      </c>
      <c r="S6" s="98">
        <v>162</v>
      </c>
      <c r="T6" s="98">
        <v>131</v>
      </c>
      <c r="U6" s="98">
        <v>81</v>
      </c>
      <c r="V6" s="98">
        <v>80</v>
      </c>
      <c r="W6" s="99">
        <v>528</v>
      </c>
      <c r="X6" s="101">
        <v>529</v>
      </c>
      <c r="Y6" s="102">
        <v>79</v>
      </c>
      <c r="Z6" s="98">
        <v>127</v>
      </c>
      <c r="AA6" s="99">
        <v>206</v>
      </c>
      <c r="AB6" s="100">
        <v>0</v>
      </c>
      <c r="AC6" s="98">
        <v>6970</v>
      </c>
      <c r="AD6" s="98">
        <v>9048</v>
      </c>
      <c r="AE6" s="98">
        <v>5843</v>
      </c>
      <c r="AF6" s="98">
        <v>3746</v>
      </c>
      <c r="AG6" s="98">
        <v>2475</v>
      </c>
      <c r="AH6" s="99">
        <v>28082</v>
      </c>
      <c r="AI6" s="101">
        <v>28288</v>
      </c>
    </row>
    <row r="7" spans="2:35" ht="21" customHeight="1" x14ac:dyDescent="0.2">
      <c r="B7" s="18" t="s">
        <v>6</v>
      </c>
      <c r="C7" s="97">
        <v>31</v>
      </c>
      <c r="D7" s="98">
        <v>37</v>
      </c>
      <c r="E7" s="99">
        <v>68</v>
      </c>
      <c r="F7" s="100">
        <v>0</v>
      </c>
      <c r="G7" s="98">
        <v>2906</v>
      </c>
      <c r="H7" s="98">
        <v>2526</v>
      </c>
      <c r="I7" s="98">
        <v>1910</v>
      </c>
      <c r="J7" s="98">
        <v>1375</v>
      </c>
      <c r="K7" s="98">
        <v>943</v>
      </c>
      <c r="L7" s="99">
        <v>9660</v>
      </c>
      <c r="M7" s="101">
        <v>9728</v>
      </c>
      <c r="N7" s="102">
        <v>0</v>
      </c>
      <c r="O7" s="98">
        <v>0</v>
      </c>
      <c r="P7" s="99">
        <v>0</v>
      </c>
      <c r="Q7" s="100">
        <v>0</v>
      </c>
      <c r="R7" s="98">
        <v>31</v>
      </c>
      <c r="S7" s="98">
        <v>33</v>
      </c>
      <c r="T7" s="98">
        <v>29</v>
      </c>
      <c r="U7" s="98">
        <v>26</v>
      </c>
      <c r="V7" s="98">
        <v>29</v>
      </c>
      <c r="W7" s="99">
        <v>148</v>
      </c>
      <c r="X7" s="101">
        <v>148</v>
      </c>
      <c r="Y7" s="102">
        <v>31</v>
      </c>
      <c r="Z7" s="98">
        <v>37</v>
      </c>
      <c r="AA7" s="99">
        <v>68</v>
      </c>
      <c r="AB7" s="100">
        <v>0</v>
      </c>
      <c r="AC7" s="98">
        <v>2937</v>
      </c>
      <c r="AD7" s="98">
        <v>2559</v>
      </c>
      <c r="AE7" s="98">
        <v>1939</v>
      </c>
      <c r="AF7" s="98">
        <v>1401</v>
      </c>
      <c r="AG7" s="98">
        <v>972</v>
      </c>
      <c r="AH7" s="99">
        <v>9808</v>
      </c>
      <c r="AI7" s="101">
        <v>9876</v>
      </c>
    </row>
    <row r="8" spans="2:35" ht="21" customHeight="1" x14ac:dyDescent="0.2">
      <c r="B8" s="18" t="s">
        <v>14</v>
      </c>
      <c r="C8" s="97">
        <v>17</v>
      </c>
      <c r="D8" s="98">
        <v>27</v>
      </c>
      <c r="E8" s="99">
        <v>44</v>
      </c>
      <c r="F8" s="100">
        <v>0</v>
      </c>
      <c r="G8" s="98">
        <v>1394</v>
      </c>
      <c r="H8" s="98">
        <v>1626</v>
      </c>
      <c r="I8" s="98">
        <v>1138</v>
      </c>
      <c r="J8" s="98">
        <v>618</v>
      </c>
      <c r="K8" s="98">
        <v>355</v>
      </c>
      <c r="L8" s="99">
        <v>5131</v>
      </c>
      <c r="M8" s="101">
        <v>5175</v>
      </c>
      <c r="N8" s="102">
        <v>0</v>
      </c>
      <c r="O8" s="98">
        <v>0</v>
      </c>
      <c r="P8" s="99">
        <v>0</v>
      </c>
      <c r="Q8" s="100">
        <v>0</v>
      </c>
      <c r="R8" s="98">
        <v>12</v>
      </c>
      <c r="S8" s="98">
        <v>39</v>
      </c>
      <c r="T8" s="98">
        <v>10</v>
      </c>
      <c r="U8" s="98">
        <v>15</v>
      </c>
      <c r="V8" s="98">
        <v>9</v>
      </c>
      <c r="W8" s="99">
        <v>85</v>
      </c>
      <c r="X8" s="101">
        <v>85</v>
      </c>
      <c r="Y8" s="102">
        <v>17</v>
      </c>
      <c r="Z8" s="98">
        <v>27</v>
      </c>
      <c r="AA8" s="99">
        <v>44</v>
      </c>
      <c r="AB8" s="100">
        <v>0</v>
      </c>
      <c r="AC8" s="98">
        <v>1406</v>
      </c>
      <c r="AD8" s="98">
        <v>1665</v>
      </c>
      <c r="AE8" s="98">
        <v>1148</v>
      </c>
      <c r="AF8" s="98">
        <v>633</v>
      </c>
      <c r="AG8" s="98">
        <v>364</v>
      </c>
      <c r="AH8" s="99">
        <v>5216</v>
      </c>
      <c r="AI8" s="101">
        <v>5260</v>
      </c>
    </row>
    <row r="9" spans="2:35" ht="21" customHeight="1" x14ac:dyDescent="0.2">
      <c r="B9" s="18" t="s">
        <v>7</v>
      </c>
      <c r="C9" s="97">
        <v>2</v>
      </c>
      <c r="D9" s="98">
        <v>5</v>
      </c>
      <c r="E9" s="99">
        <v>7</v>
      </c>
      <c r="F9" s="100">
        <v>0</v>
      </c>
      <c r="G9" s="98">
        <v>1410</v>
      </c>
      <c r="H9" s="98">
        <v>933</v>
      </c>
      <c r="I9" s="98">
        <v>602</v>
      </c>
      <c r="J9" s="98">
        <v>336</v>
      </c>
      <c r="K9" s="98">
        <v>171</v>
      </c>
      <c r="L9" s="99">
        <v>3452</v>
      </c>
      <c r="M9" s="101">
        <v>3459</v>
      </c>
      <c r="N9" s="102">
        <v>0</v>
      </c>
      <c r="O9" s="98">
        <v>0</v>
      </c>
      <c r="P9" s="99">
        <v>0</v>
      </c>
      <c r="Q9" s="100">
        <v>0</v>
      </c>
      <c r="R9" s="98">
        <v>14</v>
      </c>
      <c r="S9" s="98">
        <v>19</v>
      </c>
      <c r="T9" s="98">
        <v>8</v>
      </c>
      <c r="U9" s="98">
        <v>7</v>
      </c>
      <c r="V9" s="98">
        <v>10</v>
      </c>
      <c r="W9" s="99">
        <v>58</v>
      </c>
      <c r="X9" s="101">
        <v>58</v>
      </c>
      <c r="Y9" s="102">
        <v>2</v>
      </c>
      <c r="Z9" s="98">
        <v>5</v>
      </c>
      <c r="AA9" s="99">
        <v>7</v>
      </c>
      <c r="AB9" s="100">
        <v>0</v>
      </c>
      <c r="AC9" s="98">
        <v>1424</v>
      </c>
      <c r="AD9" s="98">
        <v>952</v>
      </c>
      <c r="AE9" s="98">
        <v>610</v>
      </c>
      <c r="AF9" s="98">
        <v>343</v>
      </c>
      <c r="AG9" s="98">
        <v>181</v>
      </c>
      <c r="AH9" s="99">
        <v>3510</v>
      </c>
      <c r="AI9" s="101">
        <v>3517</v>
      </c>
    </row>
    <row r="10" spans="2:35" ht="21" customHeight="1" x14ac:dyDescent="0.2">
      <c r="B10" s="18" t="s">
        <v>8</v>
      </c>
      <c r="C10" s="97">
        <v>10</v>
      </c>
      <c r="D10" s="98">
        <v>11</v>
      </c>
      <c r="E10" s="99">
        <v>21</v>
      </c>
      <c r="F10" s="100">
        <v>0</v>
      </c>
      <c r="G10" s="98">
        <v>790</v>
      </c>
      <c r="H10" s="98">
        <v>660</v>
      </c>
      <c r="I10" s="98">
        <v>414</v>
      </c>
      <c r="J10" s="98">
        <v>228</v>
      </c>
      <c r="K10" s="98">
        <v>138</v>
      </c>
      <c r="L10" s="99">
        <v>2230</v>
      </c>
      <c r="M10" s="101">
        <v>2251</v>
      </c>
      <c r="N10" s="102">
        <v>0</v>
      </c>
      <c r="O10" s="98">
        <v>0</v>
      </c>
      <c r="P10" s="99">
        <v>0</v>
      </c>
      <c r="Q10" s="100">
        <v>0</v>
      </c>
      <c r="R10" s="98">
        <v>15</v>
      </c>
      <c r="S10" s="98">
        <v>24</v>
      </c>
      <c r="T10" s="98">
        <v>7</v>
      </c>
      <c r="U10" s="98">
        <v>7</v>
      </c>
      <c r="V10" s="98">
        <v>3</v>
      </c>
      <c r="W10" s="99">
        <v>56</v>
      </c>
      <c r="X10" s="101">
        <v>56</v>
      </c>
      <c r="Y10" s="102">
        <v>10</v>
      </c>
      <c r="Z10" s="98">
        <v>11</v>
      </c>
      <c r="AA10" s="99">
        <v>21</v>
      </c>
      <c r="AB10" s="100">
        <v>0</v>
      </c>
      <c r="AC10" s="98">
        <v>805</v>
      </c>
      <c r="AD10" s="98">
        <v>684</v>
      </c>
      <c r="AE10" s="98">
        <v>421</v>
      </c>
      <c r="AF10" s="98">
        <v>235</v>
      </c>
      <c r="AG10" s="98">
        <v>141</v>
      </c>
      <c r="AH10" s="99">
        <v>2286</v>
      </c>
      <c r="AI10" s="101">
        <v>2307</v>
      </c>
    </row>
    <row r="11" spans="2:35" ht="21" customHeight="1" x14ac:dyDescent="0.2">
      <c r="B11" s="18" t="s">
        <v>9</v>
      </c>
      <c r="C11" s="97">
        <v>6</v>
      </c>
      <c r="D11" s="98">
        <v>7</v>
      </c>
      <c r="E11" s="99">
        <v>13</v>
      </c>
      <c r="F11" s="100">
        <v>0</v>
      </c>
      <c r="G11" s="98">
        <v>555</v>
      </c>
      <c r="H11" s="98">
        <v>392</v>
      </c>
      <c r="I11" s="98">
        <v>312</v>
      </c>
      <c r="J11" s="98">
        <v>219</v>
      </c>
      <c r="K11" s="98">
        <v>104</v>
      </c>
      <c r="L11" s="99">
        <v>1582</v>
      </c>
      <c r="M11" s="101">
        <v>1595</v>
      </c>
      <c r="N11" s="102">
        <v>0</v>
      </c>
      <c r="O11" s="98">
        <v>0</v>
      </c>
      <c r="P11" s="99">
        <v>0</v>
      </c>
      <c r="Q11" s="100">
        <v>0</v>
      </c>
      <c r="R11" s="98">
        <v>14</v>
      </c>
      <c r="S11" s="98">
        <v>9</v>
      </c>
      <c r="T11" s="98">
        <v>6</v>
      </c>
      <c r="U11" s="98">
        <v>4</v>
      </c>
      <c r="V11" s="98">
        <v>2</v>
      </c>
      <c r="W11" s="99">
        <v>35</v>
      </c>
      <c r="X11" s="101">
        <v>35</v>
      </c>
      <c r="Y11" s="102">
        <v>6</v>
      </c>
      <c r="Z11" s="98">
        <v>7</v>
      </c>
      <c r="AA11" s="99">
        <v>13</v>
      </c>
      <c r="AB11" s="100">
        <v>0</v>
      </c>
      <c r="AC11" s="98">
        <v>569</v>
      </c>
      <c r="AD11" s="98">
        <v>401</v>
      </c>
      <c r="AE11" s="98">
        <v>318</v>
      </c>
      <c r="AF11" s="98">
        <v>223</v>
      </c>
      <c r="AG11" s="98">
        <v>106</v>
      </c>
      <c r="AH11" s="99">
        <v>1617</v>
      </c>
      <c r="AI11" s="101">
        <v>1630</v>
      </c>
    </row>
    <row r="12" spans="2:35" ht="21" customHeight="1" x14ac:dyDescent="0.2">
      <c r="B12" s="18" t="s">
        <v>10</v>
      </c>
      <c r="C12" s="97">
        <v>10</v>
      </c>
      <c r="D12" s="98">
        <v>23</v>
      </c>
      <c r="E12" s="99">
        <v>33</v>
      </c>
      <c r="F12" s="100">
        <v>0</v>
      </c>
      <c r="G12" s="98">
        <v>819</v>
      </c>
      <c r="H12" s="98">
        <v>547</v>
      </c>
      <c r="I12" s="98">
        <v>434</v>
      </c>
      <c r="J12" s="98">
        <v>316</v>
      </c>
      <c r="K12" s="98">
        <v>258</v>
      </c>
      <c r="L12" s="99">
        <v>2374</v>
      </c>
      <c r="M12" s="101">
        <v>2407</v>
      </c>
      <c r="N12" s="102">
        <v>0</v>
      </c>
      <c r="O12" s="98">
        <v>0</v>
      </c>
      <c r="P12" s="99">
        <v>0</v>
      </c>
      <c r="Q12" s="100">
        <v>0</v>
      </c>
      <c r="R12" s="98">
        <v>12</v>
      </c>
      <c r="S12" s="98">
        <v>6</v>
      </c>
      <c r="T12" s="98">
        <v>8</v>
      </c>
      <c r="U12" s="98">
        <v>7</v>
      </c>
      <c r="V12" s="98">
        <v>6</v>
      </c>
      <c r="W12" s="99">
        <v>39</v>
      </c>
      <c r="X12" s="101">
        <v>39</v>
      </c>
      <c r="Y12" s="102">
        <v>10</v>
      </c>
      <c r="Z12" s="98">
        <v>23</v>
      </c>
      <c r="AA12" s="99">
        <v>33</v>
      </c>
      <c r="AB12" s="100">
        <v>0</v>
      </c>
      <c r="AC12" s="98">
        <v>831</v>
      </c>
      <c r="AD12" s="98">
        <v>553</v>
      </c>
      <c r="AE12" s="98">
        <v>442</v>
      </c>
      <c r="AF12" s="98">
        <v>323</v>
      </c>
      <c r="AG12" s="98">
        <v>264</v>
      </c>
      <c r="AH12" s="99">
        <v>2413</v>
      </c>
      <c r="AI12" s="101">
        <v>2446</v>
      </c>
    </row>
    <row r="13" spans="2:35" ht="21" customHeight="1" x14ac:dyDescent="0.2">
      <c r="B13" s="18" t="s">
        <v>11</v>
      </c>
      <c r="C13" s="97">
        <v>1</v>
      </c>
      <c r="D13" s="98">
        <v>9</v>
      </c>
      <c r="E13" s="99">
        <v>10</v>
      </c>
      <c r="F13" s="100">
        <v>0</v>
      </c>
      <c r="G13" s="98">
        <v>633</v>
      </c>
      <c r="H13" s="98">
        <v>411</v>
      </c>
      <c r="I13" s="98">
        <v>289</v>
      </c>
      <c r="J13" s="98">
        <v>160</v>
      </c>
      <c r="K13" s="98">
        <v>64</v>
      </c>
      <c r="L13" s="99">
        <v>1557</v>
      </c>
      <c r="M13" s="101">
        <v>1567</v>
      </c>
      <c r="N13" s="102">
        <v>0</v>
      </c>
      <c r="O13" s="98">
        <v>0</v>
      </c>
      <c r="P13" s="99">
        <v>0</v>
      </c>
      <c r="Q13" s="100">
        <v>0</v>
      </c>
      <c r="R13" s="98">
        <v>9</v>
      </c>
      <c r="S13" s="98">
        <v>7</v>
      </c>
      <c r="T13" s="98">
        <v>2</v>
      </c>
      <c r="U13" s="98">
        <v>5</v>
      </c>
      <c r="V13" s="98">
        <v>3</v>
      </c>
      <c r="W13" s="99">
        <v>26</v>
      </c>
      <c r="X13" s="101">
        <v>26</v>
      </c>
      <c r="Y13" s="102">
        <v>1</v>
      </c>
      <c r="Z13" s="98">
        <v>9</v>
      </c>
      <c r="AA13" s="99">
        <v>10</v>
      </c>
      <c r="AB13" s="100">
        <v>0</v>
      </c>
      <c r="AC13" s="98">
        <v>642</v>
      </c>
      <c r="AD13" s="98">
        <v>418</v>
      </c>
      <c r="AE13" s="98">
        <v>291</v>
      </c>
      <c r="AF13" s="98">
        <v>165</v>
      </c>
      <c r="AG13" s="98">
        <v>67</v>
      </c>
      <c r="AH13" s="99">
        <v>1583</v>
      </c>
      <c r="AI13" s="101">
        <v>1593</v>
      </c>
    </row>
    <row r="14" spans="2:35" ht="21" customHeight="1" x14ac:dyDescent="0.2">
      <c r="B14" s="18" t="s">
        <v>12</v>
      </c>
      <c r="C14" s="97">
        <v>0</v>
      </c>
      <c r="D14" s="98">
        <v>1</v>
      </c>
      <c r="E14" s="99">
        <v>1</v>
      </c>
      <c r="F14" s="100">
        <v>0</v>
      </c>
      <c r="G14" s="98">
        <v>439</v>
      </c>
      <c r="H14" s="98">
        <v>361</v>
      </c>
      <c r="I14" s="98">
        <v>257</v>
      </c>
      <c r="J14" s="98">
        <v>203</v>
      </c>
      <c r="K14" s="98">
        <v>113</v>
      </c>
      <c r="L14" s="99">
        <v>1373</v>
      </c>
      <c r="M14" s="101">
        <v>1374</v>
      </c>
      <c r="N14" s="102">
        <v>0</v>
      </c>
      <c r="O14" s="98">
        <v>0</v>
      </c>
      <c r="P14" s="99">
        <v>0</v>
      </c>
      <c r="Q14" s="100">
        <v>0</v>
      </c>
      <c r="R14" s="98">
        <v>6</v>
      </c>
      <c r="S14" s="98">
        <v>4</v>
      </c>
      <c r="T14" s="98">
        <v>3</v>
      </c>
      <c r="U14" s="98">
        <v>1</v>
      </c>
      <c r="V14" s="98">
        <v>3</v>
      </c>
      <c r="W14" s="99">
        <v>17</v>
      </c>
      <c r="X14" s="101">
        <v>17</v>
      </c>
      <c r="Y14" s="102">
        <v>0</v>
      </c>
      <c r="Z14" s="98">
        <v>1</v>
      </c>
      <c r="AA14" s="99">
        <v>1</v>
      </c>
      <c r="AB14" s="100">
        <v>0</v>
      </c>
      <c r="AC14" s="98">
        <v>445</v>
      </c>
      <c r="AD14" s="98">
        <v>365</v>
      </c>
      <c r="AE14" s="98">
        <v>260</v>
      </c>
      <c r="AF14" s="98">
        <v>204</v>
      </c>
      <c r="AG14" s="98">
        <v>116</v>
      </c>
      <c r="AH14" s="99">
        <v>1390</v>
      </c>
      <c r="AI14" s="101">
        <v>1391</v>
      </c>
    </row>
    <row r="15" spans="2:35" ht="21" customHeight="1" x14ac:dyDescent="0.2">
      <c r="B15" s="18" t="s">
        <v>13</v>
      </c>
      <c r="C15" s="97">
        <v>1</v>
      </c>
      <c r="D15" s="98">
        <v>3</v>
      </c>
      <c r="E15" s="99">
        <v>4</v>
      </c>
      <c r="F15" s="100">
        <v>0</v>
      </c>
      <c r="G15" s="98">
        <v>146</v>
      </c>
      <c r="H15" s="98">
        <v>143</v>
      </c>
      <c r="I15" s="98">
        <v>99</v>
      </c>
      <c r="J15" s="98">
        <v>58</v>
      </c>
      <c r="K15" s="98">
        <v>34</v>
      </c>
      <c r="L15" s="99">
        <v>480</v>
      </c>
      <c r="M15" s="101">
        <v>484</v>
      </c>
      <c r="N15" s="102">
        <v>0</v>
      </c>
      <c r="O15" s="98">
        <v>0</v>
      </c>
      <c r="P15" s="99">
        <v>0</v>
      </c>
      <c r="Q15" s="100">
        <v>0</v>
      </c>
      <c r="R15" s="98">
        <v>1</v>
      </c>
      <c r="S15" s="98">
        <v>2</v>
      </c>
      <c r="T15" s="98">
        <v>4</v>
      </c>
      <c r="U15" s="98">
        <v>0</v>
      </c>
      <c r="V15" s="98">
        <v>0</v>
      </c>
      <c r="W15" s="99">
        <v>7</v>
      </c>
      <c r="X15" s="101">
        <v>7</v>
      </c>
      <c r="Y15" s="102">
        <v>1</v>
      </c>
      <c r="Z15" s="98">
        <v>3</v>
      </c>
      <c r="AA15" s="99">
        <v>4</v>
      </c>
      <c r="AB15" s="100">
        <v>0</v>
      </c>
      <c r="AC15" s="98">
        <v>147</v>
      </c>
      <c r="AD15" s="98">
        <v>145</v>
      </c>
      <c r="AE15" s="98">
        <v>103</v>
      </c>
      <c r="AF15" s="98">
        <v>58</v>
      </c>
      <c r="AG15" s="98">
        <v>34</v>
      </c>
      <c r="AH15" s="99">
        <v>487</v>
      </c>
      <c r="AI15" s="101">
        <v>491</v>
      </c>
    </row>
    <row r="16" spans="2:35" ht="21" customHeight="1" x14ac:dyDescent="0.2">
      <c r="B16" s="18" t="s">
        <v>15</v>
      </c>
      <c r="C16" s="97">
        <v>3</v>
      </c>
      <c r="D16" s="98">
        <v>17</v>
      </c>
      <c r="E16" s="99">
        <v>20</v>
      </c>
      <c r="F16" s="100">
        <v>0</v>
      </c>
      <c r="G16" s="98">
        <v>219</v>
      </c>
      <c r="H16" s="98">
        <v>238</v>
      </c>
      <c r="I16" s="98">
        <v>151</v>
      </c>
      <c r="J16" s="98">
        <v>86</v>
      </c>
      <c r="K16" s="98">
        <v>50</v>
      </c>
      <c r="L16" s="99">
        <v>744</v>
      </c>
      <c r="M16" s="101">
        <v>764</v>
      </c>
      <c r="N16" s="102">
        <v>0</v>
      </c>
      <c r="O16" s="98">
        <v>1</v>
      </c>
      <c r="P16" s="99">
        <v>1</v>
      </c>
      <c r="Q16" s="100">
        <v>0</v>
      </c>
      <c r="R16" s="98">
        <v>3</v>
      </c>
      <c r="S16" s="98">
        <v>4</v>
      </c>
      <c r="T16" s="98">
        <v>1</v>
      </c>
      <c r="U16" s="98">
        <v>1</v>
      </c>
      <c r="V16" s="98">
        <v>1</v>
      </c>
      <c r="W16" s="99">
        <v>10</v>
      </c>
      <c r="X16" s="101">
        <v>11</v>
      </c>
      <c r="Y16" s="102">
        <v>3</v>
      </c>
      <c r="Z16" s="98">
        <v>18</v>
      </c>
      <c r="AA16" s="99">
        <v>21</v>
      </c>
      <c r="AB16" s="100">
        <v>0</v>
      </c>
      <c r="AC16" s="98">
        <v>222</v>
      </c>
      <c r="AD16" s="98">
        <v>242</v>
      </c>
      <c r="AE16" s="98">
        <v>152</v>
      </c>
      <c r="AF16" s="98">
        <v>87</v>
      </c>
      <c r="AG16" s="98">
        <v>51</v>
      </c>
      <c r="AH16" s="99">
        <v>754</v>
      </c>
      <c r="AI16" s="101">
        <v>775</v>
      </c>
    </row>
    <row r="17" spans="2:35" ht="21" customHeight="1" x14ac:dyDescent="0.2">
      <c r="B17" s="18" t="s">
        <v>16</v>
      </c>
      <c r="C17" s="97">
        <v>1</v>
      </c>
      <c r="D17" s="98">
        <v>1</v>
      </c>
      <c r="E17" s="99">
        <v>2</v>
      </c>
      <c r="F17" s="100">
        <v>0</v>
      </c>
      <c r="G17" s="98">
        <v>208</v>
      </c>
      <c r="H17" s="98">
        <v>254</v>
      </c>
      <c r="I17" s="98">
        <v>202</v>
      </c>
      <c r="J17" s="98">
        <v>119</v>
      </c>
      <c r="K17" s="98">
        <v>87</v>
      </c>
      <c r="L17" s="99">
        <v>870</v>
      </c>
      <c r="M17" s="101">
        <v>872</v>
      </c>
      <c r="N17" s="102">
        <v>0</v>
      </c>
      <c r="O17" s="98">
        <v>0</v>
      </c>
      <c r="P17" s="99">
        <v>0</v>
      </c>
      <c r="Q17" s="100">
        <v>0</v>
      </c>
      <c r="R17" s="98">
        <v>2</v>
      </c>
      <c r="S17" s="98">
        <v>2</v>
      </c>
      <c r="T17" s="98">
        <v>7</v>
      </c>
      <c r="U17" s="98">
        <v>1</v>
      </c>
      <c r="V17" s="98">
        <v>3</v>
      </c>
      <c r="W17" s="99">
        <v>15</v>
      </c>
      <c r="X17" s="101">
        <v>15</v>
      </c>
      <c r="Y17" s="102">
        <v>1</v>
      </c>
      <c r="Z17" s="98">
        <v>1</v>
      </c>
      <c r="AA17" s="99">
        <v>2</v>
      </c>
      <c r="AB17" s="100">
        <v>0</v>
      </c>
      <c r="AC17" s="98">
        <v>210</v>
      </c>
      <c r="AD17" s="98">
        <v>256</v>
      </c>
      <c r="AE17" s="98">
        <v>209</v>
      </c>
      <c r="AF17" s="98">
        <v>120</v>
      </c>
      <c r="AG17" s="98">
        <v>90</v>
      </c>
      <c r="AH17" s="99">
        <v>885</v>
      </c>
      <c r="AI17" s="101">
        <v>887</v>
      </c>
    </row>
    <row r="18" spans="2:35" ht="21" customHeight="1" x14ac:dyDescent="0.2">
      <c r="B18" s="18" t="s">
        <v>17</v>
      </c>
      <c r="C18" s="97">
        <v>1</v>
      </c>
      <c r="D18" s="98">
        <v>2</v>
      </c>
      <c r="E18" s="99">
        <v>3</v>
      </c>
      <c r="F18" s="100">
        <v>0</v>
      </c>
      <c r="G18" s="98">
        <v>328</v>
      </c>
      <c r="H18" s="98">
        <v>410</v>
      </c>
      <c r="I18" s="98">
        <v>271</v>
      </c>
      <c r="J18" s="98">
        <v>213</v>
      </c>
      <c r="K18" s="98">
        <v>131</v>
      </c>
      <c r="L18" s="99">
        <v>1353</v>
      </c>
      <c r="M18" s="101">
        <v>1356</v>
      </c>
      <c r="N18" s="102">
        <v>0</v>
      </c>
      <c r="O18" s="98">
        <v>0</v>
      </c>
      <c r="P18" s="99">
        <v>0</v>
      </c>
      <c r="Q18" s="100">
        <v>0</v>
      </c>
      <c r="R18" s="98">
        <v>3</v>
      </c>
      <c r="S18" s="98">
        <v>18</v>
      </c>
      <c r="T18" s="98">
        <v>10</v>
      </c>
      <c r="U18" s="98">
        <v>8</v>
      </c>
      <c r="V18" s="98">
        <v>7</v>
      </c>
      <c r="W18" s="99">
        <v>46</v>
      </c>
      <c r="X18" s="101">
        <v>46</v>
      </c>
      <c r="Y18" s="102">
        <v>1</v>
      </c>
      <c r="Z18" s="98">
        <v>2</v>
      </c>
      <c r="AA18" s="99">
        <v>3</v>
      </c>
      <c r="AB18" s="100">
        <v>0</v>
      </c>
      <c r="AC18" s="98">
        <v>331</v>
      </c>
      <c r="AD18" s="98">
        <v>428</v>
      </c>
      <c r="AE18" s="98">
        <v>281</v>
      </c>
      <c r="AF18" s="98">
        <v>221</v>
      </c>
      <c r="AG18" s="98">
        <v>138</v>
      </c>
      <c r="AH18" s="99">
        <v>1399</v>
      </c>
      <c r="AI18" s="101">
        <v>1402</v>
      </c>
    </row>
    <row r="19" spans="2:35" ht="21" customHeight="1" x14ac:dyDescent="0.2">
      <c r="B19" s="18" t="s">
        <v>18</v>
      </c>
      <c r="C19" s="97">
        <v>9</v>
      </c>
      <c r="D19" s="98">
        <v>17</v>
      </c>
      <c r="E19" s="99">
        <v>26</v>
      </c>
      <c r="F19" s="100">
        <v>0</v>
      </c>
      <c r="G19" s="98">
        <v>417</v>
      </c>
      <c r="H19" s="98">
        <v>336</v>
      </c>
      <c r="I19" s="98">
        <v>261</v>
      </c>
      <c r="J19" s="98">
        <v>159</v>
      </c>
      <c r="K19" s="98">
        <v>86</v>
      </c>
      <c r="L19" s="99">
        <v>1259</v>
      </c>
      <c r="M19" s="101">
        <v>1285</v>
      </c>
      <c r="N19" s="102">
        <v>0</v>
      </c>
      <c r="O19" s="98">
        <v>0</v>
      </c>
      <c r="P19" s="99">
        <v>0</v>
      </c>
      <c r="Q19" s="100">
        <v>0</v>
      </c>
      <c r="R19" s="98">
        <v>2</v>
      </c>
      <c r="S19" s="98">
        <v>4</v>
      </c>
      <c r="T19" s="98">
        <v>2</v>
      </c>
      <c r="U19" s="98">
        <v>4</v>
      </c>
      <c r="V19" s="98">
        <v>6</v>
      </c>
      <c r="W19" s="99">
        <v>18</v>
      </c>
      <c r="X19" s="101">
        <v>18</v>
      </c>
      <c r="Y19" s="102">
        <v>9</v>
      </c>
      <c r="Z19" s="98">
        <v>17</v>
      </c>
      <c r="AA19" s="99">
        <v>26</v>
      </c>
      <c r="AB19" s="100">
        <v>0</v>
      </c>
      <c r="AC19" s="98">
        <v>419</v>
      </c>
      <c r="AD19" s="98">
        <v>340</v>
      </c>
      <c r="AE19" s="98">
        <v>263</v>
      </c>
      <c r="AF19" s="98">
        <v>163</v>
      </c>
      <c r="AG19" s="98">
        <v>92</v>
      </c>
      <c r="AH19" s="99">
        <v>1277</v>
      </c>
      <c r="AI19" s="101">
        <v>1303</v>
      </c>
    </row>
    <row r="20" spans="2:35" ht="21" customHeight="1" x14ac:dyDescent="0.2">
      <c r="B20" s="18" t="s">
        <v>19</v>
      </c>
      <c r="C20" s="97">
        <v>0</v>
      </c>
      <c r="D20" s="98">
        <v>2</v>
      </c>
      <c r="E20" s="99">
        <v>2</v>
      </c>
      <c r="F20" s="100">
        <v>0</v>
      </c>
      <c r="G20" s="98">
        <v>189</v>
      </c>
      <c r="H20" s="98">
        <v>216</v>
      </c>
      <c r="I20" s="98">
        <v>142</v>
      </c>
      <c r="J20" s="98">
        <v>72</v>
      </c>
      <c r="K20" s="98">
        <v>54</v>
      </c>
      <c r="L20" s="99">
        <v>673</v>
      </c>
      <c r="M20" s="101">
        <v>675</v>
      </c>
      <c r="N20" s="102">
        <v>0</v>
      </c>
      <c r="O20" s="98">
        <v>0</v>
      </c>
      <c r="P20" s="99">
        <v>0</v>
      </c>
      <c r="Q20" s="100">
        <v>0</v>
      </c>
      <c r="R20" s="98">
        <v>0</v>
      </c>
      <c r="S20" s="98">
        <v>1</v>
      </c>
      <c r="T20" s="98">
        <v>4</v>
      </c>
      <c r="U20" s="98">
        <v>2</v>
      </c>
      <c r="V20" s="98">
        <v>0</v>
      </c>
      <c r="W20" s="99">
        <v>7</v>
      </c>
      <c r="X20" s="101">
        <v>7</v>
      </c>
      <c r="Y20" s="102">
        <v>0</v>
      </c>
      <c r="Z20" s="98">
        <v>2</v>
      </c>
      <c r="AA20" s="99">
        <v>2</v>
      </c>
      <c r="AB20" s="100">
        <v>0</v>
      </c>
      <c r="AC20" s="98">
        <v>189</v>
      </c>
      <c r="AD20" s="98">
        <v>217</v>
      </c>
      <c r="AE20" s="98">
        <v>146</v>
      </c>
      <c r="AF20" s="98">
        <v>74</v>
      </c>
      <c r="AG20" s="98">
        <v>54</v>
      </c>
      <c r="AH20" s="99">
        <v>680</v>
      </c>
      <c r="AI20" s="101">
        <v>682</v>
      </c>
    </row>
    <row r="21" spans="2:35" ht="21" customHeight="1" x14ac:dyDescent="0.2">
      <c r="B21" s="18" t="s">
        <v>20</v>
      </c>
      <c r="C21" s="97">
        <v>0</v>
      </c>
      <c r="D21" s="98">
        <v>1</v>
      </c>
      <c r="E21" s="99">
        <v>1</v>
      </c>
      <c r="F21" s="100">
        <v>0</v>
      </c>
      <c r="G21" s="98">
        <v>247</v>
      </c>
      <c r="H21" s="98">
        <v>131</v>
      </c>
      <c r="I21" s="98">
        <v>115</v>
      </c>
      <c r="J21" s="98">
        <v>49</v>
      </c>
      <c r="K21" s="98">
        <v>26</v>
      </c>
      <c r="L21" s="99">
        <v>568</v>
      </c>
      <c r="M21" s="101">
        <v>569</v>
      </c>
      <c r="N21" s="102">
        <v>0</v>
      </c>
      <c r="O21" s="98">
        <v>0</v>
      </c>
      <c r="P21" s="99">
        <v>0</v>
      </c>
      <c r="Q21" s="100">
        <v>0</v>
      </c>
      <c r="R21" s="98">
        <v>6</v>
      </c>
      <c r="S21" s="98">
        <v>2</v>
      </c>
      <c r="T21" s="98">
        <v>1</v>
      </c>
      <c r="U21" s="98">
        <v>1</v>
      </c>
      <c r="V21" s="98">
        <v>0</v>
      </c>
      <c r="W21" s="99">
        <v>10</v>
      </c>
      <c r="X21" s="101">
        <v>10</v>
      </c>
      <c r="Y21" s="102">
        <v>0</v>
      </c>
      <c r="Z21" s="98">
        <v>1</v>
      </c>
      <c r="AA21" s="99">
        <v>1</v>
      </c>
      <c r="AB21" s="100">
        <v>0</v>
      </c>
      <c r="AC21" s="98">
        <v>253</v>
      </c>
      <c r="AD21" s="98">
        <v>133</v>
      </c>
      <c r="AE21" s="98">
        <v>116</v>
      </c>
      <c r="AF21" s="98">
        <v>50</v>
      </c>
      <c r="AG21" s="98">
        <v>26</v>
      </c>
      <c r="AH21" s="99">
        <v>578</v>
      </c>
      <c r="AI21" s="101">
        <v>579</v>
      </c>
    </row>
    <row r="22" spans="2:35" ht="21" customHeight="1" x14ac:dyDescent="0.2">
      <c r="B22" s="18" t="s">
        <v>21</v>
      </c>
      <c r="C22" s="97">
        <v>0</v>
      </c>
      <c r="D22" s="98">
        <v>0</v>
      </c>
      <c r="E22" s="99">
        <v>0</v>
      </c>
      <c r="F22" s="100">
        <v>0</v>
      </c>
      <c r="G22" s="98">
        <v>225</v>
      </c>
      <c r="H22" s="98">
        <v>242</v>
      </c>
      <c r="I22" s="98">
        <v>126</v>
      </c>
      <c r="J22" s="98">
        <v>59</v>
      </c>
      <c r="K22" s="98">
        <v>28</v>
      </c>
      <c r="L22" s="99">
        <v>680</v>
      </c>
      <c r="M22" s="101">
        <v>680</v>
      </c>
      <c r="N22" s="102">
        <v>0</v>
      </c>
      <c r="O22" s="98">
        <v>0</v>
      </c>
      <c r="P22" s="99">
        <v>0</v>
      </c>
      <c r="Q22" s="100">
        <v>0</v>
      </c>
      <c r="R22" s="98">
        <v>2</v>
      </c>
      <c r="S22" s="98">
        <v>6</v>
      </c>
      <c r="T22" s="98">
        <v>3</v>
      </c>
      <c r="U22" s="98">
        <v>1</v>
      </c>
      <c r="V22" s="98">
        <v>3</v>
      </c>
      <c r="W22" s="99">
        <v>15</v>
      </c>
      <c r="X22" s="101">
        <v>15</v>
      </c>
      <c r="Y22" s="102">
        <v>0</v>
      </c>
      <c r="Z22" s="98">
        <v>0</v>
      </c>
      <c r="AA22" s="99">
        <v>0</v>
      </c>
      <c r="AB22" s="100">
        <v>0</v>
      </c>
      <c r="AC22" s="98">
        <v>227</v>
      </c>
      <c r="AD22" s="98">
        <v>248</v>
      </c>
      <c r="AE22" s="98">
        <v>129</v>
      </c>
      <c r="AF22" s="98">
        <v>60</v>
      </c>
      <c r="AG22" s="98">
        <v>31</v>
      </c>
      <c r="AH22" s="99">
        <v>695</v>
      </c>
      <c r="AI22" s="101">
        <v>695</v>
      </c>
    </row>
    <row r="23" spans="2:35" ht="21" customHeight="1" x14ac:dyDescent="0.2">
      <c r="B23" s="18" t="s">
        <v>22</v>
      </c>
      <c r="C23" s="97">
        <v>2</v>
      </c>
      <c r="D23" s="98">
        <v>3</v>
      </c>
      <c r="E23" s="99">
        <v>5</v>
      </c>
      <c r="F23" s="100">
        <v>0</v>
      </c>
      <c r="G23" s="98">
        <v>162</v>
      </c>
      <c r="H23" s="98">
        <v>136</v>
      </c>
      <c r="I23" s="98">
        <v>74</v>
      </c>
      <c r="J23" s="98">
        <v>63</v>
      </c>
      <c r="K23" s="98">
        <v>23</v>
      </c>
      <c r="L23" s="99">
        <v>458</v>
      </c>
      <c r="M23" s="101">
        <v>463</v>
      </c>
      <c r="N23" s="102">
        <v>0</v>
      </c>
      <c r="O23" s="98">
        <v>0</v>
      </c>
      <c r="P23" s="99">
        <v>0</v>
      </c>
      <c r="Q23" s="100">
        <v>0</v>
      </c>
      <c r="R23" s="98">
        <v>3</v>
      </c>
      <c r="S23" s="98">
        <v>0</v>
      </c>
      <c r="T23" s="98">
        <v>1</v>
      </c>
      <c r="U23" s="98">
        <v>0</v>
      </c>
      <c r="V23" s="98">
        <v>2</v>
      </c>
      <c r="W23" s="99">
        <v>6</v>
      </c>
      <c r="X23" s="101">
        <v>6</v>
      </c>
      <c r="Y23" s="102">
        <v>2</v>
      </c>
      <c r="Z23" s="98">
        <v>3</v>
      </c>
      <c r="AA23" s="99">
        <v>5</v>
      </c>
      <c r="AB23" s="100">
        <v>0</v>
      </c>
      <c r="AC23" s="98">
        <v>165</v>
      </c>
      <c r="AD23" s="98">
        <v>136</v>
      </c>
      <c r="AE23" s="98">
        <v>75</v>
      </c>
      <c r="AF23" s="98">
        <v>63</v>
      </c>
      <c r="AG23" s="98">
        <v>25</v>
      </c>
      <c r="AH23" s="99">
        <v>464</v>
      </c>
      <c r="AI23" s="101">
        <v>469</v>
      </c>
    </row>
    <row r="24" spans="2:35" ht="21" customHeight="1" x14ac:dyDescent="0.2">
      <c r="B24" s="18" t="s">
        <v>23</v>
      </c>
      <c r="C24" s="97">
        <v>0</v>
      </c>
      <c r="D24" s="98">
        <v>0</v>
      </c>
      <c r="E24" s="99">
        <v>0</v>
      </c>
      <c r="F24" s="100">
        <v>0</v>
      </c>
      <c r="G24" s="98">
        <v>94</v>
      </c>
      <c r="H24" s="98">
        <v>68</v>
      </c>
      <c r="I24" s="98">
        <v>49</v>
      </c>
      <c r="J24" s="98">
        <v>32</v>
      </c>
      <c r="K24" s="98">
        <v>19</v>
      </c>
      <c r="L24" s="99">
        <v>262</v>
      </c>
      <c r="M24" s="101">
        <v>262</v>
      </c>
      <c r="N24" s="102">
        <v>0</v>
      </c>
      <c r="O24" s="98">
        <v>0</v>
      </c>
      <c r="P24" s="99">
        <v>0</v>
      </c>
      <c r="Q24" s="100">
        <v>0</v>
      </c>
      <c r="R24" s="98">
        <v>0</v>
      </c>
      <c r="S24" s="98">
        <v>1</v>
      </c>
      <c r="T24" s="98">
        <v>1</v>
      </c>
      <c r="U24" s="98">
        <v>0</v>
      </c>
      <c r="V24" s="98">
        <v>0</v>
      </c>
      <c r="W24" s="99">
        <v>2</v>
      </c>
      <c r="X24" s="101">
        <v>2</v>
      </c>
      <c r="Y24" s="102">
        <v>0</v>
      </c>
      <c r="Z24" s="98">
        <v>0</v>
      </c>
      <c r="AA24" s="99">
        <v>0</v>
      </c>
      <c r="AB24" s="100">
        <v>0</v>
      </c>
      <c r="AC24" s="98">
        <v>94</v>
      </c>
      <c r="AD24" s="98">
        <v>69</v>
      </c>
      <c r="AE24" s="98">
        <v>50</v>
      </c>
      <c r="AF24" s="98">
        <v>32</v>
      </c>
      <c r="AG24" s="98">
        <v>19</v>
      </c>
      <c r="AH24" s="99">
        <v>264</v>
      </c>
      <c r="AI24" s="101">
        <v>264</v>
      </c>
    </row>
    <row r="25" spans="2:35" ht="21" customHeight="1" x14ac:dyDescent="0.2">
      <c r="B25" s="18" t="s">
        <v>24</v>
      </c>
      <c r="C25" s="97">
        <v>2</v>
      </c>
      <c r="D25" s="98">
        <v>3</v>
      </c>
      <c r="E25" s="99">
        <v>5</v>
      </c>
      <c r="F25" s="100">
        <v>0</v>
      </c>
      <c r="G25" s="98">
        <v>60</v>
      </c>
      <c r="H25" s="98">
        <v>29</v>
      </c>
      <c r="I25" s="98">
        <v>37</v>
      </c>
      <c r="J25" s="98">
        <v>18</v>
      </c>
      <c r="K25" s="98">
        <v>9</v>
      </c>
      <c r="L25" s="99">
        <v>153</v>
      </c>
      <c r="M25" s="101">
        <v>158</v>
      </c>
      <c r="N25" s="102">
        <v>0</v>
      </c>
      <c r="O25" s="98">
        <v>0</v>
      </c>
      <c r="P25" s="99">
        <v>0</v>
      </c>
      <c r="Q25" s="100">
        <v>0</v>
      </c>
      <c r="R25" s="98">
        <v>0</v>
      </c>
      <c r="S25" s="98">
        <v>1</v>
      </c>
      <c r="T25" s="98">
        <v>0</v>
      </c>
      <c r="U25" s="98">
        <v>1</v>
      </c>
      <c r="V25" s="98">
        <v>0</v>
      </c>
      <c r="W25" s="99">
        <v>2</v>
      </c>
      <c r="X25" s="101">
        <v>2</v>
      </c>
      <c r="Y25" s="102">
        <v>2</v>
      </c>
      <c r="Z25" s="98">
        <v>3</v>
      </c>
      <c r="AA25" s="99">
        <v>5</v>
      </c>
      <c r="AB25" s="100">
        <v>0</v>
      </c>
      <c r="AC25" s="98">
        <v>60</v>
      </c>
      <c r="AD25" s="98">
        <v>30</v>
      </c>
      <c r="AE25" s="98">
        <v>37</v>
      </c>
      <c r="AF25" s="98">
        <v>19</v>
      </c>
      <c r="AG25" s="98">
        <v>9</v>
      </c>
      <c r="AH25" s="99">
        <v>155</v>
      </c>
      <c r="AI25" s="101">
        <v>160</v>
      </c>
    </row>
    <row r="26" spans="2:35" ht="21" customHeight="1" x14ac:dyDescent="0.2">
      <c r="B26" s="18" t="s">
        <v>25</v>
      </c>
      <c r="C26" s="97">
        <v>2</v>
      </c>
      <c r="D26" s="98">
        <v>0</v>
      </c>
      <c r="E26" s="99">
        <v>2</v>
      </c>
      <c r="F26" s="100">
        <v>0</v>
      </c>
      <c r="G26" s="98">
        <v>96</v>
      </c>
      <c r="H26" s="98">
        <v>49</v>
      </c>
      <c r="I26" s="98">
        <v>28</v>
      </c>
      <c r="J26" s="98">
        <v>13</v>
      </c>
      <c r="K26" s="98">
        <v>1</v>
      </c>
      <c r="L26" s="99">
        <v>187</v>
      </c>
      <c r="M26" s="101">
        <v>189</v>
      </c>
      <c r="N26" s="102">
        <v>0</v>
      </c>
      <c r="O26" s="98">
        <v>0</v>
      </c>
      <c r="P26" s="99">
        <v>0</v>
      </c>
      <c r="Q26" s="100">
        <v>0</v>
      </c>
      <c r="R26" s="98">
        <v>1</v>
      </c>
      <c r="S26" s="98">
        <v>1</v>
      </c>
      <c r="T26" s="98">
        <v>1</v>
      </c>
      <c r="U26" s="98">
        <v>0</v>
      </c>
      <c r="V26" s="98">
        <v>0</v>
      </c>
      <c r="W26" s="99">
        <v>3</v>
      </c>
      <c r="X26" s="101">
        <v>3</v>
      </c>
      <c r="Y26" s="102">
        <v>2</v>
      </c>
      <c r="Z26" s="98">
        <v>0</v>
      </c>
      <c r="AA26" s="99">
        <v>2</v>
      </c>
      <c r="AB26" s="100">
        <v>0</v>
      </c>
      <c r="AC26" s="98">
        <v>97</v>
      </c>
      <c r="AD26" s="98">
        <v>50</v>
      </c>
      <c r="AE26" s="98">
        <v>29</v>
      </c>
      <c r="AF26" s="98">
        <v>13</v>
      </c>
      <c r="AG26" s="98">
        <v>1</v>
      </c>
      <c r="AH26" s="99">
        <v>190</v>
      </c>
      <c r="AI26" s="101">
        <v>192</v>
      </c>
    </row>
    <row r="27" spans="2:35" ht="21" customHeight="1" x14ac:dyDescent="0.2">
      <c r="B27" s="18" t="s">
        <v>26</v>
      </c>
      <c r="C27" s="97">
        <v>1</v>
      </c>
      <c r="D27" s="98">
        <v>0</v>
      </c>
      <c r="E27" s="99">
        <v>1</v>
      </c>
      <c r="F27" s="100">
        <v>0</v>
      </c>
      <c r="G27" s="98">
        <v>63</v>
      </c>
      <c r="H27" s="98">
        <v>64</v>
      </c>
      <c r="I27" s="98">
        <v>55</v>
      </c>
      <c r="J27" s="98">
        <v>19</v>
      </c>
      <c r="K27" s="98">
        <v>13</v>
      </c>
      <c r="L27" s="99">
        <v>214</v>
      </c>
      <c r="M27" s="101">
        <v>215</v>
      </c>
      <c r="N27" s="102">
        <v>0</v>
      </c>
      <c r="O27" s="98">
        <v>0</v>
      </c>
      <c r="P27" s="99">
        <v>0</v>
      </c>
      <c r="Q27" s="100">
        <v>0</v>
      </c>
      <c r="R27" s="98">
        <v>0</v>
      </c>
      <c r="S27" s="98">
        <v>0</v>
      </c>
      <c r="T27" s="98">
        <v>0</v>
      </c>
      <c r="U27" s="98">
        <v>0</v>
      </c>
      <c r="V27" s="98">
        <v>1</v>
      </c>
      <c r="W27" s="99">
        <v>1</v>
      </c>
      <c r="X27" s="101">
        <v>1</v>
      </c>
      <c r="Y27" s="102">
        <v>1</v>
      </c>
      <c r="Z27" s="98">
        <v>0</v>
      </c>
      <c r="AA27" s="99">
        <v>1</v>
      </c>
      <c r="AB27" s="100">
        <v>0</v>
      </c>
      <c r="AC27" s="98">
        <v>63</v>
      </c>
      <c r="AD27" s="98">
        <v>64</v>
      </c>
      <c r="AE27" s="98">
        <v>55</v>
      </c>
      <c r="AF27" s="98">
        <v>19</v>
      </c>
      <c r="AG27" s="98">
        <v>14</v>
      </c>
      <c r="AH27" s="99">
        <v>215</v>
      </c>
      <c r="AI27" s="101">
        <v>216</v>
      </c>
    </row>
    <row r="28" spans="2:35" ht="21" customHeight="1" x14ac:dyDescent="0.2">
      <c r="B28" s="18" t="s">
        <v>27</v>
      </c>
      <c r="C28" s="97">
        <v>0</v>
      </c>
      <c r="D28" s="98">
        <v>0</v>
      </c>
      <c r="E28" s="99">
        <v>0</v>
      </c>
      <c r="F28" s="100">
        <v>0</v>
      </c>
      <c r="G28" s="98">
        <v>50</v>
      </c>
      <c r="H28" s="98">
        <v>22</v>
      </c>
      <c r="I28" s="98">
        <v>26</v>
      </c>
      <c r="J28" s="98">
        <v>20</v>
      </c>
      <c r="K28" s="98">
        <v>12</v>
      </c>
      <c r="L28" s="99">
        <v>130</v>
      </c>
      <c r="M28" s="101">
        <v>130</v>
      </c>
      <c r="N28" s="102">
        <v>0</v>
      </c>
      <c r="O28" s="98">
        <v>0</v>
      </c>
      <c r="P28" s="99">
        <v>0</v>
      </c>
      <c r="Q28" s="100">
        <v>0</v>
      </c>
      <c r="R28" s="98">
        <v>1</v>
      </c>
      <c r="S28" s="98">
        <v>0</v>
      </c>
      <c r="T28" s="98">
        <v>1</v>
      </c>
      <c r="U28" s="98">
        <v>0</v>
      </c>
      <c r="V28" s="98">
        <v>0</v>
      </c>
      <c r="W28" s="99">
        <v>2</v>
      </c>
      <c r="X28" s="101">
        <v>2</v>
      </c>
      <c r="Y28" s="102">
        <v>0</v>
      </c>
      <c r="Z28" s="98">
        <v>0</v>
      </c>
      <c r="AA28" s="99">
        <v>0</v>
      </c>
      <c r="AB28" s="100">
        <v>0</v>
      </c>
      <c r="AC28" s="98">
        <v>51</v>
      </c>
      <c r="AD28" s="98">
        <v>22</v>
      </c>
      <c r="AE28" s="98">
        <v>27</v>
      </c>
      <c r="AF28" s="98">
        <v>20</v>
      </c>
      <c r="AG28" s="98">
        <v>12</v>
      </c>
      <c r="AH28" s="99">
        <v>132</v>
      </c>
      <c r="AI28" s="101">
        <v>132</v>
      </c>
    </row>
    <row r="29" spans="2:35" ht="21" customHeight="1" x14ac:dyDescent="0.2">
      <c r="B29" s="18" t="s">
        <v>28</v>
      </c>
      <c r="C29" s="97">
        <v>0</v>
      </c>
      <c r="D29" s="98">
        <v>0</v>
      </c>
      <c r="E29" s="99">
        <v>0</v>
      </c>
      <c r="F29" s="100">
        <v>0</v>
      </c>
      <c r="G29" s="98">
        <v>21</v>
      </c>
      <c r="H29" s="98">
        <v>22</v>
      </c>
      <c r="I29" s="98">
        <v>6</v>
      </c>
      <c r="J29" s="98">
        <v>5</v>
      </c>
      <c r="K29" s="98">
        <v>3</v>
      </c>
      <c r="L29" s="99">
        <v>57</v>
      </c>
      <c r="M29" s="101">
        <v>57</v>
      </c>
      <c r="N29" s="102">
        <v>0</v>
      </c>
      <c r="O29" s="98">
        <v>0</v>
      </c>
      <c r="P29" s="99">
        <v>0</v>
      </c>
      <c r="Q29" s="100">
        <v>0</v>
      </c>
      <c r="R29" s="98">
        <v>0</v>
      </c>
      <c r="S29" s="98">
        <v>1</v>
      </c>
      <c r="T29" s="98">
        <v>0</v>
      </c>
      <c r="U29" s="98">
        <v>0</v>
      </c>
      <c r="V29" s="98">
        <v>1</v>
      </c>
      <c r="W29" s="99">
        <v>2</v>
      </c>
      <c r="X29" s="101">
        <v>2</v>
      </c>
      <c r="Y29" s="102">
        <v>0</v>
      </c>
      <c r="Z29" s="98">
        <v>0</v>
      </c>
      <c r="AA29" s="99">
        <v>0</v>
      </c>
      <c r="AB29" s="100">
        <v>0</v>
      </c>
      <c r="AC29" s="98">
        <v>21</v>
      </c>
      <c r="AD29" s="98">
        <v>23</v>
      </c>
      <c r="AE29" s="98">
        <v>6</v>
      </c>
      <c r="AF29" s="98">
        <v>5</v>
      </c>
      <c r="AG29" s="98">
        <v>4</v>
      </c>
      <c r="AH29" s="99">
        <v>59</v>
      </c>
      <c r="AI29" s="101">
        <v>59</v>
      </c>
    </row>
    <row r="30" spans="2:35" ht="21" customHeight="1" x14ac:dyDescent="0.2">
      <c r="B30" s="18" t="s">
        <v>29</v>
      </c>
      <c r="C30" s="97">
        <v>0</v>
      </c>
      <c r="D30" s="98">
        <v>4</v>
      </c>
      <c r="E30" s="99">
        <v>4</v>
      </c>
      <c r="F30" s="100">
        <v>0</v>
      </c>
      <c r="G30" s="98">
        <v>38</v>
      </c>
      <c r="H30" s="98">
        <v>26</v>
      </c>
      <c r="I30" s="98">
        <v>26</v>
      </c>
      <c r="J30" s="98">
        <v>17</v>
      </c>
      <c r="K30" s="98">
        <v>12</v>
      </c>
      <c r="L30" s="99">
        <v>119</v>
      </c>
      <c r="M30" s="101">
        <v>123</v>
      </c>
      <c r="N30" s="102">
        <v>0</v>
      </c>
      <c r="O30" s="98">
        <v>0</v>
      </c>
      <c r="P30" s="99">
        <v>0</v>
      </c>
      <c r="Q30" s="100">
        <v>0</v>
      </c>
      <c r="R30" s="98">
        <v>1</v>
      </c>
      <c r="S30" s="98">
        <v>0</v>
      </c>
      <c r="T30" s="98">
        <v>0</v>
      </c>
      <c r="U30" s="98">
        <v>0</v>
      </c>
      <c r="V30" s="98">
        <v>0</v>
      </c>
      <c r="W30" s="99">
        <v>1</v>
      </c>
      <c r="X30" s="101">
        <v>1</v>
      </c>
      <c r="Y30" s="102">
        <v>0</v>
      </c>
      <c r="Z30" s="98">
        <v>4</v>
      </c>
      <c r="AA30" s="99">
        <v>4</v>
      </c>
      <c r="AB30" s="100">
        <v>0</v>
      </c>
      <c r="AC30" s="98">
        <v>39</v>
      </c>
      <c r="AD30" s="98">
        <v>26</v>
      </c>
      <c r="AE30" s="98">
        <v>26</v>
      </c>
      <c r="AF30" s="98">
        <v>17</v>
      </c>
      <c r="AG30" s="98">
        <v>12</v>
      </c>
      <c r="AH30" s="99">
        <v>120</v>
      </c>
      <c r="AI30" s="101">
        <v>124</v>
      </c>
    </row>
    <row r="31" spans="2:35" ht="21" customHeight="1" x14ac:dyDescent="0.2">
      <c r="B31" s="18" t="s">
        <v>30</v>
      </c>
      <c r="C31" s="97">
        <v>1</v>
      </c>
      <c r="D31" s="98">
        <v>0</v>
      </c>
      <c r="E31" s="99">
        <v>1</v>
      </c>
      <c r="F31" s="100">
        <v>0</v>
      </c>
      <c r="G31" s="98">
        <v>29</v>
      </c>
      <c r="H31" s="98">
        <v>15</v>
      </c>
      <c r="I31" s="98">
        <v>17</v>
      </c>
      <c r="J31" s="98">
        <v>9</v>
      </c>
      <c r="K31" s="98">
        <v>1</v>
      </c>
      <c r="L31" s="99">
        <v>71</v>
      </c>
      <c r="M31" s="101">
        <v>72</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0</v>
      </c>
      <c r="AD31" s="98">
        <v>15</v>
      </c>
      <c r="AE31" s="98">
        <v>17</v>
      </c>
      <c r="AF31" s="98">
        <v>9</v>
      </c>
      <c r="AG31" s="98">
        <v>1</v>
      </c>
      <c r="AH31" s="99">
        <v>72</v>
      </c>
      <c r="AI31" s="101">
        <v>73</v>
      </c>
    </row>
    <row r="32" spans="2:35" ht="21" customHeight="1" x14ac:dyDescent="0.2">
      <c r="B32" s="18" t="s">
        <v>31</v>
      </c>
      <c r="C32" s="97">
        <v>0</v>
      </c>
      <c r="D32" s="98">
        <v>2</v>
      </c>
      <c r="E32" s="99">
        <v>2</v>
      </c>
      <c r="F32" s="100">
        <v>0</v>
      </c>
      <c r="G32" s="98">
        <v>53</v>
      </c>
      <c r="H32" s="98">
        <v>29</v>
      </c>
      <c r="I32" s="98">
        <v>25</v>
      </c>
      <c r="J32" s="98">
        <v>20</v>
      </c>
      <c r="K32" s="98">
        <v>8</v>
      </c>
      <c r="L32" s="99">
        <v>135</v>
      </c>
      <c r="M32" s="101">
        <v>137</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3</v>
      </c>
      <c r="AD32" s="98">
        <v>29</v>
      </c>
      <c r="AE32" s="98">
        <v>25</v>
      </c>
      <c r="AF32" s="98">
        <v>20</v>
      </c>
      <c r="AG32" s="98">
        <v>8</v>
      </c>
      <c r="AH32" s="99">
        <v>135</v>
      </c>
      <c r="AI32" s="101">
        <v>137</v>
      </c>
    </row>
    <row r="33" spans="2:35" ht="21" customHeight="1" x14ac:dyDescent="0.2">
      <c r="B33" s="18" t="s">
        <v>32</v>
      </c>
      <c r="C33" s="97">
        <v>1</v>
      </c>
      <c r="D33" s="98">
        <v>4</v>
      </c>
      <c r="E33" s="99">
        <v>5</v>
      </c>
      <c r="F33" s="100">
        <v>0</v>
      </c>
      <c r="G33" s="98">
        <v>51</v>
      </c>
      <c r="H33" s="98">
        <v>39</v>
      </c>
      <c r="I33" s="98">
        <v>40</v>
      </c>
      <c r="J33" s="98">
        <v>24</v>
      </c>
      <c r="K33" s="98">
        <v>10</v>
      </c>
      <c r="L33" s="99">
        <v>164</v>
      </c>
      <c r="M33" s="101">
        <v>169</v>
      </c>
      <c r="N33" s="102">
        <v>0</v>
      </c>
      <c r="O33" s="98">
        <v>0</v>
      </c>
      <c r="P33" s="99">
        <v>0</v>
      </c>
      <c r="Q33" s="100">
        <v>0</v>
      </c>
      <c r="R33" s="98">
        <v>0</v>
      </c>
      <c r="S33" s="98">
        <v>1</v>
      </c>
      <c r="T33" s="98">
        <v>0</v>
      </c>
      <c r="U33" s="98">
        <v>0</v>
      </c>
      <c r="V33" s="98">
        <v>1</v>
      </c>
      <c r="W33" s="99">
        <v>2</v>
      </c>
      <c r="X33" s="101">
        <v>2</v>
      </c>
      <c r="Y33" s="102">
        <v>1</v>
      </c>
      <c r="Z33" s="98">
        <v>4</v>
      </c>
      <c r="AA33" s="99">
        <v>5</v>
      </c>
      <c r="AB33" s="100">
        <v>0</v>
      </c>
      <c r="AC33" s="98">
        <v>51</v>
      </c>
      <c r="AD33" s="98">
        <v>40</v>
      </c>
      <c r="AE33" s="98">
        <v>40</v>
      </c>
      <c r="AF33" s="98">
        <v>24</v>
      </c>
      <c r="AG33" s="98">
        <v>11</v>
      </c>
      <c r="AH33" s="99">
        <v>166</v>
      </c>
      <c r="AI33" s="101">
        <v>171</v>
      </c>
    </row>
    <row r="34" spans="2:35" ht="21" customHeight="1" x14ac:dyDescent="0.2">
      <c r="B34" s="18" t="s">
        <v>33</v>
      </c>
      <c r="C34" s="97">
        <v>0</v>
      </c>
      <c r="D34" s="98">
        <v>1</v>
      </c>
      <c r="E34" s="99">
        <v>1</v>
      </c>
      <c r="F34" s="100">
        <v>0</v>
      </c>
      <c r="G34" s="98">
        <v>33</v>
      </c>
      <c r="H34" s="98">
        <v>22</v>
      </c>
      <c r="I34" s="98">
        <v>22</v>
      </c>
      <c r="J34" s="98">
        <v>3</v>
      </c>
      <c r="K34" s="98">
        <v>8</v>
      </c>
      <c r="L34" s="99">
        <v>88</v>
      </c>
      <c r="M34" s="101">
        <v>89</v>
      </c>
      <c r="N34" s="102">
        <v>0</v>
      </c>
      <c r="O34" s="98">
        <v>0</v>
      </c>
      <c r="P34" s="99">
        <v>0</v>
      </c>
      <c r="Q34" s="100">
        <v>0</v>
      </c>
      <c r="R34" s="98">
        <v>0</v>
      </c>
      <c r="S34" s="98">
        <v>0</v>
      </c>
      <c r="T34" s="98">
        <v>0</v>
      </c>
      <c r="U34" s="98">
        <v>0</v>
      </c>
      <c r="V34" s="98">
        <v>0</v>
      </c>
      <c r="W34" s="99">
        <v>0</v>
      </c>
      <c r="X34" s="101">
        <v>0</v>
      </c>
      <c r="Y34" s="102">
        <v>0</v>
      </c>
      <c r="Z34" s="98">
        <v>1</v>
      </c>
      <c r="AA34" s="99">
        <v>1</v>
      </c>
      <c r="AB34" s="100">
        <v>0</v>
      </c>
      <c r="AC34" s="98">
        <v>33</v>
      </c>
      <c r="AD34" s="98">
        <v>22</v>
      </c>
      <c r="AE34" s="98">
        <v>22</v>
      </c>
      <c r="AF34" s="98">
        <v>3</v>
      </c>
      <c r="AG34" s="98">
        <v>8</v>
      </c>
      <c r="AH34" s="99">
        <v>88</v>
      </c>
      <c r="AI34" s="101">
        <v>89</v>
      </c>
    </row>
    <row r="35" spans="2:35" ht="21" customHeight="1" x14ac:dyDescent="0.2">
      <c r="B35" s="18" t="s">
        <v>34</v>
      </c>
      <c r="C35" s="97">
        <v>2</v>
      </c>
      <c r="D35" s="98">
        <v>3</v>
      </c>
      <c r="E35" s="99">
        <v>5</v>
      </c>
      <c r="F35" s="100">
        <v>0</v>
      </c>
      <c r="G35" s="98">
        <v>30</v>
      </c>
      <c r="H35" s="98">
        <v>24</v>
      </c>
      <c r="I35" s="98">
        <v>13</v>
      </c>
      <c r="J35" s="98">
        <v>9</v>
      </c>
      <c r="K35" s="98">
        <v>9</v>
      </c>
      <c r="L35" s="99">
        <v>85</v>
      </c>
      <c r="M35" s="101">
        <v>90</v>
      </c>
      <c r="N35" s="102">
        <v>0</v>
      </c>
      <c r="O35" s="98">
        <v>0</v>
      </c>
      <c r="P35" s="99">
        <v>0</v>
      </c>
      <c r="Q35" s="100">
        <v>0</v>
      </c>
      <c r="R35" s="98">
        <v>0</v>
      </c>
      <c r="S35" s="98">
        <v>0</v>
      </c>
      <c r="T35" s="98">
        <v>0</v>
      </c>
      <c r="U35" s="98">
        <v>1</v>
      </c>
      <c r="V35" s="98">
        <v>0</v>
      </c>
      <c r="W35" s="99">
        <v>1</v>
      </c>
      <c r="X35" s="101">
        <v>1</v>
      </c>
      <c r="Y35" s="102">
        <v>2</v>
      </c>
      <c r="Z35" s="98">
        <v>3</v>
      </c>
      <c r="AA35" s="99">
        <v>5</v>
      </c>
      <c r="AB35" s="100">
        <v>0</v>
      </c>
      <c r="AC35" s="98">
        <v>30</v>
      </c>
      <c r="AD35" s="98">
        <v>24</v>
      </c>
      <c r="AE35" s="98">
        <v>13</v>
      </c>
      <c r="AF35" s="98">
        <v>10</v>
      </c>
      <c r="AG35" s="98">
        <v>9</v>
      </c>
      <c r="AH35" s="99">
        <v>86</v>
      </c>
      <c r="AI35" s="101">
        <v>91</v>
      </c>
    </row>
    <row r="36" spans="2:35" ht="21" customHeight="1" x14ac:dyDescent="0.2">
      <c r="B36" s="18" t="s">
        <v>35</v>
      </c>
      <c r="C36" s="97">
        <v>3</v>
      </c>
      <c r="D36" s="98">
        <v>2</v>
      </c>
      <c r="E36" s="99">
        <v>5</v>
      </c>
      <c r="F36" s="100">
        <v>0</v>
      </c>
      <c r="G36" s="98">
        <v>45</v>
      </c>
      <c r="H36" s="98">
        <v>37</v>
      </c>
      <c r="I36" s="98">
        <v>24</v>
      </c>
      <c r="J36" s="98">
        <v>30</v>
      </c>
      <c r="K36" s="98">
        <v>13</v>
      </c>
      <c r="L36" s="99">
        <v>149</v>
      </c>
      <c r="M36" s="101">
        <v>154</v>
      </c>
      <c r="N36" s="102">
        <v>0</v>
      </c>
      <c r="O36" s="98">
        <v>0</v>
      </c>
      <c r="P36" s="99">
        <v>0</v>
      </c>
      <c r="Q36" s="100">
        <v>0</v>
      </c>
      <c r="R36" s="98">
        <v>0</v>
      </c>
      <c r="S36" s="98">
        <v>1</v>
      </c>
      <c r="T36" s="98">
        <v>0</v>
      </c>
      <c r="U36" s="98">
        <v>0</v>
      </c>
      <c r="V36" s="98">
        <v>0</v>
      </c>
      <c r="W36" s="99">
        <v>1</v>
      </c>
      <c r="X36" s="101">
        <v>1</v>
      </c>
      <c r="Y36" s="102">
        <v>3</v>
      </c>
      <c r="Z36" s="98">
        <v>2</v>
      </c>
      <c r="AA36" s="99">
        <v>5</v>
      </c>
      <c r="AB36" s="100">
        <v>0</v>
      </c>
      <c r="AC36" s="98">
        <v>45</v>
      </c>
      <c r="AD36" s="98">
        <v>38</v>
      </c>
      <c r="AE36" s="98">
        <v>24</v>
      </c>
      <c r="AF36" s="98">
        <v>30</v>
      </c>
      <c r="AG36" s="98">
        <v>13</v>
      </c>
      <c r="AH36" s="99">
        <v>150</v>
      </c>
      <c r="AI36" s="101">
        <v>155</v>
      </c>
    </row>
    <row r="37" spans="2:35" ht="21" customHeight="1" x14ac:dyDescent="0.2">
      <c r="B37" s="18" t="s">
        <v>36</v>
      </c>
      <c r="C37" s="97">
        <v>3</v>
      </c>
      <c r="D37" s="98">
        <v>2</v>
      </c>
      <c r="E37" s="99">
        <v>5</v>
      </c>
      <c r="F37" s="100">
        <v>0</v>
      </c>
      <c r="G37" s="98">
        <v>85</v>
      </c>
      <c r="H37" s="98">
        <v>68</v>
      </c>
      <c r="I37" s="98">
        <v>45</v>
      </c>
      <c r="J37" s="98">
        <v>34</v>
      </c>
      <c r="K37" s="98">
        <v>17</v>
      </c>
      <c r="L37" s="99">
        <v>249</v>
      </c>
      <c r="M37" s="101">
        <v>254</v>
      </c>
      <c r="N37" s="102">
        <v>0</v>
      </c>
      <c r="O37" s="98">
        <v>0</v>
      </c>
      <c r="P37" s="99">
        <v>0</v>
      </c>
      <c r="Q37" s="100">
        <v>0</v>
      </c>
      <c r="R37" s="98">
        <v>1</v>
      </c>
      <c r="S37" s="98">
        <v>1</v>
      </c>
      <c r="T37" s="98">
        <v>1</v>
      </c>
      <c r="U37" s="98">
        <v>0</v>
      </c>
      <c r="V37" s="98">
        <v>1</v>
      </c>
      <c r="W37" s="99">
        <v>4</v>
      </c>
      <c r="X37" s="101">
        <v>4</v>
      </c>
      <c r="Y37" s="102">
        <v>3</v>
      </c>
      <c r="Z37" s="98">
        <v>2</v>
      </c>
      <c r="AA37" s="99">
        <v>5</v>
      </c>
      <c r="AB37" s="100">
        <v>0</v>
      </c>
      <c r="AC37" s="98">
        <v>86</v>
      </c>
      <c r="AD37" s="98">
        <v>69</v>
      </c>
      <c r="AE37" s="98">
        <v>46</v>
      </c>
      <c r="AF37" s="98">
        <v>34</v>
      </c>
      <c r="AG37" s="98">
        <v>18</v>
      </c>
      <c r="AH37" s="99">
        <v>253</v>
      </c>
      <c r="AI37" s="101">
        <v>258</v>
      </c>
    </row>
    <row r="38" spans="2:35" ht="21" customHeight="1" thickBot="1" x14ac:dyDescent="0.25">
      <c r="B38" s="19" t="s">
        <v>37</v>
      </c>
      <c r="C38" s="103">
        <v>0</v>
      </c>
      <c r="D38" s="104">
        <v>0</v>
      </c>
      <c r="E38" s="105">
        <v>0</v>
      </c>
      <c r="F38" s="106">
        <v>0</v>
      </c>
      <c r="G38" s="104">
        <v>13</v>
      </c>
      <c r="H38" s="104">
        <v>8</v>
      </c>
      <c r="I38" s="104">
        <v>11</v>
      </c>
      <c r="J38" s="104">
        <v>4</v>
      </c>
      <c r="K38" s="104">
        <v>3</v>
      </c>
      <c r="L38" s="105">
        <v>39</v>
      </c>
      <c r="M38" s="107">
        <v>39</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3</v>
      </c>
      <c r="AD38" s="104">
        <v>8</v>
      </c>
      <c r="AE38" s="104">
        <v>11</v>
      </c>
      <c r="AF38" s="104">
        <v>4</v>
      </c>
      <c r="AG38" s="104">
        <v>3</v>
      </c>
      <c r="AH38" s="105">
        <v>39</v>
      </c>
      <c r="AI38" s="107">
        <v>39</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5">
        <f>第１表!F2</f>
        <v>5</v>
      </c>
      <c r="J1" s="525"/>
      <c r="K1" s="248">
        <f>第１表!G2</f>
        <v>7</v>
      </c>
      <c r="L1" s="529">
        <f>IF(K1&lt;3,K1+12-2,K1-2)</f>
        <v>5</v>
      </c>
      <c r="M1" s="529"/>
    </row>
    <row r="2" spans="1:101" s="291" customFormat="1" ht="24" customHeight="1" thickBot="1" x14ac:dyDescent="0.25">
      <c r="A2" s="44"/>
      <c r="B2" s="290" t="s">
        <v>132</v>
      </c>
    </row>
    <row r="3" spans="1:101" ht="21" customHeight="1" thickBot="1" x14ac:dyDescent="0.25">
      <c r="B3" s="542"/>
      <c r="C3" s="533" t="s">
        <v>114</v>
      </c>
      <c r="D3" s="534"/>
      <c r="E3" s="534"/>
      <c r="F3" s="534"/>
      <c r="G3" s="534"/>
      <c r="H3" s="534"/>
      <c r="I3" s="534"/>
      <c r="J3" s="534"/>
      <c r="K3" s="534"/>
      <c r="L3" s="534"/>
      <c r="M3" s="535"/>
      <c r="N3" s="533" t="s">
        <v>115</v>
      </c>
      <c r="O3" s="534"/>
      <c r="P3" s="534"/>
      <c r="Q3" s="534"/>
      <c r="R3" s="534"/>
      <c r="S3" s="534"/>
      <c r="T3" s="534"/>
      <c r="U3" s="534"/>
      <c r="V3" s="534"/>
      <c r="W3" s="534"/>
      <c r="X3" s="535"/>
      <c r="Y3" s="533" t="s">
        <v>141</v>
      </c>
      <c r="Z3" s="534"/>
      <c r="AA3" s="534"/>
      <c r="AB3" s="534"/>
      <c r="AC3" s="534"/>
      <c r="AD3" s="534"/>
      <c r="AE3" s="534"/>
      <c r="AF3" s="534"/>
      <c r="AG3" s="534"/>
      <c r="AH3" s="534"/>
      <c r="AI3" s="535"/>
      <c r="AJ3" s="533" t="s">
        <v>90</v>
      </c>
      <c r="AK3" s="534"/>
      <c r="AL3" s="534"/>
      <c r="AM3" s="534"/>
      <c r="AN3" s="534"/>
      <c r="AO3" s="534"/>
      <c r="AP3" s="534"/>
      <c r="AQ3" s="534"/>
      <c r="AR3" s="534"/>
      <c r="AS3" s="534"/>
      <c r="AT3" s="535"/>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0</v>
      </c>
      <c r="CN3" s="547"/>
      <c r="CO3" s="547"/>
      <c r="CP3" s="547"/>
      <c r="CQ3" s="547"/>
      <c r="CR3" s="547"/>
      <c r="CS3" s="547"/>
      <c r="CT3" s="547"/>
      <c r="CU3" s="547"/>
      <c r="CV3" s="547"/>
      <c r="CW3" s="548"/>
    </row>
    <row r="4" spans="1:101" ht="21"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64" t="s">
        <v>61</v>
      </c>
      <c r="AV4" s="562"/>
      <c r="AW4" s="563"/>
      <c r="AX4" s="561" t="s">
        <v>62</v>
      </c>
      <c r="AY4" s="562"/>
      <c r="AZ4" s="562"/>
      <c r="BA4" s="562"/>
      <c r="BB4" s="562"/>
      <c r="BC4" s="562"/>
      <c r="BD4" s="563"/>
      <c r="BE4" s="559" t="s">
        <v>52</v>
      </c>
      <c r="BF4" s="564" t="s">
        <v>61</v>
      </c>
      <c r="BG4" s="562"/>
      <c r="BH4" s="563"/>
      <c r="BI4" s="561" t="s">
        <v>62</v>
      </c>
      <c r="BJ4" s="562"/>
      <c r="BK4" s="562"/>
      <c r="BL4" s="562"/>
      <c r="BM4" s="562"/>
      <c r="BN4" s="562"/>
      <c r="BO4" s="563"/>
      <c r="BP4" s="559" t="s">
        <v>52</v>
      </c>
      <c r="BQ4" s="564" t="s">
        <v>61</v>
      </c>
      <c r="BR4" s="562"/>
      <c r="BS4" s="563"/>
      <c r="BT4" s="561" t="s">
        <v>62</v>
      </c>
      <c r="BU4" s="562"/>
      <c r="BV4" s="562"/>
      <c r="BW4" s="562"/>
      <c r="BX4" s="562"/>
      <c r="BY4" s="562"/>
      <c r="BZ4" s="563"/>
      <c r="CA4" s="559" t="s">
        <v>52</v>
      </c>
      <c r="CB4" s="564" t="s">
        <v>61</v>
      </c>
      <c r="CC4" s="562"/>
      <c r="CD4" s="563"/>
      <c r="CE4" s="561" t="s">
        <v>62</v>
      </c>
      <c r="CF4" s="562"/>
      <c r="CG4" s="562"/>
      <c r="CH4" s="562"/>
      <c r="CI4" s="562"/>
      <c r="CJ4" s="562"/>
      <c r="CK4" s="563"/>
      <c r="CL4" s="559" t="s">
        <v>52</v>
      </c>
      <c r="CM4" s="564" t="s">
        <v>61</v>
      </c>
      <c r="CN4" s="562"/>
      <c r="CO4" s="563"/>
      <c r="CP4" s="561" t="s">
        <v>62</v>
      </c>
      <c r="CQ4" s="562"/>
      <c r="CR4" s="562"/>
      <c r="CS4" s="562"/>
      <c r="CT4" s="562"/>
      <c r="CU4" s="562"/>
      <c r="CV4" s="563"/>
      <c r="CW4" s="559" t="s">
        <v>52</v>
      </c>
    </row>
    <row r="5" spans="1:101" ht="30" customHeight="1" thickBot="1" x14ac:dyDescent="0.25">
      <c r="B5" s="544"/>
      <c r="C5" s="263" t="s">
        <v>43</v>
      </c>
      <c r="D5" s="265" t="s">
        <v>44</v>
      </c>
      <c r="E5" s="266" t="s">
        <v>45</v>
      </c>
      <c r="F5" s="267" t="s">
        <v>83</v>
      </c>
      <c r="G5" s="259" t="s">
        <v>47</v>
      </c>
      <c r="H5" s="259" t="s">
        <v>48</v>
      </c>
      <c r="I5" s="259" t="s">
        <v>49</v>
      </c>
      <c r="J5" s="259" t="s">
        <v>50</v>
      </c>
      <c r="K5" s="259" t="s">
        <v>51</v>
      </c>
      <c r="L5" s="268" t="s">
        <v>45</v>
      </c>
      <c r="M5" s="540"/>
      <c r="N5" s="263" t="s">
        <v>43</v>
      </c>
      <c r="O5" s="259" t="s">
        <v>44</v>
      </c>
      <c r="P5" s="265" t="s">
        <v>45</v>
      </c>
      <c r="Q5" s="267" t="s">
        <v>83</v>
      </c>
      <c r="R5" s="259" t="s">
        <v>47</v>
      </c>
      <c r="S5" s="259" t="s">
        <v>48</v>
      </c>
      <c r="T5" s="259" t="s">
        <v>49</v>
      </c>
      <c r="U5" s="259" t="s">
        <v>50</v>
      </c>
      <c r="V5" s="259" t="s">
        <v>51</v>
      </c>
      <c r="W5" s="265" t="s">
        <v>45</v>
      </c>
      <c r="X5" s="540"/>
      <c r="Y5" s="263" t="s">
        <v>43</v>
      </c>
      <c r="Z5" s="259" t="s">
        <v>44</v>
      </c>
      <c r="AA5" s="265" t="s">
        <v>45</v>
      </c>
      <c r="AB5" s="267" t="s">
        <v>83</v>
      </c>
      <c r="AC5" s="259" t="s">
        <v>47</v>
      </c>
      <c r="AD5" s="259" t="s">
        <v>48</v>
      </c>
      <c r="AE5" s="259" t="s">
        <v>49</v>
      </c>
      <c r="AF5" s="259" t="s">
        <v>50</v>
      </c>
      <c r="AG5" s="259" t="s">
        <v>51</v>
      </c>
      <c r="AH5" s="265" t="s">
        <v>45</v>
      </c>
      <c r="AI5" s="540"/>
      <c r="AJ5" s="338" t="s">
        <v>43</v>
      </c>
      <c r="AK5" s="259" t="s">
        <v>44</v>
      </c>
      <c r="AL5" s="265" t="s">
        <v>45</v>
      </c>
      <c r="AM5" s="267" t="s">
        <v>83</v>
      </c>
      <c r="AN5" s="259" t="s">
        <v>47</v>
      </c>
      <c r="AO5" s="259" t="s">
        <v>48</v>
      </c>
      <c r="AP5" s="259" t="s">
        <v>49</v>
      </c>
      <c r="AQ5" s="259" t="s">
        <v>50</v>
      </c>
      <c r="AR5" s="259" t="s">
        <v>51</v>
      </c>
      <c r="AS5" s="265" t="s">
        <v>45</v>
      </c>
      <c r="AT5" s="540"/>
      <c r="AU5" s="338" t="s">
        <v>43</v>
      </c>
      <c r="AV5" s="259" t="s">
        <v>44</v>
      </c>
      <c r="AW5" s="265" t="s">
        <v>45</v>
      </c>
      <c r="AX5" s="267" t="s">
        <v>83</v>
      </c>
      <c r="AY5" s="259" t="s">
        <v>47</v>
      </c>
      <c r="AZ5" s="259" t="s">
        <v>48</v>
      </c>
      <c r="BA5" s="259" t="s">
        <v>49</v>
      </c>
      <c r="BB5" s="259" t="s">
        <v>50</v>
      </c>
      <c r="BC5" s="259" t="s">
        <v>51</v>
      </c>
      <c r="BD5" s="265" t="s">
        <v>45</v>
      </c>
      <c r="BE5" s="560"/>
      <c r="BF5" s="338" t="s">
        <v>43</v>
      </c>
      <c r="BG5" s="259" t="s">
        <v>44</v>
      </c>
      <c r="BH5" s="265" t="s">
        <v>45</v>
      </c>
      <c r="BI5" s="267" t="s">
        <v>83</v>
      </c>
      <c r="BJ5" s="259" t="s">
        <v>47</v>
      </c>
      <c r="BK5" s="259" t="s">
        <v>48</v>
      </c>
      <c r="BL5" s="259" t="s">
        <v>49</v>
      </c>
      <c r="BM5" s="259" t="s">
        <v>50</v>
      </c>
      <c r="BN5" s="259" t="s">
        <v>51</v>
      </c>
      <c r="BO5" s="265" t="s">
        <v>45</v>
      </c>
      <c r="BP5" s="560"/>
      <c r="BQ5" s="338" t="s">
        <v>43</v>
      </c>
      <c r="BR5" s="259" t="s">
        <v>44</v>
      </c>
      <c r="BS5" s="265" t="s">
        <v>45</v>
      </c>
      <c r="BT5" s="267" t="s">
        <v>83</v>
      </c>
      <c r="BU5" s="259" t="s">
        <v>47</v>
      </c>
      <c r="BV5" s="259" t="s">
        <v>48</v>
      </c>
      <c r="BW5" s="259" t="s">
        <v>49</v>
      </c>
      <c r="BX5" s="259" t="s">
        <v>50</v>
      </c>
      <c r="BY5" s="259" t="s">
        <v>51</v>
      </c>
      <c r="BZ5" s="265" t="s">
        <v>45</v>
      </c>
      <c r="CA5" s="560"/>
      <c r="CB5" s="338" t="s">
        <v>43</v>
      </c>
      <c r="CC5" s="259" t="s">
        <v>44</v>
      </c>
      <c r="CD5" s="265" t="s">
        <v>45</v>
      </c>
      <c r="CE5" s="267" t="s">
        <v>83</v>
      </c>
      <c r="CF5" s="259" t="s">
        <v>47</v>
      </c>
      <c r="CG5" s="259" t="s">
        <v>48</v>
      </c>
      <c r="CH5" s="259" t="s">
        <v>49</v>
      </c>
      <c r="CI5" s="259" t="s">
        <v>50</v>
      </c>
      <c r="CJ5" s="259" t="s">
        <v>51</v>
      </c>
      <c r="CK5" s="265" t="s">
        <v>45</v>
      </c>
      <c r="CL5" s="560"/>
      <c r="CM5" s="338" t="s">
        <v>43</v>
      </c>
      <c r="CN5" s="259" t="s">
        <v>44</v>
      </c>
      <c r="CO5" s="265" t="s">
        <v>45</v>
      </c>
      <c r="CP5" s="267" t="s">
        <v>83</v>
      </c>
      <c r="CQ5" s="259" t="s">
        <v>47</v>
      </c>
      <c r="CR5" s="259" t="s">
        <v>48</v>
      </c>
      <c r="CS5" s="259" t="s">
        <v>49</v>
      </c>
      <c r="CT5" s="259" t="s">
        <v>50</v>
      </c>
      <c r="CU5" s="259" t="s">
        <v>51</v>
      </c>
      <c r="CV5" s="265" t="s">
        <v>45</v>
      </c>
      <c r="CW5" s="560"/>
    </row>
    <row r="6" spans="1:101" ht="21" customHeight="1" x14ac:dyDescent="0.2">
      <c r="B6" s="260" t="s">
        <v>4</v>
      </c>
      <c r="C6" s="269">
        <v>0</v>
      </c>
      <c r="D6" s="270">
        <v>0</v>
      </c>
      <c r="E6" s="271">
        <v>0</v>
      </c>
      <c r="F6" s="272">
        <v>0</v>
      </c>
      <c r="G6" s="273">
        <v>324</v>
      </c>
      <c r="H6" s="273">
        <v>381</v>
      </c>
      <c r="I6" s="273">
        <v>354</v>
      </c>
      <c r="J6" s="273">
        <v>397</v>
      </c>
      <c r="K6" s="273">
        <v>392</v>
      </c>
      <c r="L6" s="274">
        <v>1848</v>
      </c>
      <c r="M6" s="275">
        <v>1848</v>
      </c>
      <c r="N6" s="269">
        <v>0</v>
      </c>
      <c r="O6" s="273">
        <v>0</v>
      </c>
      <c r="P6" s="270">
        <v>0</v>
      </c>
      <c r="Q6" s="272">
        <v>0</v>
      </c>
      <c r="R6" s="273">
        <v>181</v>
      </c>
      <c r="S6" s="273">
        <v>530</v>
      </c>
      <c r="T6" s="273">
        <v>459</v>
      </c>
      <c r="U6" s="273">
        <v>454</v>
      </c>
      <c r="V6" s="273">
        <v>421</v>
      </c>
      <c r="W6" s="270">
        <v>2045</v>
      </c>
      <c r="X6" s="275">
        <v>2045</v>
      </c>
      <c r="Y6" s="269">
        <v>0</v>
      </c>
      <c r="Z6" s="273">
        <v>0</v>
      </c>
      <c r="AA6" s="270">
        <v>0</v>
      </c>
      <c r="AB6" s="272">
        <v>0</v>
      </c>
      <c r="AC6" s="273">
        <v>13675</v>
      </c>
      <c r="AD6" s="273">
        <v>12561</v>
      </c>
      <c r="AE6" s="273">
        <v>6093</v>
      </c>
      <c r="AF6" s="273">
        <v>3070</v>
      </c>
      <c r="AG6" s="273">
        <v>1329</v>
      </c>
      <c r="AH6" s="270">
        <v>36728</v>
      </c>
      <c r="AI6" s="275">
        <v>36728</v>
      </c>
      <c r="AJ6" s="269">
        <v>7</v>
      </c>
      <c r="AK6" s="273">
        <v>5</v>
      </c>
      <c r="AL6" s="270">
        <v>12</v>
      </c>
      <c r="AM6" s="272">
        <v>0</v>
      </c>
      <c r="AN6" s="273">
        <v>797</v>
      </c>
      <c r="AO6" s="273">
        <v>970</v>
      </c>
      <c r="AP6" s="273">
        <v>1096</v>
      </c>
      <c r="AQ6" s="273">
        <v>613</v>
      </c>
      <c r="AR6" s="273">
        <v>456</v>
      </c>
      <c r="AS6" s="270">
        <v>3932</v>
      </c>
      <c r="AT6" s="275">
        <v>3944</v>
      </c>
      <c r="AU6" s="269">
        <v>180</v>
      </c>
      <c r="AV6" s="273">
        <v>272</v>
      </c>
      <c r="AW6" s="270">
        <v>452</v>
      </c>
      <c r="AX6" s="272">
        <v>0</v>
      </c>
      <c r="AY6" s="273">
        <v>1403</v>
      </c>
      <c r="AZ6" s="273">
        <v>1541</v>
      </c>
      <c r="BA6" s="273">
        <v>1361</v>
      </c>
      <c r="BB6" s="273">
        <v>959</v>
      </c>
      <c r="BC6" s="273">
        <v>510</v>
      </c>
      <c r="BD6" s="270">
        <v>5774</v>
      </c>
      <c r="BE6" s="275">
        <v>6226</v>
      </c>
      <c r="BF6" s="269">
        <v>0</v>
      </c>
      <c r="BG6" s="273">
        <v>38</v>
      </c>
      <c r="BH6" s="270">
        <v>38</v>
      </c>
      <c r="BI6" s="272">
        <v>0</v>
      </c>
      <c r="BJ6" s="273">
        <v>2498</v>
      </c>
      <c r="BK6" s="273">
        <v>3145</v>
      </c>
      <c r="BL6" s="273">
        <v>3563</v>
      </c>
      <c r="BM6" s="273">
        <v>2336</v>
      </c>
      <c r="BN6" s="273">
        <v>1660</v>
      </c>
      <c r="BO6" s="274">
        <v>13202</v>
      </c>
      <c r="BP6" s="275">
        <v>13240</v>
      </c>
      <c r="BQ6" s="269">
        <v>0</v>
      </c>
      <c r="BR6" s="273">
        <v>0</v>
      </c>
      <c r="BS6" s="270">
        <v>0</v>
      </c>
      <c r="BT6" s="272">
        <v>0</v>
      </c>
      <c r="BU6" s="273">
        <v>42</v>
      </c>
      <c r="BV6" s="273">
        <v>41</v>
      </c>
      <c r="BW6" s="273">
        <v>70</v>
      </c>
      <c r="BX6" s="273">
        <v>65</v>
      </c>
      <c r="BY6" s="273">
        <v>51</v>
      </c>
      <c r="BZ6" s="270">
        <v>269</v>
      </c>
      <c r="CA6" s="275">
        <v>269</v>
      </c>
      <c r="CB6" s="269">
        <v>0</v>
      </c>
      <c r="CC6" s="273">
        <v>0</v>
      </c>
      <c r="CD6" s="270">
        <v>0</v>
      </c>
      <c r="CE6" s="272">
        <v>0</v>
      </c>
      <c r="CF6" s="273">
        <v>10</v>
      </c>
      <c r="CG6" s="273">
        <v>27</v>
      </c>
      <c r="CH6" s="273">
        <v>214</v>
      </c>
      <c r="CI6" s="273">
        <v>326</v>
      </c>
      <c r="CJ6" s="273">
        <v>234</v>
      </c>
      <c r="CK6" s="270">
        <v>811</v>
      </c>
      <c r="CL6" s="275">
        <v>811</v>
      </c>
      <c r="CM6" s="269">
        <v>0</v>
      </c>
      <c r="CN6" s="273">
        <v>0</v>
      </c>
      <c r="CO6" s="270">
        <v>0</v>
      </c>
      <c r="CP6" s="272">
        <v>0</v>
      </c>
      <c r="CQ6" s="273">
        <v>180</v>
      </c>
      <c r="CR6" s="273">
        <v>302</v>
      </c>
      <c r="CS6" s="273">
        <v>280</v>
      </c>
      <c r="CT6" s="273">
        <v>351</v>
      </c>
      <c r="CU6" s="273">
        <v>449</v>
      </c>
      <c r="CV6" s="270">
        <v>1562</v>
      </c>
      <c r="CW6" s="275">
        <v>1562</v>
      </c>
    </row>
    <row r="7" spans="1:101" ht="21" customHeight="1" x14ac:dyDescent="0.2">
      <c r="B7" s="261" t="s">
        <v>5</v>
      </c>
      <c r="C7" s="276">
        <v>0</v>
      </c>
      <c r="D7" s="277">
        <v>0</v>
      </c>
      <c r="E7" s="278">
        <v>0</v>
      </c>
      <c r="F7" s="279">
        <v>0</v>
      </c>
      <c r="G7" s="280">
        <v>114</v>
      </c>
      <c r="H7" s="280">
        <v>168</v>
      </c>
      <c r="I7" s="280">
        <v>168</v>
      </c>
      <c r="J7" s="280">
        <v>191</v>
      </c>
      <c r="K7" s="280">
        <v>190</v>
      </c>
      <c r="L7" s="281">
        <v>831</v>
      </c>
      <c r="M7" s="282">
        <v>831</v>
      </c>
      <c r="N7" s="276">
        <v>0</v>
      </c>
      <c r="O7" s="280">
        <v>0</v>
      </c>
      <c r="P7" s="277">
        <v>0</v>
      </c>
      <c r="Q7" s="279">
        <v>0</v>
      </c>
      <c r="R7" s="280">
        <v>90</v>
      </c>
      <c r="S7" s="280">
        <v>392</v>
      </c>
      <c r="T7" s="280">
        <v>345</v>
      </c>
      <c r="U7" s="280">
        <v>333</v>
      </c>
      <c r="V7" s="280">
        <v>309</v>
      </c>
      <c r="W7" s="277">
        <v>1469</v>
      </c>
      <c r="X7" s="282">
        <v>1469</v>
      </c>
      <c r="Y7" s="276">
        <v>0</v>
      </c>
      <c r="Z7" s="280">
        <v>0</v>
      </c>
      <c r="AA7" s="277">
        <v>0</v>
      </c>
      <c r="AB7" s="279">
        <v>0</v>
      </c>
      <c r="AC7" s="280">
        <v>4811</v>
      </c>
      <c r="AD7" s="280">
        <v>6005</v>
      </c>
      <c r="AE7" s="280">
        <v>2763</v>
      </c>
      <c r="AF7" s="280">
        <v>1414</v>
      </c>
      <c r="AG7" s="280">
        <v>582</v>
      </c>
      <c r="AH7" s="277">
        <v>15575</v>
      </c>
      <c r="AI7" s="282">
        <v>15575</v>
      </c>
      <c r="AJ7" s="276">
        <v>3</v>
      </c>
      <c r="AK7" s="280">
        <v>2</v>
      </c>
      <c r="AL7" s="277">
        <v>5</v>
      </c>
      <c r="AM7" s="279">
        <v>0</v>
      </c>
      <c r="AN7" s="280">
        <v>398</v>
      </c>
      <c r="AO7" s="280">
        <v>506</v>
      </c>
      <c r="AP7" s="280">
        <v>559</v>
      </c>
      <c r="AQ7" s="280">
        <v>333</v>
      </c>
      <c r="AR7" s="280">
        <v>242</v>
      </c>
      <c r="AS7" s="277">
        <v>2038</v>
      </c>
      <c r="AT7" s="282">
        <v>2043</v>
      </c>
      <c r="AU7" s="276">
        <v>76</v>
      </c>
      <c r="AV7" s="280">
        <v>113</v>
      </c>
      <c r="AW7" s="277">
        <v>189</v>
      </c>
      <c r="AX7" s="279">
        <v>0</v>
      </c>
      <c r="AY7" s="280">
        <v>508</v>
      </c>
      <c r="AZ7" s="280">
        <v>692</v>
      </c>
      <c r="BA7" s="280">
        <v>566</v>
      </c>
      <c r="BB7" s="280">
        <v>426</v>
      </c>
      <c r="BC7" s="280">
        <v>265</v>
      </c>
      <c r="BD7" s="277">
        <v>2457</v>
      </c>
      <c r="BE7" s="282">
        <v>2646</v>
      </c>
      <c r="BF7" s="276">
        <v>0</v>
      </c>
      <c r="BG7" s="280">
        <v>12</v>
      </c>
      <c r="BH7" s="277">
        <v>12</v>
      </c>
      <c r="BI7" s="279">
        <v>0</v>
      </c>
      <c r="BJ7" s="280">
        <v>1094</v>
      </c>
      <c r="BK7" s="280">
        <v>1383</v>
      </c>
      <c r="BL7" s="280">
        <v>1532</v>
      </c>
      <c r="BM7" s="280">
        <v>1019</v>
      </c>
      <c r="BN7" s="280">
        <v>758</v>
      </c>
      <c r="BO7" s="281">
        <v>5786</v>
      </c>
      <c r="BP7" s="282">
        <v>5798</v>
      </c>
      <c r="BQ7" s="276">
        <v>0</v>
      </c>
      <c r="BR7" s="280">
        <v>0</v>
      </c>
      <c r="BS7" s="277">
        <v>0</v>
      </c>
      <c r="BT7" s="279">
        <v>0</v>
      </c>
      <c r="BU7" s="280">
        <v>0</v>
      </c>
      <c r="BV7" s="280">
        <v>2</v>
      </c>
      <c r="BW7" s="280">
        <v>6</v>
      </c>
      <c r="BX7" s="280">
        <v>1</v>
      </c>
      <c r="BY7" s="280">
        <v>3</v>
      </c>
      <c r="BZ7" s="277">
        <v>12</v>
      </c>
      <c r="CA7" s="282">
        <v>12</v>
      </c>
      <c r="CB7" s="276">
        <v>0</v>
      </c>
      <c r="CC7" s="280">
        <v>0</v>
      </c>
      <c r="CD7" s="277">
        <v>0</v>
      </c>
      <c r="CE7" s="279">
        <v>0</v>
      </c>
      <c r="CF7" s="280">
        <v>5</v>
      </c>
      <c r="CG7" s="280">
        <v>9</v>
      </c>
      <c r="CH7" s="280">
        <v>25</v>
      </c>
      <c r="CI7" s="280">
        <v>41</v>
      </c>
      <c r="CJ7" s="280">
        <v>31</v>
      </c>
      <c r="CK7" s="277">
        <v>111</v>
      </c>
      <c r="CL7" s="282">
        <v>111</v>
      </c>
      <c r="CM7" s="276">
        <v>0</v>
      </c>
      <c r="CN7" s="280">
        <v>0</v>
      </c>
      <c r="CO7" s="277">
        <v>0</v>
      </c>
      <c r="CP7" s="279">
        <v>0</v>
      </c>
      <c r="CQ7" s="280">
        <v>29</v>
      </c>
      <c r="CR7" s="280">
        <v>65</v>
      </c>
      <c r="CS7" s="280">
        <v>72</v>
      </c>
      <c r="CT7" s="280">
        <v>92</v>
      </c>
      <c r="CU7" s="280">
        <v>166</v>
      </c>
      <c r="CV7" s="277">
        <v>424</v>
      </c>
      <c r="CW7" s="282">
        <v>424</v>
      </c>
    </row>
    <row r="8" spans="1:101" ht="21" customHeight="1" x14ac:dyDescent="0.2">
      <c r="B8" s="261" t="s">
        <v>6</v>
      </c>
      <c r="C8" s="276">
        <v>0</v>
      </c>
      <c r="D8" s="277">
        <v>0</v>
      </c>
      <c r="E8" s="278">
        <v>0</v>
      </c>
      <c r="F8" s="279">
        <v>0</v>
      </c>
      <c r="G8" s="280">
        <v>82</v>
      </c>
      <c r="H8" s="280">
        <v>84</v>
      </c>
      <c r="I8" s="280">
        <v>74</v>
      </c>
      <c r="J8" s="280">
        <v>96</v>
      </c>
      <c r="K8" s="280">
        <v>110</v>
      </c>
      <c r="L8" s="281">
        <v>446</v>
      </c>
      <c r="M8" s="282">
        <v>446</v>
      </c>
      <c r="N8" s="276">
        <v>0</v>
      </c>
      <c r="O8" s="280">
        <v>0</v>
      </c>
      <c r="P8" s="277">
        <v>0</v>
      </c>
      <c r="Q8" s="279">
        <v>0</v>
      </c>
      <c r="R8" s="280">
        <v>63</v>
      </c>
      <c r="S8" s="280">
        <v>112</v>
      </c>
      <c r="T8" s="280">
        <v>87</v>
      </c>
      <c r="U8" s="280">
        <v>95</v>
      </c>
      <c r="V8" s="280">
        <v>94</v>
      </c>
      <c r="W8" s="277">
        <v>451</v>
      </c>
      <c r="X8" s="282">
        <v>451</v>
      </c>
      <c r="Y8" s="276">
        <v>0</v>
      </c>
      <c r="Z8" s="280">
        <v>0</v>
      </c>
      <c r="AA8" s="277">
        <v>0</v>
      </c>
      <c r="AB8" s="279">
        <v>0</v>
      </c>
      <c r="AC8" s="280">
        <v>1921</v>
      </c>
      <c r="AD8" s="280">
        <v>1273</v>
      </c>
      <c r="AE8" s="280">
        <v>752</v>
      </c>
      <c r="AF8" s="280">
        <v>435</v>
      </c>
      <c r="AG8" s="280">
        <v>215</v>
      </c>
      <c r="AH8" s="277">
        <v>4596</v>
      </c>
      <c r="AI8" s="282">
        <v>4596</v>
      </c>
      <c r="AJ8" s="276">
        <v>0</v>
      </c>
      <c r="AK8" s="280">
        <v>1</v>
      </c>
      <c r="AL8" s="277">
        <v>1</v>
      </c>
      <c r="AM8" s="279">
        <v>0</v>
      </c>
      <c r="AN8" s="280">
        <v>177</v>
      </c>
      <c r="AO8" s="280">
        <v>210</v>
      </c>
      <c r="AP8" s="280">
        <v>230</v>
      </c>
      <c r="AQ8" s="280">
        <v>129</v>
      </c>
      <c r="AR8" s="280">
        <v>102</v>
      </c>
      <c r="AS8" s="277">
        <v>848</v>
      </c>
      <c r="AT8" s="282">
        <v>849</v>
      </c>
      <c r="AU8" s="276">
        <v>29</v>
      </c>
      <c r="AV8" s="280">
        <v>30</v>
      </c>
      <c r="AW8" s="277">
        <v>59</v>
      </c>
      <c r="AX8" s="279">
        <v>0</v>
      </c>
      <c r="AY8" s="280">
        <v>221</v>
      </c>
      <c r="AZ8" s="280">
        <v>207</v>
      </c>
      <c r="BA8" s="280">
        <v>190</v>
      </c>
      <c r="BB8" s="280">
        <v>150</v>
      </c>
      <c r="BC8" s="280">
        <v>70</v>
      </c>
      <c r="BD8" s="277">
        <v>838</v>
      </c>
      <c r="BE8" s="282">
        <v>897</v>
      </c>
      <c r="BF8" s="276">
        <v>0</v>
      </c>
      <c r="BG8" s="280">
        <v>7</v>
      </c>
      <c r="BH8" s="277">
        <v>7</v>
      </c>
      <c r="BI8" s="279">
        <v>0</v>
      </c>
      <c r="BJ8" s="280">
        <v>466</v>
      </c>
      <c r="BK8" s="280">
        <v>551</v>
      </c>
      <c r="BL8" s="280">
        <v>543</v>
      </c>
      <c r="BM8" s="280">
        <v>361</v>
      </c>
      <c r="BN8" s="280">
        <v>267</v>
      </c>
      <c r="BO8" s="281">
        <v>2188</v>
      </c>
      <c r="BP8" s="282">
        <v>2195</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4</v>
      </c>
      <c r="CG8" s="280">
        <v>3</v>
      </c>
      <c r="CH8" s="280">
        <v>68</v>
      </c>
      <c r="CI8" s="280">
        <v>83</v>
      </c>
      <c r="CJ8" s="280">
        <v>66</v>
      </c>
      <c r="CK8" s="277">
        <v>224</v>
      </c>
      <c r="CL8" s="282">
        <v>224</v>
      </c>
      <c r="CM8" s="276">
        <v>0</v>
      </c>
      <c r="CN8" s="280">
        <v>0</v>
      </c>
      <c r="CO8" s="277">
        <v>0</v>
      </c>
      <c r="CP8" s="279">
        <v>0</v>
      </c>
      <c r="CQ8" s="280">
        <v>62</v>
      </c>
      <c r="CR8" s="280">
        <v>98</v>
      </c>
      <c r="CS8" s="280">
        <v>68</v>
      </c>
      <c r="CT8" s="280">
        <v>89</v>
      </c>
      <c r="CU8" s="280">
        <v>102</v>
      </c>
      <c r="CV8" s="277">
        <v>419</v>
      </c>
      <c r="CW8" s="282">
        <v>419</v>
      </c>
    </row>
    <row r="9" spans="1:101" ht="21" customHeight="1" x14ac:dyDescent="0.2">
      <c r="B9" s="261" t="s">
        <v>14</v>
      </c>
      <c r="C9" s="276">
        <v>0</v>
      </c>
      <c r="D9" s="277">
        <v>0</v>
      </c>
      <c r="E9" s="278">
        <v>0</v>
      </c>
      <c r="F9" s="279">
        <v>0</v>
      </c>
      <c r="G9" s="280">
        <v>32</v>
      </c>
      <c r="H9" s="280">
        <v>28</v>
      </c>
      <c r="I9" s="280">
        <v>29</v>
      </c>
      <c r="J9" s="280">
        <v>22</v>
      </c>
      <c r="K9" s="280">
        <v>29</v>
      </c>
      <c r="L9" s="281">
        <v>140</v>
      </c>
      <c r="M9" s="282">
        <v>140</v>
      </c>
      <c r="N9" s="276">
        <v>0</v>
      </c>
      <c r="O9" s="280">
        <v>0</v>
      </c>
      <c r="P9" s="277">
        <v>0</v>
      </c>
      <c r="Q9" s="279">
        <v>0</v>
      </c>
      <c r="R9" s="280">
        <v>1</v>
      </c>
      <c r="S9" s="280">
        <v>0</v>
      </c>
      <c r="T9" s="280">
        <v>0</v>
      </c>
      <c r="U9" s="280">
        <v>0</v>
      </c>
      <c r="V9" s="280">
        <v>0</v>
      </c>
      <c r="W9" s="277">
        <v>1</v>
      </c>
      <c r="X9" s="282">
        <v>1</v>
      </c>
      <c r="Y9" s="276">
        <v>0</v>
      </c>
      <c r="Z9" s="280">
        <v>0</v>
      </c>
      <c r="AA9" s="277">
        <v>0</v>
      </c>
      <c r="AB9" s="279">
        <v>0</v>
      </c>
      <c r="AC9" s="280">
        <v>1040</v>
      </c>
      <c r="AD9" s="280">
        <v>1188</v>
      </c>
      <c r="AE9" s="280">
        <v>566</v>
      </c>
      <c r="AF9" s="280">
        <v>260</v>
      </c>
      <c r="AG9" s="280">
        <v>123</v>
      </c>
      <c r="AH9" s="277">
        <v>3177</v>
      </c>
      <c r="AI9" s="282">
        <v>3177</v>
      </c>
      <c r="AJ9" s="276">
        <v>1</v>
      </c>
      <c r="AK9" s="280">
        <v>0</v>
      </c>
      <c r="AL9" s="277">
        <v>1</v>
      </c>
      <c r="AM9" s="279">
        <v>0</v>
      </c>
      <c r="AN9" s="280">
        <v>18</v>
      </c>
      <c r="AO9" s="280">
        <v>22</v>
      </c>
      <c r="AP9" s="280">
        <v>40</v>
      </c>
      <c r="AQ9" s="280">
        <v>23</v>
      </c>
      <c r="AR9" s="280">
        <v>19</v>
      </c>
      <c r="AS9" s="277">
        <v>122</v>
      </c>
      <c r="AT9" s="282">
        <v>123</v>
      </c>
      <c r="AU9" s="276">
        <v>16</v>
      </c>
      <c r="AV9" s="280">
        <v>25</v>
      </c>
      <c r="AW9" s="277">
        <v>41</v>
      </c>
      <c r="AX9" s="279">
        <v>0</v>
      </c>
      <c r="AY9" s="280">
        <v>102</v>
      </c>
      <c r="AZ9" s="280">
        <v>133</v>
      </c>
      <c r="BA9" s="280">
        <v>115</v>
      </c>
      <c r="BB9" s="280">
        <v>70</v>
      </c>
      <c r="BC9" s="280">
        <v>20</v>
      </c>
      <c r="BD9" s="277">
        <v>440</v>
      </c>
      <c r="BE9" s="282">
        <v>481</v>
      </c>
      <c r="BF9" s="276">
        <v>0</v>
      </c>
      <c r="BG9" s="280">
        <v>2</v>
      </c>
      <c r="BH9" s="277">
        <v>2</v>
      </c>
      <c r="BI9" s="279">
        <v>0</v>
      </c>
      <c r="BJ9" s="280">
        <v>205</v>
      </c>
      <c r="BK9" s="280">
        <v>272</v>
      </c>
      <c r="BL9" s="280">
        <v>363</v>
      </c>
      <c r="BM9" s="280">
        <v>204</v>
      </c>
      <c r="BN9" s="280">
        <v>139</v>
      </c>
      <c r="BO9" s="281">
        <v>1183</v>
      </c>
      <c r="BP9" s="282">
        <v>1185</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2</v>
      </c>
      <c r="CH9" s="280">
        <v>17</v>
      </c>
      <c r="CI9" s="280">
        <v>27</v>
      </c>
      <c r="CJ9" s="280">
        <v>12</v>
      </c>
      <c r="CK9" s="277">
        <v>58</v>
      </c>
      <c r="CL9" s="282">
        <v>58</v>
      </c>
      <c r="CM9" s="276">
        <v>0</v>
      </c>
      <c r="CN9" s="280">
        <v>0</v>
      </c>
      <c r="CO9" s="277">
        <v>0</v>
      </c>
      <c r="CP9" s="279">
        <v>0</v>
      </c>
      <c r="CQ9" s="280">
        <v>10</v>
      </c>
      <c r="CR9" s="280">
        <v>24</v>
      </c>
      <c r="CS9" s="280">
        <v>24</v>
      </c>
      <c r="CT9" s="280">
        <v>32</v>
      </c>
      <c r="CU9" s="280">
        <v>28</v>
      </c>
      <c r="CV9" s="277">
        <v>118</v>
      </c>
      <c r="CW9" s="282">
        <v>118</v>
      </c>
    </row>
    <row r="10" spans="1:101" ht="21" customHeight="1" x14ac:dyDescent="0.2">
      <c r="B10" s="261" t="s">
        <v>7</v>
      </c>
      <c r="C10" s="276">
        <v>0</v>
      </c>
      <c r="D10" s="277">
        <v>0</v>
      </c>
      <c r="E10" s="278">
        <v>0</v>
      </c>
      <c r="F10" s="279">
        <v>0</v>
      </c>
      <c r="G10" s="280">
        <v>7</v>
      </c>
      <c r="H10" s="280">
        <v>7</v>
      </c>
      <c r="I10" s="280">
        <v>9</v>
      </c>
      <c r="J10" s="280">
        <v>9</v>
      </c>
      <c r="K10" s="280">
        <v>6</v>
      </c>
      <c r="L10" s="281">
        <v>38</v>
      </c>
      <c r="M10" s="282">
        <v>38</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1154</v>
      </c>
      <c r="AD10" s="280">
        <v>674</v>
      </c>
      <c r="AE10" s="280">
        <v>304</v>
      </c>
      <c r="AF10" s="280">
        <v>132</v>
      </c>
      <c r="AG10" s="280">
        <v>58</v>
      </c>
      <c r="AH10" s="277">
        <v>2322</v>
      </c>
      <c r="AI10" s="282">
        <v>2322</v>
      </c>
      <c r="AJ10" s="276">
        <v>0</v>
      </c>
      <c r="AK10" s="280">
        <v>0</v>
      </c>
      <c r="AL10" s="277">
        <v>0</v>
      </c>
      <c r="AM10" s="279">
        <v>0</v>
      </c>
      <c r="AN10" s="280">
        <v>87</v>
      </c>
      <c r="AO10" s="280">
        <v>100</v>
      </c>
      <c r="AP10" s="280">
        <v>98</v>
      </c>
      <c r="AQ10" s="280">
        <v>48</v>
      </c>
      <c r="AR10" s="280">
        <v>19</v>
      </c>
      <c r="AS10" s="277">
        <v>352</v>
      </c>
      <c r="AT10" s="282">
        <v>352</v>
      </c>
      <c r="AU10" s="276">
        <v>2</v>
      </c>
      <c r="AV10" s="280">
        <v>4</v>
      </c>
      <c r="AW10" s="277">
        <v>6</v>
      </c>
      <c r="AX10" s="279">
        <v>0</v>
      </c>
      <c r="AY10" s="280">
        <v>52</v>
      </c>
      <c r="AZ10" s="280">
        <v>32</v>
      </c>
      <c r="BA10" s="280">
        <v>41</v>
      </c>
      <c r="BB10" s="280">
        <v>21</v>
      </c>
      <c r="BC10" s="280">
        <v>6</v>
      </c>
      <c r="BD10" s="277">
        <v>152</v>
      </c>
      <c r="BE10" s="282">
        <v>158</v>
      </c>
      <c r="BF10" s="276">
        <v>0</v>
      </c>
      <c r="BG10" s="280">
        <v>1</v>
      </c>
      <c r="BH10" s="277">
        <v>1</v>
      </c>
      <c r="BI10" s="279">
        <v>0</v>
      </c>
      <c r="BJ10" s="280">
        <v>128</v>
      </c>
      <c r="BK10" s="280">
        <v>147</v>
      </c>
      <c r="BL10" s="280">
        <v>163</v>
      </c>
      <c r="BM10" s="280">
        <v>125</v>
      </c>
      <c r="BN10" s="280">
        <v>72</v>
      </c>
      <c r="BO10" s="281">
        <v>635</v>
      </c>
      <c r="BP10" s="282">
        <v>636</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8</v>
      </c>
      <c r="CR10" s="280">
        <v>6</v>
      </c>
      <c r="CS10" s="280">
        <v>7</v>
      </c>
      <c r="CT10" s="280">
        <v>14</v>
      </c>
      <c r="CU10" s="280">
        <v>23</v>
      </c>
      <c r="CV10" s="277">
        <v>58</v>
      </c>
      <c r="CW10" s="282">
        <v>58</v>
      </c>
    </row>
    <row r="11" spans="1:101" ht="21" customHeight="1" x14ac:dyDescent="0.2">
      <c r="B11" s="261" t="s">
        <v>8</v>
      </c>
      <c r="C11" s="276">
        <v>0</v>
      </c>
      <c r="D11" s="277">
        <v>0</v>
      </c>
      <c r="E11" s="278">
        <v>0</v>
      </c>
      <c r="F11" s="279">
        <v>0</v>
      </c>
      <c r="G11" s="280">
        <v>5</v>
      </c>
      <c r="H11" s="280">
        <v>7</v>
      </c>
      <c r="I11" s="280">
        <v>1</v>
      </c>
      <c r="J11" s="280">
        <v>6</v>
      </c>
      <c r="K11" s="280">
        <v>2</v>
      </c>
      <c r="L11" s="281">
        <v>21</v>
      </c>
      <c r="M11" s="282">
        <v>21</v>
      </c>
      <c r="N11" s="276">
        <v>0</v>
      </c>
      <c r="O11" s="280">
        <v>0</v>
      </c>
      <c r="P11" s="277">
        <v>0</v>
      </c>
      <c r="Q11" s="279">
        <v>0</v>
      </c>
      <c r="R11" s="280">
        <v>2</v>
      </c>
      <c r="S11" s="280">
        <v>2</v>
      </c>
      <c r="T11" s="280">
        <v>1</v>
      </c>
      <c r="U11" s="280">
        <v>0</v>
      </c>
      <c r="V11" s="280">
        <v>4</v>
      </c>
      <c r="W11" s="277">
        <v>9</v>
      </c>
      <c r="X11" s="282">
        <v>9</v>
      </c>
      <c r="Y11" s="276">
        <v>0</v>
      </c>
      <c r="Z11" s="280">
        <v>0</v>
      </c>
      <c r="AA11" s="277">
        <v>0</v>
      </c>
      <c r="AB11" s="279">
        <v>0</v>
      </c>
      <c r="AC11" s="280">
        <v>642</v>
      </c>
      <c r="AD11" s="280">
        <v>531</v>
      </c>
      <c r="AE11" s="280">
        <v>250</v>
      </c>
      <c r="AF11" s="280">
        <v>93</v>
      </c>
      <c r="AG11" s="280">
        <v>57</v>
      </c>
      <c r="AH11" s="277">
        <v>1573</v>
      </c>
      <c r="AI11" s="282">
        <v>1573</v>
      </c>
      <c r="AJ11" s="276">
        <v>0</v>
      </c>
      <c r="AK11" s="280">
        <v>0</v>
      </c>
      <c r="AL11" s="277">
        <v>0</v>
      </c>
      <c r="AM11" s="279">
        <v>0</v>
      </c>
      <c r="AN11" s="280">
        <v>8</v>
      </c>
      <c r="AO11" s="280">
        <v>10</v>
      </c>
      <c r="AP11" s="280">
        <v>10</v>
      </c>
      <c r="AQ11" s="280">
        <v>9</v>
      </c>
      <c r="AR11" s="280">
        <v>8</v>
      </c>
      <c r="AS11" s="277">
        <v>45</v>
      </c>
      <c r="AT11" s="282">
        <v>45</v>
      </c>
      <c r="AU11" s="276">
        <v>10</v>
      </c>
      <c r="AV11" s="280">
        <v>11</v>
      </c>
      <c r="AW11" s="277">
        <v>21</v>
      </c>
      <c r="AX11" s="279">
        <v>0</v>
      </c>
      <c r="AY11" s="280">
        <v>71</v>
      </c>
      <c r="AZ11" s="280">
        <v>51</v>
      </c>
      <c r="BA11" s="280">
        <v>47</v>
      </c>
      <c r="BB11" s="280">
        <v>22</v>
      </c>
      <c r="BC11" s="280">
        <v>13</v>
      </c>
      <c r="BD11" s="277">
        <v>204</v>
      </c>
      <c r="BE11" s="282">
        <v>225</v>
      </c>
      <c r="BF11" s="276">
        <v>0</v>
      </c>
      <c r="BG11" s="280">
        <v>0</v>
      </c>
      <c r="BH11" s="277">
        <v>0</v>
      </c>
      <c r="BI11" s="279">
        <v>0</v>
      </c>
      <c r="BJ11" s="280">
        <v>64</v>
      </c>
      <c r="BK11" s="280">
        <v>66</v>
      </c>
      <c r="BL11" s="280">
        <v>82</v>
      </c>
      <c r="BM11" s="280">
        <v>61</v>
      </c>
      <c r="BN11" s="280">
        <v>35</v>
      </c>
      <c r="BO11" s="281">
        <v>308</v>
      </c>
      <c r="BP11" s="282">
        <v>308</v>
      </c>
      <c r="BQ11" s="276">
        <v>0</v>
      </c>
      <c r="BR11" s="280">
        <v>0</v>
      </c>
      <c r="BS11" s="277">
        <v>0</v>
      </c>
      <c r="BT11" s="279">
        <v>0</v>
      </c>
      <c r="BU11" s="280">
        <v>4</v>
      </c>
      <c r="BV11" s="280">
        <v>9</v>
      </c>
      <c r="BW11" s="280">
        <v>11</v>
      </c>
      <c r="BX11" s="280">
        <v>14</v>
      </c>
      <c r="BY11" s="280">
        <v>6</v>
      </c>
      <c r="BZ11" s="277">
        <v>44</v>
      </c>
      <c r="CA11" s="282">
        <v>44</v>
      </c>
      <c r="CB11" s="276">
        <v>0</v>
      </c>
      <c r="CC11" s="280">
        <v>0</v>
      </c>
      <c r="CD11" s="277">
        <v>0</v>
      </c>
      <c r="CE11" s="279">
        <v>0</v>
      </c>
      <c r="CF11" s="280">
        <v>0</v>
      </c>
      <c r="CG11" s="280">
        <v>1</v>
      </c>
      <c r="CH11" s="280">
        <v>10</v>
      </c>
      <c r="CI11" s="280">
        <v>21</v>
      </c>
      <c r="CJ11" s="280">
        <v>11</v>
      </c>
      <c r="CK11" s="277">
        <v>43</v>
      </c>
      <c r="CL11" s="282">
        <v>43</v>
      </c>
      <c r="CM11" s="276">
        <v>0</v>
      </c>
      <c r="CN11" s="280">
        <v>0</v>
      </c>
      <c r="CO11" s="277">
        <v>0</v>
      </c>
      <c r="CP11" s="279">
        <v>0</v>
      </c>
      <c r="CQ11" s="280">
        <v>12</v>
      </c>
      <c r="CR11" s="280">
        <v>12</v>
      </c>
      <c r="CS11" s="280">
        <v>15</v>
      </c>
      <c r="CT11" s="280">
        <v>12</v>
      </c>
      <c r="CU11" s="280">
        <v>6</v>
      </c>
      <c r="CV11" s="277">
        <v>57</v>
      </c>
      <c r="CW11" s="282">
        <v>57</v>
      </c>
    </row>
    <row r="12" spans="1:101" ht="21" customHeight="1" x14ac:dyDescent="0.2">
      <c r="B12" s="261" t="s">
        <v>9</v>
      </c>
      <c r="C12" s="276">
        <v>0</v>
      </c>
      <c r="D12" s="277">
        <v>0</v>
      </c>
      <c r="E12" s="278">
        <v>0</v>
      </c>
      <c r="F12" s="279">
        <v>0</v>
      </c>
      <c r="G12" s="280">
        <v>0</v>
      </c>
      <c r="H12" s="280">
        <v>5</v>
      </c>
      <c r="I12" s="280">
        <v>5</v>
      </c>
      <c r="J12" s="280">
        <v>12</v>
      </c>
      <c r="K12" s="280">
        <v>5</v>
      </c>
      <c r="L12" s="281">
        <v>27</v>
      </c>
      <c r="M12" s="282">
        <v>27</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68</v>
      </c>
      <c r="AD12" s="280">
        <v>283</v>
      </c>
      <c r="AE12" s="280">
        <v>177</v>
      </c>
      <c r="AF12" s="280">
        <v>99</v>
      </c>
      <c r="AG12" s="280">
        <v>34</v>
      </c>
      <c r="AH12" s="277">
        <v>1061</v>
      </c>
      <c r="AI12" s="282">
        <v>1061</v>
      </c>
      <c r="AJ12" s="276">
        <v>0</v>
      </c>
      <c r="AK12" s="280">
        <v>0</v>
      </c>
      <c r="AL12" s="277">
        <v>0</v>
      </c>
      <c r="AM12" s="279">
        <v>0</v>
      </c>
      <c r="AN12" s="280">
        <v>4</v>
      </c>
      <c r="AO12" s="280">
        <v>5</v>
      </c>
      <c r="AP12" s="280">
        <v>9</v>
      </c>
      <c r="AQ12" s="280">
        <v>3</v>
      </c>
      <c r="AR12" s="280">
        <v>7</v>
      </c>
      <c r="AS12" s="277">
        <v>28</v>
      </c>
      <c r="AT12" s="282">
        <v>28</v>
      </c>
      <c r="AU12" s="276">
        <v>6</v>
      </c>
      <c r="AV12" s="280">
        <v>5</v>
      </c>
      <c r="AW12" s="277">
        <v>11</v>
      </c>
      <c r="AX12" s="279">
        <v>0</v>
      </c>
      <c r="AY12" s="280">
        <v>32</v>
      </c>
      <c r="AZ12" s="280">
        <v>37</v>
      </c>
      <c r="BA12" s="280">
        <v>21</v>
      </c>
      <c r="BB12" s="280">
        <v>21</v>
      </c>
      <c r="BC12" s="280">
        <v>7</v>
      </c>
      <c r="BD12" s="277">
        <v>118</v>
      </c>
      <c r="BE12" s="282">
        <v>129</v>
      </c>
      <c r="BF12" s="276">
        <v>0</v>
      </c>
      <c r="BG12" s="280">
        <v>2</v>
      </c>
      <c r="BH12" s="277">
        <v>2</v>
      </c>
      <c r="BI12" s="279">
        <v>0</v>
      </c>
      <c r="BJ12" s="280">
        <v>33</v>
      </c>
      <c r="BK12" s="280">
        <v>53</v>
      </c>
      <c r="BL12" s="280">
        <v>89</v>
      </c>
      <c r="BM12" s="280">
        <v>55</v>
      </c>
      <c r="BN12" s="280">
        <v>32</v>
      </c>
      <c r="BO12" s="281">
        <v>262</v>
      </c>
      <c r="BP12" s="282">
        <v>264</v>
      </c>
      <c r="BQ12" s="276">
        <v>0</v>
      </c>
      <c r="BR12" s="280">
        <v>0</v>
      </c>
      <c r="BS12" s="277">
        <v>0</v>
      </c>
      <c r="BT12" s="279">
        <v>0</v>
      </c>
      <c r="BU12" s="280">
        <v>3</v>
      </c>
      <c r="BV12" s="280">
        <v>4</v>
      </c>
      <c r="BW12" s="280">
        <v>6</v>
      </c>
      <c r="BX12" s="280">
        <v>7</v>
      </c>
      <c r="BY12" s="280">
        <v>6</v>
      </c>
      <c r="BZ12" s="277">
        <v>26</v>
      </c>
      <c r="CA12" s="282">
        <v>26</v>
      </c>
      <c r="CB12" s="276">
        <v>0</v>
      </c>
      <c r="CC12" s="280">
        <v>0</v>
      </c>
      <c r="CD12" s="277">
        <v>0</v>
      </c>
      <c r="CE12" s="279">
        <v>0</v>
      </c>
      <c r="CF12" s="280">
        <v>0</v>
      </c>
      <c r="CG12" s="280">
        <v>0</v>
      </c>
      <c r="CH12" s="280">
        <v>0</v>
      </c>
      <c r="CI12" s="280">
        <v>1</v>
      </c>
      <c r="CJ12" s="280">
        <v>0</v>
      </c>
      <c r="CK12" s="277">
        <v>1</v>
      </c>
      <c r="CL12" s="282">
        <v>1</v>
      </c>
      <c r="CM12" s="276">
        <v>0</v>
      </c>
      <c r="CN12" s="280">
        <v>0</v>
      </c>
      <c r="CO12" s="277">
        <v>0</v>
      </c>
      <c r="CP12" s="279">
        <v>0</v>
      </c>
      <c r="CQ12" s="280">
        <v>6</v>
      </c>
      <c r="CR12" s="280">
        <v>5</v>
      </c>
      <c r="CS12" s="280">
        <v>7</v>
      </c>
      <c r="CT12" s="280">
        <v>9</v>
      </c>
      <c r="CU12" s="280">
        <v>15</v>
      </c>
      <c r="CV12" s="277">
        <v>42</v>
      </c>
      <c r="CW12" s="282">
        <v>42</v>
      </c>
    </row>
    <row r="13" spans="1:101" ht="21" customHeight="1" x14ac:dyDescent="0.2">
      <c r="B13" s="261" t="s">
        <v>10</v>
      </c>
      <c r="C13" s="276">
        <v>0</v>
      </c>
      <c r="D13" s="277">
        <v>0</v>
      </c>
      <c r="E13" s="278">
        <v>0</v>
      </c>
      <c r="F13" s="279">
        <v>0</v>
      </c>
      <c r="G13" s="280">
        <v>19</v>
      </c>
      <c r="H13" s="280">
        <v>15</v>
      </c>
      <c r="I13" s="280">
        <v>16</v>
      </c>
      <c r="J13" s="280">
        <v>14</v>
      </c>
      <c r="K13" s="280">
        <v>14</v>
      </c>
      <c r="L13" s="281">
        <v>78</v>
      </c>
      <c r="M13" s="282">
        <v>78</v>
      </c>
      <c r="N13" s="276">
        <v>0</v>
      </c>
      <c r="O13" s="280">
        <v>0</v>
      </c>
      <c r="P13" s="277">
        <v>0</v>
      </c>
      <c r="Q13" s="279">
        <v>0</v>
      </c>
      <c r="R13" s="280">
        <v>10</v>
      </c>
      <c r="S13" s="280">
        <v>8</v>
      </c>
      <c r="T13" s="280">
        <v>10</v>
      </c>
      <c r="U13" s="280">
        <v>8</v>
      </c>
      <c r="V13" s="280">
        <v>7</v>
      </c>
      <c r="W13" s="277">
        <v>43</v>
      </c>
      <c r="X13" s="282">
        <v>43</v>
      </c>
      <c r="Y13" s="276">
        <v>0</v>
      </c>
      <c r="Z13" s="280">
        <v>0</v>
      </c>
      <c r="AA13" s="277">
        <v>0</v>
      </c>
      <c r="AB13" s="279">
        <v>0</v>
      </c>
      <c r="AC13" s="280">
        <v>561</v>
      </c>
      <c r="AD13" s="280">
        <v>278</v>
      </c>
      <c r="AE13" s="280">
        <v>130</v>
      </c>
      <c r="AF13" s="280">
        <v>68</v>
      </c>
      <c r="AG13" s="280">
        <v>25</v>
      </c>
      <c r="AH13" s="277">
        <v>1062</v>
      </c>
      <c r="AI13" s="282">
        <v>1062</v>
      </c>
      <c r="AJ13" s="276">
        <v>0</v>
      </c>
      <c r="AK13" s="280">
        <v>1</v>
      </c>
      <c r="AL13" s="277">
        <v>1</v>
      </c>
      <c r="AM13" s="279">
        <v>0</v>
      </c>
      <c r="AN13" s="280">
        <v>11</v>
      </c>
      <c r="AO13" s="280">
        <v>13</v>
      </c>
      <c r="AP13" s="280">
        <v>28</v>
      </c>
      <c r="AQ13" s="280">
        <v>9</v>
      </c>
      <c r="AR13" s="280">
        <v>13</v>
      </c>
      <c r="AS13" s="277">
        <v>74</v>
      </c>
      <c r="AT13" s="282">
        <v>75</v>
      </c>
      <c r="AU13" s="276">
        <v>10</v>
      </c>
      <c r="AV13" s="280">
        <v>20</v>
      </c>
      <c r="AW13" s="277">
        <v>30</v>
      </c>
      <c r="AX13" s="279">
        <v>0</v>
      </c>
      <c r="AY13" s="280">
        <v>83</v>
      </c>
      <c r="AZ13" s="280">
        <v>70</v>
      </c>
      <c r="BA13" s="280">
        <v>71</v>
      </c>
      <c r="BB13" s="280">
        <v>50</v>
      </c>
      <c r="BC13" s="280">
        <v>42</v>
      </c>
      <c r="BD13" s="277">
        <v>316</v>
      </c>
      <c r="BE13" s="282">
        <v>346</v>
      </c>
      <c r="BF13" s="276">
        <v>0</v>
      </c>
      <c r="BG13" s="280">
        <v>2</v>
      </c>
      <c r="BH13" s="277">
        <v>2</v>
      </c>
      <c r="BI13" s="279">
        <v>0</v>
      </c>
      <c r="BJ13" s="280">
        <v>94</v>
      </c>
      <c r="BK13" s="280">
        <v>120</v>
      </c>
      <c r="BL13" s="280">
        <v>121</v>
      </c>
      <c r="BM13" s="280">
        <v>86</v>
      </c>
      <c r="BN13" s="280">
        <v>87</v>
      </c>
      <c r="BO13" s="281">
        <v>508</v>
      </c>
      <c r="BP13" s="282">
        <v>510</v>
      </c>
      <c r="BQ13" s="276">
        <v>0</v>
      </c>
      <c r="BR13" s="280">
        <v>0</v>
      </c>
      <c r="BS13" s="277">
        <v>0</v>
      </c>
      <c r="BT13" s="279">
        <v>0</v>
      </c>
      <c r="BU13" s="280">
        <v>34</v>
      </c>
      <c r="BV13" s="280">
        <v>19</v>
      </c>
      <c r="BW13" s="280">
        <v>40</v>
      </c>
      <c r="BX13" s="280">
        <v>30</v>
      </c>
      <c r="BY13" s="280">
        <v>30</v>
      </c>
      <c r="BZ13" s="277">
        <v>153</v>
      </c>
      <c r="CA13" s="282">
        <v>153</v>
      </c>
      <c r="CB13" s="276">
        <v>0</v>
      </c>
      <c r="CC13" s="280">
        <v>0</v>
      </c>
      <c r="CD13" s="277">
        <v>0</v>
      </c>
      <c r="CE13" s="279">
        <v>0</v>
      </c>
      <c r="CF13" s="280">
        <v>0</v>
      </c>
      <c r="CG13" s="280">
        <v>1</v>
      </c>
      <c r="CH13" s="280">
        <v>3</v>
      </c>
      <c r="CI13" s="280">
        <v>22</v>
      </c>
      <c r="CJ13" s="280">
        <v>19</v>
      </c>
      <c r="CK13" s="277">
        <v>45</v>
      </c>
      <c r="CL13" s="282">
        <v>45</v>
      </c>
      <c r="CM13" s="276">
        <v>0</v>
      </c>
      <c r="CN13" s="280">
        <v>0</v>
      </c>
      <c r="CO13" s="277">
        <v>0</v>
      </c>
      <c r="CP13" s="279">
        <v>0</v>
      </c>
      <c r="CQ13" s="280">
        <v>21</v>
      </c>
      <c r="CR13" s="280">
        <v>33</v>
      </c>
      <c r="CS13" s="280">
        <v>31</v>
      </c>
      <c r="CT13" s="280">
        <v>38</v>
      </c>
      <c r="CU13" s="280">
        <v>28</v>
      </c>
      <c r="CV13" s="277">
        <v>151</v>
      </c>
      <c r="CW13" s="282">
        <v>151</v>
      </c>
    </row>
    <row r="14" spans="1:101" ht="21" customHeight="1" x14ac:dyDescent="0.2">
      <c r="B14" s="261" t="s">
        <v>11</v>
      </c>
      <c r="C14" s="276">
        <v>0</v>
      </c>
      <c r="D14" s="277">
        <v>0</v>
      </c>
      <c r="E14" s="278">
        <v>0</v>
      </c>
      <c r="F14" s="279">
        <v>0</v>
      </c>
      <c r="G14" s="280">
        <v>12</v>
      </c>
      <c r="H14" s="280">
        <v>9</v>
      </c>
      <c r="I14" s="280">
        <v>4</v>
      </c>
      <c r="J14" s="280">
        <v>6</v>
      </c>
      <c r="K14" s="280">
        <v>6</v>
      </c>
      <c r="L14" s="281">
        <v>37</v>
      </c>
      <c r="M14" s="282">
        <v>37</v>
      </c>
      <c r="N14" s="276">
        <v>0</v>
      </c>
      <c r="O14" s="280">
        <v>0</v>
      </c>
      <c r="P14" s="277">
        <v>0</v>
      </c>
      <c r="Q14" s="279">
        <v>0</v>
      </c>
      <c r="R14" s="280">
        <v>13</v>
      </c>
      <c r="S14" s="280">
        <v>12</v>
      </c>
      <c r="T14" s="280">
        <v>10</v>
      </c>
      <c r="U14" s="280">
        <v>11</v>
      </c>
      <c r="V14" s="280">
        <v>4</v>
      </c>
      <c r="W14" s="277">
        <v>50</v>
      </c>
      <c r="X14" s="282">
        <v>50</v>
      </c>
      <c r="Y14" s="276">
        <v>0</v>
      </c>
      <c r="Z14" s="280">
        <v>0</v>
      </c>
      <c r="AA14" s="277">
        <v>0</v>
      </c>
      <c r="AB14" s="279">
        <v>0</v>
      </c>
      <c r="AC14" s="280">
        <v>519</v>
      </c>
      <c r="AD14" s="280">
        <v>283</v>
      </c>
      <c r="AE14" s="280">
        <v>144</v>
      </c>
      <c r="AF14" s="280">
        <v>67</v>
      </c>
      <c r="AG14" s="280">
        <v>30</v>
      </c>
      <c r="AH14" s="277">
        <v>1043</v>
      </c>
      <c r="AI14" s="282">
        <v>1043</v>
      </c>
      <c r="AJ14" s="276">
        <v>1</v>
      </c>
      <c r="AK14" s="280">
        <v>0</v>
      </c>
      <c r="AL14" s="277">
        <v>1</v>
      </c>
      <c r="AM14" s="279">
        <v>0</v>
      </c>
      <c r="AN14" s="280">
        <v>16</v>
      </c>
      <c r="AO14" s="280">
        <v>13</v>
      </c>
      <c r="AP14" s="280">
        <v>17</v>
      </c>
      <c r="AQ14" s="280">
        <v>1</v>
      </c>
      <c r="AR14" s="280">
        <v>1</v>
      </c>
      <c r="AS14" s="277">
        <v>48</v>
      </c>
      <c r="AT14" s="282">
        <v>49</v>
      </c>
      <c r="AU14" s="276">
        <v>0</v>
      </c>
      <c r="AV14" s="280">
        <v>6</v>
      </c>
      <c r="AW14" s="277">
        <v>6</v>
      </c>
      <c r="AX14" s="279">
        <v>0</v>
      </c>
      <c r="AY14" s="280">
        <v>41</v>
      </c>
      <c r="AZ14" s="280">
        <v>32</v>
      </c>
      <c r="BA14" s="280">
        <v>38</v>
      </c>
      <c r="BB14" s="280">
        <v>21</v>
      </c>
      <c r="BC14" s="280">
        <v>5</v>
      </c>
      <c r="BD14" s="277">
        <v>137</v>
      </c>
      <c r="BE14" s="282">
        <v>143</v>
      </c>
      <c r="BF14" s="276">
        <v>0</v>
      </c>
      <c r="BG14" s="280">
        <v>3</v>
      </c>
      <c r="BH14" s="277">
        <v>3</v>
      </c>
      <c r="BI14" s="279">
        <v>0</v>
      </c>
      <c r="BJ14" s="280">
        <v>49</v>
      </c>
      <c r="BK14" s="280">
        <v>71</v>
      </c>
      <c r="BL14" s="280">
        <v>82</v>
      </c>
      <c r="BM14" s="280">
        <v>53</v>
      </c>
      <c r="BN14" s="280">
        <v>21</v>
      </c>
      <c r="BO14" s="281">
        <v>276</v>
      </c>
      <c r="BP14" s="282">
        <v>279</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1</v>
      </c>
      <c r="CH14" s="280">
        <v>0</v>
      </c>
      <c r="CI14" s="280">
        <v>0</v>
      </c>
      <c r="CJ14" s="280">
        <v>0</v>
      </c>
      <c r="CK14" s="277">
        <v>1</v>
      </c>
      <c r="CL14" s="282">
        <v>1</v>
      </c>
      <c r="CM14" s="276">
        <v>0</v>
      </c>
      <c r="CN14" s="280">
        <v>0</v>
      </c>
      <c r="CO14" s="277">
        <v>0</v>
      </c>
      <c r="CP14" s="279">
        <v>0</v>
      </c>
      <c r="CQ14" s="280">
        <v>6</v>
      </c>
      <c r="CR14" s="280">
        <v>6</v>
      </c>
      <c r="CS14" s="280">
        <v>3</v>
      </c>
      <c r="CT14" s="280">
        <v>8</v>
      </c>
      <c r="CU14" s="280">
        <v>2</v>
      </c>
      <c r="CV14" s="277">
        <v>25</v>
      </c>
      <c r="CW14" s="282">
        <v>25</v>
      </c>
    </row>
    <row r="15" spans="1:101" ht="21" customHeight="1" x14ac:dyDescent="0.2">
      <c r="B15" s="261" t="s">
        <v>12</v>
      </c>
      <c r="C15" s="276">
        <v>0</v>
      </c>
      <c r="D15" s="277">
        <v>0</v>
      </c>
      <c r="E15" s="278">
        <v>0</v>
      </c>
      <c r="F15" s="279">
        <v>0</v>
      </c>
      <c r="G15" s="280">
        <v>9</v>
      </c>
      <c r="H15" s="280">
        <v>5</v>
      </c>
      <c r="I15" s="280">
        <v>2</v>
      </c>
      <c r="J15" s="280">
        <v>6</v>
      </c>
      <c r="K15" s="280">
        <v>7</v>
      </c>
      <c r="L15" s="281">
        <v>29</v>
      </c>
      <c r="M15" s="282">
        <v>29</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80</v>
      </c>
      <c r="AD15" s="280">
        <v>251</v>
      </c>
      <c r="AE15" s="280">
        <v>146</v>
      </c>
      <c r="AF15" s="280">
        <v>79</v>
      </c>
      <c r="AG15" s="280">
        <v>24</v>
      </c>
      <c r="AH15" s="277">
        <v>880</v>
      </c>
      <c r="AI15" s="282">
        <v>880</v>
      </c>
      <c r="AJ15" s="276">
        <v>0</v>
      </c>
      <c r="AK15" s="280">
        <v>0</v>
      </c>
      <c r="AL15" s="277">
        <v>0</v>
      </c>
      <c r="AM15" s="279">
        <v>0</v>
      </c>
      <c r="AN15" s="280">
        <v>3</v>
      </c>
      <c r="AO15" s="280">
        <v>3</v>
      </c>
      <c r="AP15" s="280">
        <v>1</v>
      </c>
      <c r="AQ15" s="280">
        <v>1</v>
      </c>
      <c r="AR15" s="280">
        <v>1</v>
      </c>
      <c r="AS15" s="277">
        <v>9</v>
      </c>
      <c r="AT15" s="282">
        <v>9</v>
      </c>
      <c r="AU15" s="276">
        <v>0</v>
      </c>
      <c r="AV15" s="280">
        <v>1</v>
      </c>
      <c r="AW15" s="277">
        <v>1</v>
      </c>
      <c r="AX15" s="279">
        <v>0</v>
      </c>
      <c r="AY15" s="280">
        <v>18</v>
      </c>
      <c r="AZ15" s="280">
        <v>35</v>
      </c>
      <c r="BA15" s="280">
        <v>39</v>
      </c>
      <c r="BB15" s="280">
        <v>44</v>
      </c>
      <c r="BC15" s="280">
        <v>23</v>
      </c>
      <c r="BD15" s="277">
        <v>159</v>
      </c>
      <c r="BE15" s="282">
        <v>160</v>
      </c>
      <c r="BF15" s="276">
        <v>0</v>
      </c>
      <c r="BG15" s="280">
        <v>0</v>
      </c>
      <c r="BH15" s="277">
        <v>0</v>
      </c>
      <c r="BI15" s="279">
        <v>0</v>
      </c>
      <c r="BJ15" s="280">
        <v>34</v>
      </c>
      <c r="BK15" s="280">
        <v>54</v>
      </c>
      <c r="BL15" s="280">
        <v>39</v>
      </c>
      <c r="BM15" s="280">
        <v>36</v>
      </c>
      <c r="BN15" s="280">
        <v>35</v>
      </c>
      <c r="BO15" s="281">
        <v>198</v>
      </c>
      <c r="BP15" s="282">
        <v>198</v>
      </c>
      <c r="BQ15" s="276">
        <v>0</v>
      </c>
      <c r="BR15" s="280">
        <v>0</v>
      </c>
      <c r="BS15" s="277">
        <v>0</v>
      </c>
      <c r="BT15" s="279">
        <v>0</v>
      </c>
      <c r="BU15" s="280">
        <v>1</v>
      </c>
      <c r="BV15" s="280">
        <v>6</v>
      </c>
      <c r="BW15" s="280">
        <v>6</v>
      </c>
      <c r="BX15" s="280">
        <v>8</v>
      </c>
      <c r="BY15" s="280">
        <v>3</v>
      </c>
      <c r="BZ15" s="277">
        <v>24</v>
      </c>
      <c r="CA15" s="282">
        <v>24</v>
      </c>
      <c r="CB15" s="276">
        <v>0</v>
      </c>
      <c r="CC15" s="280">
        <v>0</v>
      </c>
      <c r="CD15" s="277">
        <v>0</v>
      </c>
      <c r="CE15" s="279">
        <v>0</v>
      </c>
      <c r="CF15" s="280">
        <v>0</v>
      </c>
      <c r="CG15" s="280">
        <v>1</v>
      </c>
      <c r="CH15" s="280">
        <v>10</v>
      </c>
      <c r="CI15" s="280">
        <v>11</v>
      </c>
      <c r="CJ15" s="280">
        <v>7</v>
      </c>
      <c r="CK15" s="277">
        <v>29</v>
      </c>
      <c r="CL15" s="282">
        <v>29</v>
      </c>
      <c r="CM15" s="276">
        <v>0</v>
      </c>
      <c r="CN15" s="280">
        <v>0</v>
      </c>
      <c r="CO15" s="277">
        <v>0</v>
      </c>
      <c r="CP15" s="279">
        <v>0</v>
      </c>
      <c r="CQ15" s="280">
        <v>6</v>
      </c>
      <c r="CR15" s="280">
        <v>13</v>
      </c>
      <c r="CS15" s="280">
        <v>19</v>
      </c>
      <c r="CT15" s="280">
        <v>20</v>
      </c>
      <c r="CU15" s="280">
        <v>16</v>
      </c>
      <c r="CV15" s="277">
        <v>74</v>
      </c>
      <c r="CW15" s="282">
        <v>74</v>
      </c>
    </row>
    <row r="16" spans="1:101" ht="21" customHeight="1" x14ac:dyDescent="0.2">
      <c r="B16" s="261" t="s">
        <v>13</v>
      </c>
      <c r="C16" s="276">
        <v>0</v>
      </c>
      <c r="D16" s="277">
        <v>0</v>
      </c>
      <c r="E16" s="278">
        <v>0</v>
      </c>
      <c r="F16" s="279">
        <v>0</v>
      </c>
      <c r="G16" s="280">
        <v>1</v>
      </c>
      <c r="H16" s="280">
        <v>1</v>
      </c>
      <c r="I16" s="280">
        <v>2</v>
      </c>
      <c r="J16" s="280">
        <v>1</v>
      </c>
      <c r="K16" s="280">
        <v>1</v>
      </c>
      <c r="L16" s="281">
        <v>6</v>
      </c>
      <c r="M16" s="282">
        <v>6</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25</v>
      </c>
      <c r="AD16" s="280">
        <v>111</v>
      </c>
      <c r="AE16" s="280">
        <v>62</v>
      </c>
      <c r="AF16" s="280">
        <v>33</v>
      </c>
      <c r="AG16" s="280">
        <v>15</v>
      </c>
      <c r="AH16" s="277">
        <v>346</v>
      </c>
      <c r="AI16" s="282">
        <v>346</v>
      </c>
      <c r="AJ16" s="276">
        <v>0</v>
      </c>
      <c r="AK16" s="280">
        <v>0</v>
      </c>
      <c r="AL16" s="277">
        <v>0</v>
      </c>
      <c r="AM16" s="279">
        <v>0</v>
      </c>
      <c r="AN16" s="280">
        <v>1</v>
      </c>
      <c r="AO16" s="280">
        <v>6</v>
      </c>
      <c r="AP16" s="280">
        <v>6</v>
      </c>
      <c r="AQ16" s="280">
        <v>7</v>
      </c>
      <c r="AR16" s="280">
        <v>3</v>
      </c>
      <c r="AS16" s="277">
        <v>23</v>
      </c>
      <c r="AT16" s="282">
        <v>23</v>
      </c>
      <c r="AU16" s="276">
        <v>1</v>
      </c>
      <c r="AV16" s="280">
        <v>3</v>
      </c>
      <c r="AW16" s="277">
        <v>4</v>
      </c>
      <c r="AX16" s="279">
        <v>0</v>
      </c>
      <c r="AY16" s="280">
        <v>11</v>
      </c>
      <c r="AZ16" s="280">
        <v>8</v>
      </c>
      <c r="BA16" s="280">
        <v>7</v>
      </c>
      <c r="BB16" s="280">
        <v>1</v>
      </c>
      <c r="BC16" s="280">
        <v>0</v>
      </c>
      <c r="BD16" s="277">
        <v>27</v>
      </c>
      <c r="BE16" s="282">
        <v>31</v>
      </c>
      <c r="BF16" s="276">
        <v>0</v>
      </c>
      <c r="BG16" s="280">
        <v>0</v>
      </c>
      <c r="BH16" s="277">
        <v>0</v>
      </c>
      <c r="BI16" s="279">
        <v>0</v>
      </c>
      <c r="BJ16" s="280">
        <v>10</v>
      </c>
      <c r="BK16" s="280">
        <v>18</v>
      </c>
      <c r="BL16" s="280">
        <v>25</v>
      </c>
      <c r="BM16" s="280">
        <v>14</v>
      </c>
      <c r="BN16" s="280">
        <v>12</v>
      </c>
      <c r="BO16" s="281">
        <v>79</v>
      </c>
      <c r="BP16" s="282">
        <v>79</v>
      </c>
      <c r="BQ16" s="276">
        <v>0</v>
      </c>
      <c r="BR16" s="280">
        <v>0</v>
      </c>
      <c r="BS16" s="277">
        <v>0</v>
      </c>
      <c r="BT16" s="279">
        <v>0</v>
      </c>
      <c r="BU16" s="280">
        <v>0</v>
      </c>
      <c r="BV16" s="280">
        <v>1</v>
      </c>
      <c r="BW16" s="280">
        <v>1</v>
      </c>
      <c r="BX16" s="280">
        <v>5</v>
      </c>
      <c r="BY16" s="280">
        <v>3</v>
      </c>
      <c r="BZ16" s="277">
        <v>10</v>
      </c>
      <c r="CA16" s="282">
        <v>10</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1</v>
      </c>
      <c r="H17" s="280">
        <v>2</v>
      </c>
      <c r="I17" s="280">
        <v>6</v>
      </c>
      <c r="J17" s="280">
        <v>6</v>
      </c>
      <c r="K17" s="280">
        <v>5</v>
      </c>
      <c r="L17" s="281">
        <v>20</v>
      </c>
      <c r="M17" s="282">
        <v>20</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161</v>
      </c>
      <c r="AD17" s="280">
        <v>191</v>
      </c>
      <c r="AE17" s="280">
        <v>89</v>
      </c>
      <c r="AF17" s="280">
        <v>41</v>
      </c>
      <c r="AG17" s="280">
        <v>17</v>
      </c>
      <c r="AH17" s="277">
        <v>499</v>
      </c>
      <c r="AI17" s="282">
        <v>499</v>
      </c>
      <c r="AJ17" s="276">
        <v>0</v>
      </c>
      <c r="AK17" s="280">
        <v>0</v>
      </c>
      <c r="AL17" s="277">
        <v>0</v>
      </c>
      <c r="AM17" s="279">
        <v>0</v>
      </c>
      <c r="AN17" s="280">
        <v>5</v>
      </c>
      <c r="AO17" s="280">
        <v>5</v>
      </c>
      <c r="AP17" s="280">
        <v>4</v>
      </c>
      <c r="AQ17" s="280">
        <v>3</v>
      </c>
      <c r="AR17" s="280">
        <v>4</v>
      </c>
      <c r="AS17" s="277">
        <v>21</v>
      </c>
      <c r="AT17" s="282">
        <v>21</v>
      </c>
      <c r="AU17" s="276">
        <v>3</v>
      </c>
      <c r="AV17" s="280">
        <v>14</v>
      </c>
      <c r="AW17" s="277">
        <v>17</v>
      </c>
      <c r="AX17" s="279">
        <v>0</v>
      </c>
      <c r="AY17" s="280">
        <v>22</v>
      </c>
      <c r="AZ17" s="280">
        <v>18</v>
      </c>
      <c r="BA17" s="280">
        <v>10</v>
      </c>
      <c r="BB17" s="280">
        <v>7</v>
      </c>
      <c r="BC17" s="280">
        <v>5</v>
      </c>
      <c r="BD17" s="277">
        <v>62</v>
      </c>
      <c r="BE17" s="282">
        <v>79</v>
      </c>
      <c r="BF17" s="276">
        <v>0</v>
      </c>
      <c r="BG17" s="280">
        <v>4</v>
      </c>
      <c r="BH17" s="277">
        <v>4</v>
      </c>
      <c r="BI17" s="279">
        <v>0</v>
      </c>
      <c r="BJ17" s="280">
        <v>35</v>
      </c>
      <c r="BK17" s="280">
        <v>34</v>
      </c>
      <c r="BL17" s="280">
        <v>43</v>
      </c>
      <c r="BM17" s="280">
        <v>20</v>
      </c>
      <c r="BN17" s="280">
        <v>12</v>
      </c>
      <c r="BO17" s="281">
        <v>144</v>
      </c>
      <c r="BP17" s="282">
        <v>148</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6</v>
      </c>
      <c r="CI17" s="280">
        <v>14</v>
      </c>
      <c r="CJ17" s="280">
        <v>8</v>
      </c>
      <c r="CK17" s="277">
        <v>28</v>
      </c>
      <c r="CL17" s="282">
        <v>28</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10</v>
      </c>
      <c r="H18" s="280">
        <v>12</v>
      </c>
      <c r="I18" s="280">
        <v>17</v>
      </c>
      <c r="J18" s="280">
        <v>8</v>
      </c>
      <c r="K18" s="280">
        <v>7</v>
      </c>
      <c r="L18" s="281">
        <v>54</v>
      </c>
      <c r="M18" s="282">
        <v>54</v>
      </c>
      <c r="N18" s="276">
        <v>0</v>
      </c>
      <c r="O18" s="280">
        <v>0</v>
      </c>
      <c r="P18" s="277">
        <v>0</v>
      </c>
      <c r="Q18" s="279">
        <v>0</v>
      </c>
      <c r="R18" s="280">
        <v>1</v>
      </c>
      <c r="S18" s="280">
        <v>1</v>
      </c>
      <c r="T18" s="280">
        <v>3</v>
      </c>
      <c r="U18" s="280">
        <v>5</v>
      </c>
      <c r="V18" s="280">
        <v>2</v>
      </c>
      <c r="W18" s="277">
        <v>12</v>
      </c>
      <c r="X18" s="282">
        <v>12</v>
      </c>
      <c r="Y18" s="276">
        <v>0</v>
      </c>
      <c r="Z18" s="280">
        <v>0</v>
      </c>
      <c r="AA18" s="277">
        <v>0</v>
      </c>
      <c r="AB18" s="279">
        <v>0</v>
      </c>
      <c r="AC18" s="280">
        <v>165</v>
      </c>
      <c r="AD18" s="280">
        <v>172</v>
      </c>
      <c r="AE18" s="280">
        <v>93</v>
      </c>
      <c r="AF18" s="280">
        <v>42</v>
      </c>
      <c r="AG18" s="280">
        <v>18</v>
      </c>
      <c r="AH18" s="277">
        <v>490</v>
      </c>
      <c r="AI18" s="282">
        <v>490</v>
      </c>
      <c r="AJ18" s="276">
        <v>0</v>
      </c>
      <c r="AK18" s="280">
        <v>0</v>
      </c>
      <c r="AL18" s="277">
        <v>0</v>
      </c>
      <c r="AM18" s="279">
        <v>0</v>
      </c>
      <c r="AN18" s="280">
        <v>3</v>
      </c>
      <c r="AO18" s="280">
        <v>11</v>
      </c>
      <c r="AP18" s="280">
        <v>8</v>
      </c>
      <c r="AQ18" s="280">
        <v>3</v>
      </c>
      <c r="AR18" s="280">
        <v>3</v>
      </c>
      <c r="AS18" s="277">
        <v>28</v>
      </c>
      <c r="AT18" s="282">
        <v>28</v>
      </c>
      <c r="AU18" s="276">
        <v>1</v>
      </c>
      <c r="AV18" s="280">
        <v>1</v>
      </c>
      <c r="AW18" s="277">
        <v>2</v>
      </c>
      <c r="AX18" s="279">
        <v>0</v>
      </c>
      <c r="AY18" s="280">
        <v>16</v>
      </c>
      <c r="AZ18" s="280">
        <v>22</v>
      </c>
      <c r="BA18" s="280">
        <v>15</v>
      </c>
      <c r="BB18" s="280">
        <v>20</v>
      </c>
      <c r="BC18" s="280">
        <v>5</v>
      </c>
      <c r="BD18" s="277">
        <v>78</v>
      </c>
      <c r="BE18" s="282">
        <v>80</v>
      </c>
      <c r="BF18" s="276">
        <v>0</v>
      </c>
      <c r="BG18" s="280">
        <v>0</v>
      </c>
      <c r="BH18" s="277">
        <v>0</v>
      </c>
      <c r="BI18" s="279">
        <v>0</v>
      </c>
      <c r="BJ18" s="280">
        <v>16</v>
      </c>
      <c r="BK18" s="280">
        <v>36</v>
      </c>
      <c r="BL18" s="280">
        <v>64</v>
      </c>
      <c r="BM18" s="280">
        <v>34</v>
      </c>
      <c r="BN18" s="280">
        <v>37</v>
      </c>
      <c r="BO18" s="281">
        <v>187</v>
      </c>
      <c r="BP18" s="282">
        <v>187</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3</v>
      </c>
      <c r="CH18" s="280">
        <v>9</v>
      </c>
      <c r="CI18" s="280">
        <v>7</v>
      </c>
      <c r="CJ18" s="280">
        <v>13</v>
      </c>
      <c r="CK18" s="277">
        <v>32</v>
      </c>
      <c r="CL18" s="282">
        <v>32</v>
      </c>
      <c r="CM18" s="276">
        <v>0</v>
      </c>
      <c r="CN18" s="280">
        <v>0</v>
      </c>
      <c r="CO18" s="277">
        <v>0</v>
      </c>
      <c r="CP18" s="279">
        <v>0</v>
      </c>
      <c r="CQ18" s="280">
        <v>0</v>
      </c>
      <c r="CR18" s="280">
        <v>6</v>
      </c>
      <c r="CS18" s="280">
        <v>6</v>
      </c>
      <c r="CT18" s="280">
        <v>1</v>
      </c>
      <c r="CU18" s="280">
        <v>5</v>
      </c>
      <c r="CV18" s="277">
        <v>18</v>
      </c>
      <c r="CW18" s="282">
        <v>18</v>
      </c>
    </row>
    <row r="19" spans="2:101" ht="21" customHeight="1" x14ac:dyDescent="0.2">
      <c r="B19" s="261" t="s">
        <v>17</v>
      </c>
      <c r="C19" s="276">
        <v>0</v>
      </c>
      <c r="D19" s="277">
        <v>0</v>
      </c>
      <c r="E19" s="278">
        <v>0</v>
      </c>
      <c r="F19" s="279">
        <v>0</v>
      </c>
      <c r="G19" s="280">
        <v>3</v>
      </c>
      <c r="H19" s="280">
        <v>3</v>
      </c>
      <c r="I19" s="280">
        <v>4</v>
      </c>
      <c r="J19" s="280">
        <v>4</v>
      </c>
      <c r="K19" s="280">
        <v>1</v>
      </c>
      <c r="L19" s="281">
        <v>15</v>
      </c>
      <c r="M19" s="282">
        <v>15</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51</v>
      </c>
      <c r="AD19" s="280">
        <v>318</v>
      </c>
      <c r="AE19" s="280">
        <v>136</v>
      </c>
      <c r="AF19" s="280">
        <v>93</v>
      </c>
      <c r="AG19" s="280">
        <v>53</v>
      </c>
      <c r="AH19" s="277">
        <v>851</v>
      </c>
      <c r="AI19" s="282">
        <v>851</v>
      </c>
      <c r="AJ19" s="276">
        <v>1</v>
      </c>
      <c r="AK19" s="280">
        <v>1</v>
      </c>
      <c r="AL19" s="277">
        <v>2</v>
      </c>
      <c r="AM19" s="279">
        <v>0</v>
      </c>
      <c r="AN19" s="280">
        <v>16</v>
      </c>
      <c r="AO19" s="280">
        <v>20</v>
      </c>
      <c r="AP19" s="280">
        <v>14</v>
      </c>
      <c r="AQ19" s="280">
        <v>16</v>
      </c>
      <c r="AR19" s="280">
        <v>4</v>
      </c>
      <c r="AS19" s="277">
        <v>70</v>
      </c>
      <c r="AT19" s="282">
        <v>72</v>
      </c>
      <c r="AU19" s="276">
        <v>0</v>
      </c>
      <c r="AV19" s="280">
        <v>1</v>
      </c>
      <c r="AW19" s="277">
        <v>1</v>
      </c>
      <c r="AX19" s="279">
        <v>0</v>
      </c>
      <c r="AY19" s="280">
        <v>19</v>
      </c>
      <c r="AZ19" s="280">
        <v>26</v>
      </c>
      <c r="BA19" s="280">
        <v>33</v>
      </c>
      <c r="BB19" s="280">
        <v>22</v>
      </c>
      <c r="BC19" s="280">
        <v>12</v>
      </c>
      <c r="BD19" s="277">
        <v>112</v>
      </c>
      <c r="BE19" s="282">
        <v>113</v>
      </c>
      <c r="BF19" s="276">
        <v>0</v>
      </c>
      <c r="BG19" s="280">
        <v>0</v>
      </c>
      <c r="BH19" s="277">
        <v>0</v>
      </c>
      <c r="BI19" s="279">
        <v>0</v>
      </c>
      <c r="BJ19" s="280">
        <v>44</v>
      </c>
      <c r="BK19" s="280">
        <v>62</v>
      </c>
      <c r="BL19" s="280">
        <v>64</v>
      </c>
      <c r="BM19" s="280">
        <v>47</v>
      </c>
      <c r="BN19" s="280">
        <v>23</v>
      </c>
      <c r="BO19" s="281">
        <v>240</v>
      </c>
      <c r="BP19" s="282">
        <v>240</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2</v>
      </c>
      <c r="CH19" s="280">
        <v>28</v>
      </c>
      <c r="CI19" s="280">
        <v>37</v>
      </c>
      <c r="CJ19" s="280">
        <v>39</v>
      </c>
      <c r="CK19" s="277">
        <v>106</v>
      </c>
      <c r="CL19" s="282">
        <v>106</v>
      </c>
      <c r="CM19" s="276">
        <v>0</v>
      </c>
      <c r="CN19" s="280">
        <v>0</v>
      </c>
      <c r="CO19" s="277">
        <v>0</v>
      </c>
      <c r="CP19" s="279">
        <v>0</v>
      </c>
      <c r="CQ19" s="280">
        <v>1</v>
      </c>
      <c r="CR19" s="280">
        <v>3</v>
      </c>
      <c r="CS19" s="280">
        <v>2</v>
      </c>
      <c r="CT19" s="280">
        <v>6</v>
      </c>
      <c r="CU19" s="280">
        <v>6</v>
      </c>
      <c r="CV19" s="277">
        <v>18</v>
      </c>
      <c r="CW19" s="282">
        <v>18</v>
      </c>
    </row>
    <row r="20" spans="2:101" ht="21" customHeight="1" x14ac:dyDescent="0.2">
      <c r="B20" s="261" t="s">
        <v>18</v>
      </c>
      <c r="C20" s="276">
        <v>0</v>
      </c>
      <c r="D20" s="277">
        <v>0</v>
      </c>
      <c r="E20" s="278">
        <v>0</v>
      </c>
      <c r="F20" s="279">
        <v>0</v>
      </c>
      <c r="G20" s="280">
        <v>2</v>
      </c>
      <c r="H20" s="280">
        <v>4</v>
      </c>
      <c r="I20" s="280">
        <v>1</v>
      </c>
      <c r="J20" s="280">
        <v>1</v>
      </c>
      <c r="K20" s="280">
        <v>1</v>
      </c>
      <c r="L20" s="281">
        <v>9</v>
      </c>
      <c r="M20" s="282">
        <v>9</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304</v>
      </c>
      <c r="AD20" s="280">
        <v>199</v>
      </c>
      <c r="AE20" s="280">
        <v>87</v>
      </c>
      <c r="AF20" s="280">
        <v>38</v>
      </c>
      <c r="AG20" s="280">
        <v>10</v>
      </c>
      <c r="AH20" s="277">
        <v>638</v>
      </c>
      <c r="AI20" s="282">
        <v>638</v>
      </c>
      <c r="AJ20" s="276">
        <v>0</v>
      </c>
      <c r="AK20" s="280">
        <v>0</v>
      </c>
      <c r="AL20" s="277">
        <v>0</v>
      </c>
      <c r="AM20" s="279">
        <v>0</v>
      </c>
      <c r="AN20" s="280">
        <v>13</v>
      </c>
      <c r="AO20" s="280">
        <v>7</v>
      </c>
      <c r="AP20" s="280">
        <v>27</v>
      </c>
      <c r="AQ20" s="280">
        <v>11</v>
      </c>
      <c r="AR20" s="280">
        <v>13</v>
      </c>
      <c r="AS20" s="277">
        <v>71</v>
      </c>
      <c r="AT20" s="282">
        <v>71</v>
      </c>
      <c r="AU20" s="276">
        <v>9</v>
      </c>
      <c r="AV20" s="280">
        <v>14</v>
      </c>
      <c r="AW20" s="277">
        <v>23</v>
      </c>
      <c r="AX20" s="279">
        <v>0</v>
      </c>
      <c r="AY20" s="280">
        <v>41</v>
      </c>
      <c r="AZ20" s="280">
        <v>51</v>
      </c>
      <c r="BA20" s="280">
        <v>40</v>
      </c>
      <c r="BB20" s="280">
        <v>22</v>
      </c>
      <c r="BC20" s="280">
        <v>8</v>
      </c>
      <c r="BD20" s="277">
        <v>162</v>
      </c>
      <c r="BE20" s="282">
        <v>185</v>
      </c>
      <c r="BF20" s="276">
        <v>0</v>
      </c>
      <c r="BG20" s="280">
        <v>3</v>
      </c>
      <c r="BH20" s="277">
        <v>3</v>
      </c>
      <c r="BI20" s="279">
        <v>0</v>
      </c>
      <c r="BJ20" s="280">
        <v>55</v>
      </c>
      <c r="BK20" s="280">
        <v>68</v>
      </c>
      <c r="BL20" s="280">
        <v>96</v>
      </c>
      <c r="BM20" s="280">
        <v>59</v>
      </c>
      <c r="BN20" s="280">
        <v>28</v>
      </c>
      <c r="BO20" s="281">
        <v>306</v>
      </c>
      <c r="BP20" s="282">
        <v>309</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2</v>
      </c>
      <c r="CH20" s="280">
        <v>5</v>
      </c>
      <c r="CI20" s="280">
        <v>17</v>
      </c>
      <c r="CJ20" s="280">
        <v>5</v>
      </c>
      <c r="CK20" s="277">
        <v>29</v>
      </c>
      <c r="CL20" s="282">
        <v>29</v>
      </c>
      <c r="CM20" s="276">
        <v>0</v>
      </c>
      <c r="CN20" s="280">
        <v>0</v>
      </c>
      <c r="CO20" s="277">
        <v>0</v>
      </c>
      <c r="CP20" s="279">
        <v>0</v>
      </c>
      <c r="CQ20" s="280">
        <v>5</v>
      </c>
      <c r="CR20" s="280">
        <v>12</v>
      </c>
      <c r="CS20" s="280">
        <v>12</v>
      </c>
      <c r="CT20" s="280">
        <v>17</v>
      </c>
      <c r="CU20" s="280">
        <v>27</v>
      </c>
      <c r="CV20" s="277">
        <v>73</v>
      </c>
      <c r="CW20" s="282">
        <v>73</v>
      </c>
    </row>
    <row r="21" spans="2:101" ht="21" customHeight="1" x14ac:dyDescent="0.2">
      <c r="B21" s="261" t="s">
        <v>19</v>
      </c>
      <c r="C21" s="276">
        <v>0</v>
      </c>
      <c r="D21" s="277">
        <v>0</v>
      </c>
      <c r="E21" s="278">
        <v>0</v>
      </c>
      <c r="F21" s="279">
        <v>0</v>
      </c>
      <c r="G21" s="280">
        <v>14</v>
      </c>
      <c r="H21" s="280">
        <v>10</v>
      </c>
      <c r="I21" s="280">
        <v>5</v>
      </c>
      <c r="J21" s="280">
        <v>3</v>
      </c>
      <c r="K21" s="280">
        <v>5</v>
      </c>
      <c r="L21" s="281">
        <v>37</v>
      </c>
      <c r="M21" s="282">
        <v>37</v>
      </c>
      <c r="N21" s="276">
        <v>0</v>
      </c>
      <c r="O21" s="280">
        <v>0</v>
      </c>
      <c r="P21" s="277">
        <v>0</v>
      </c>
      <c r="Q21" s="279">
        <v>0</v>
      </c>
      <c r="R21" s="280">
        <v>1</v>
      </c>
      <c r="S21" s="280">
        <v>3</v>
      </c>
      <c r="T21" s="280">
        <v>3</v>
      </c>
      <c r="U21" s="280">
        <v>2</v>
      </c>
      <c r="V21" s="280">
        <v>1</v>
      </c>
      <c r="W21" s="277">
        <v>10</v>
      </c>
      <c r="X21" s="282">
        <v>10</v>
      </c>
      <c r="Y21" s="276">
        <v>0</v>
      </c>
      <c r="Z21" s="280">
        <v>0</v>
      </c>
      <c r="AA21" s="277">
        <v>0</v>
      </c>
      <c r="AB21" s="279">
        <v>0</v>
      </c>
      <c r="AC21" s="280">
        <v>127</v>
      </c>
      <c r="AD21" s="280">
        <v>110</v>
      </c>
      <c r="AE21" s="280">
        <v>51</v>
      </c>
      <c r="AF21" s="280">
        <v>26</v>
      </c>
      <c r="AG21" s="280">
        <v>10</v>
      </c>
      <c r="AH21" s="277">
        <v>324</v>
      </c>
      <c r="AI21" s="282">
        <v>324</v>
      </c>
      <c r="AJ21" s="276">
        <v>0</v>
      </c>
      <c r="AK21" s="280">
        <v>0</v>
      </c>
      <c r="AL21" s="277">
        <v>0</v>
      </c>
      <c r="AM21" s="279">
        <v>0</v>
      </c>
      <c r="AN21" s="280">
        <v>13</v>
      </c>
      <c r="AO21" s="280">
        <v>20</v>
      </c>
      <c r="AP21" s="280">
        <v>20</v>
      </c>
      <c r="AQ21" s="280">
        <v>2</v>
      </c>
      <c r="AR21" s="280">
        <v>3</v>
      </c>
      <c r="AS21" s="277">
        <v>58</v>
      </c>
      <c r="AT21" s="282">
        <v>58</v>
      </c>
      <c r="AU21" s="276">
        <v>0</v>
      </c>
      <c r="AV21" s="280">
        <v>2</v>
      </c>
      <c r="AW21" s="277">
        <v>2</v>
      </c>
      <c r="AX21" s="279">
        <v>0</v>
      </c>
      <c r="AY21" s="280">
        <v>22</v>
      </c>
      <c r="AZ21" s="280">
        <v>36</v>
      </c>
      <c r="BA21" s="280">
        <v>28</v>
      </c>
      <c r="BB21" s="280">
        <v>14</v>
      </c>
      <c r="BC21" s="280">
        <v>9</v>
      </c>
      <c r="BD21" s="277">
        <v>109</v>
      </c>
      <c r="BE21" s="282">
        <v>111</v>
      </c>
      <c r="BF21" s="276">
        <v>0</v>
      </c>
      <c r="BG21" s="280">
        <v>0</v>
      </c>
      <c r="BH21" s="277">
        <v>0</v>
      </c>
      <c r="BI21" s="279">
        <v>0</v>
      </c>
      <c r="BJ21" s="280">
        <v>13</v>
      </c>
      <c r="BK21" s="280">
        <v>23</v>
      </c>
      <c r="BL21" s="280">
        <v>33</v>
      </c>
      <c r="BM21" s="280">
        <v>19</v>
      </c>
      <c r="BN21" s="280">
        <v>15</v>
      </c>
      <c r="BO21" s="281">
        <v>103</v>
      </c>
      <c r="BP21" s="282">
        <v>103</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1</v>
      </c>
      <c r="CR21" s="280">
        <v>3</v>
      </c>
      <c r="CS21" s="280">
        <v>5</v>
      </c>
      <c r="CT21" s="280">
        <v>2</v>
      </c>
      <c r="CU21" s="280">
        <v>9</v>
      </c>
      <c r="CV21" s="277">
        <v>20</v>
      </c>
      <c r="CW21" s="282">
        <v>20</v>
      </c>
    </row>
    <row r="22" spans="2:101" ht="21" customHeight="1" x14ac:dyDescent="0.2">
      <c r="B22" s="261" t="s">
        <v>20</v>
      </c>
      <c r="C22" s="276">
        <v>0</v>
      </c>
      <c r="D22" s="277">
        <v>0</v>
      </c>
      <c r="E22" s="278">
        <v>0</v>
      </c>
      <c r="F22" s="279">
        <v>0</v>
      </c>
      <c r="G22" s="280">
        <v>1</v>
      </c>
      <c r="H22" s="280">
        <v>1</v>
      </c>
      <c r="I22" s="280">
        <v>0</v>
      </c>
      <c r="J22" s="280">
        <v>0</v>
      </c>
      <c r="K22" s="280">
        <v>1</v>
      </c>
      <c r="L22" s="281">
        <v>3</v>
      </c>
      <c r="M22" s="282">
        <v>3</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214</v>
      </c>
      <c r="AD22" s="280">
        <v>95</v>
      </c>
      <c r="AE22" s="280">
        <v>59</v>
      </c>
      <c r="AF22" s="280">
        <v>23</v>
      </c>
      <c r="AG22" s="280">
        <v>3</v>
      </c>
      <c r="AH22" s="277">
        <v>394</v>
      </c>
      <c r="AI22" s="282">
        <v>394</v>
      </c>
      <c r="AJ22" s="276">
        <v>0</v>
      </c>
      <c r="AK22" s="280">
        <v>0</v>
      </c>
      <c r="AL22" s="277">
        <v>0</v>
      </c>
      <c r="AM22" s="279">
        <v>0</v>
      </c>
      <c r="AN22" s="280">
        <v>0</v>
      </c>
      <c r="AO22" s="280">
        <v>2</v>
      </c>
      <c r="AP22" s="280">
        <v>2</v>
      </c>
      <c r="AQ22" s="280">
        <v>1</v>
      </c>
      <c r="AR22" s="280">
        <v>2</v>
      </c>
      <c r="AS22" s="277">
        <v>7</v>
      </c>
      <c r="AT22" s="282">
        <v>7</v>
      </c>
      <c r="AU22" s="276">
        <v>0</v>
      </c>
      <c r="AV22" s="280">
        <v>1</v>
      </c>
      <c r="AW22" s="277">
        <v>1</v>
      </c>
      <c r="AX22" s="279">
        <v>0</v>
      </c>
      <c r="AY22" s="280">
        <v>20</v>
      </c>
      <c r="AZ22" s="280">
        <v>11</v>
      </c>
      <c r="BA22" s="280">
        <v>10</v>
      </c>
      <c r="BB22" s="280">
        <v>5</v>
      </c>
      <c r="BC22" s="280">
        <v>1</v>
      </c>
      <c r="BD22" s="277">
        <v>47</v>
      </c>
      <c r="BE22" s="282">
        <v>48</v>
      </c>
      <c r="BF22" s="276">
        <v>0</v>
      </c>
      <c r="BG22" s="280">
        <v>0</v>
      </c>
      <c r="BH22" s="277">
        <v>0</v>
      </c>
      <c r="BI22" s="279">
        <v>0</v>
      </c>
      <c r="BJ22" s="280">
        <v>18</v>
      </c>
      <c r="BK22" s="280">
        <v>25</v>
      </c>
      <c r="BL22" s="280">
        <v>45</v>
      </c>
      <c r="BM22" s="280">
        <v>21</v>
      </c>
      <c r="BN22" s="280">
        <v>19</v>
      </c>
      <c r="BO22" s="281">
        <v>128</v>
      </c>
      <c r="BP22" s="282">
        <v>128</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4</v>
      </c>
      <c r="H23" s="280">
        <v>6</v>
      </c>
      <c r="I23" s="280">
        <v>2</v>
      </c>
      <c r="J23" s="280">
        <v>6</v>
      </c>
      <c r="K23" s="280">
        <v>0</v>
      </c>
      <c r="L23" s="281">
        <v>18</v>
      </c>
      <c r="M23" s="282">
        <v>18</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89</v>
      </c>
      <c r="AD23" s="280">
        <v>182</v>
      </c>
      <c r="AE23" s="280">
        <v>69</v>
      </c>
      <c r="AF23" s="280">
        <v>27</v>
      </c>
      <c r="AG23" s="280">
        <v>11</v>
      </c>
      <c r="AH23" s="277">
        <v>478</v>
      </c>
      <c r="AI23" s="282">
        <v>478</v>
      </c>
      <c r="AJ23" s="276">
        <v>0</v>
      </c>
      <c r="AK23" s="280">
        <v>0</v>
      </c>
      <c r="AL23" s="277">
        <v>0</v>
      </c>
      <c r="AM23" s="279">
        <v>0</v>
      </c>
      <c r="AN23" s="280">
        <v>0</v>
      </c>
      <c r="AO23" s="280">
        <v>0</v>
      </c>
      <c r="AP23" s="280">
        <v>0</v>
      </c>
      <c r="AQ23" s="280">
        <v>2</v>
      </c>
      <c r="AR23" s="280">
        <v>0</v>
      </c>
      <c r="AS23" s="277">
        <v>2</v>
      </c>
      <c r="AT23" s="282">
        <v>2</v>
      </c>
      <c r="AU23" s="276">
        <v>0</v>
      </c>
      <c r="AV23" s="280">
        <v>0</v>
      </c>
      <c r="AW23" s="277">
        <v>0</v>
      </c>
      <c r="AX23" s="279">
        <v>0</v>
      </c>
      <c r="AY23" s="280">
        <v>8</v>
      </c>
      <c r="AZ23" s="280">
        <v>5</v>
      </c>
      <c r="BA23" s="280">
        <v>19</v>
      </c>
      <c r="BB23" s="280">
        <v>7</v>
      </c>
      <c r="BC23" s="280">
        <v>2</v>
      </c>
      <c r="BD23" s="277">
        <v>41</v>
      </c>
      <c r="BE23" s="282">
        <v>41</v>
      </c>
      <c r="BF23" s="276">
        <v>0</v>
      </c>
      <c r="BG23" s="280">
        <v>0</v>
      </c>
      <c r="BH23" s="277">
        <v>0</v>
      </c>
      <c r="BI23" s="279">
        <v>0</v>
      </c>
      <c r="BJ23" s="280">
        <v>21</v>
      </c>
      <c r="BK23" s="280">
        <v>40</v>
      </c>
      <c r="BL23" s="280">
        <v>35</v>
      </c>
      <c r="BM23" s="280">
        <v>13</v>
      </c>
      <c r="BN23" s="280">
        <v>10</v>
      </c>
      <c r="BO23" s="281">
        <v>119</v>
      </c>
      <c r="BP23" s="282">
        <v>119</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2</v>
      </c>
      <c r="CR23" s="280">
        <v>3</v>
      </c>
      <c r="CS23" s="280">
        <v>0</v>
      </c>
      <c r="CT23" s="280">
        <v>2</v>
      </c>
      <c r="CU23" s="280">
        <v>5</v>
      </c>
      <c r="CV23" s="277">
        <v>12</v>
      </c>
      <c r="CW23" s="282">
        <v>12</v>
      </c>
    </row>
    <row r="24" spans="2:101" ht="21" customHeight="1" x14ac:dyDescent="0.2">
      <c r="B24" s="261" t="s">
        <v>22</v>
      </c>
      <c r="C24" s="276">
        <v>0</v>
      </c>
      <c r="D24" s="277">
        <v>0</v>
      </c>
      <c r="E24" s="278">
        <v>0</v>
      </c>
      <c r="F24" s="279">
        <v>0</v>
      </c>
      <c r="G24" s="280">
        <v>2</v>
      </c>
      <c r="H24" s="280">
        <v>6</v>
      </c>
      <c r="I24" s="280">
        <v>3</v>
      </c>
      <c r="J24" s="280">
        <v>3</v>
      </c>
      <c r="K24" s="280">
        <v>0</v>
      </c>
      <c r="L24" s="281">
        <v>14</v>
      </c>
      <c r="M24" s="282">
        <v>1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18</v>
      </c>
      <c r="AD24" s="280">
        <v>89</v>
      </c>
      <c r="AE24" s="280">
        <v>34</v>
      </c>
      <c r="AF24" s="280">
        <v>20</v>
      </c>
      <c r="AG24" s="280">
        <v>4</v>
      </c>
      <c r="AH24" s="277">
        <v>265</v>
      </c>
      <c r="AI24" s="282">
        <v>265</v>
      </c>
      <c r="AJ24" s="276">
        <v>0</v>
      </c>
      <c r="AK24" s="280">
        <v>0</v>
      </c>
      <c r="AL24" s="277">
        <v>0</v>
      </c>
      <c r="AM24" s="279">
        <v>0</v>
      </c>
      <c r="AN24" s="280">
        <v>0</v>
      </c>
      <c r="AO24" s="280">
        <v>5</v>
      </c>
      <c r="AP24" s="280">
        <v>4</v>
      </c>
      <c r="AQ24" s="280">
        <v>3</v>
      </c>
      <c r="AR24" s="280">
        <v>3</v>
      </c>
      <c r="AS24" s="277">
        <v>15</v>
      </c>
      <c r="AT24" s="282">
        <v>15</v>
      </c>
      <c r="AU24" s="276">
        <v>2</v>
      </c>
      <c r="AV24" s="280">
        <v>2</v>
      </c>
      <c r="AW24" s="277">
        <v>4</v>
      </c>
      <c r="AX24" s="279">
        <v>0</v>
      </c>
      <c r="AY24" s="280">
        <v>22</v>
      </c>
      <c r="AZ24" s="280">
        <v>18</v>
      </c>
      <c r="BA24" s="280">
        <v>19</v>
      </c>
      <c r="BB24" s="280">
        <v>9</v>
      </c>
      <c r="BC24" s="280">
        <v>4</v>
      </c>
      <c r="BD24" s="277">
        <v>72</v>
      </c>
      <c r="BE24" s="282">
        <v>76</v>
      </c>
      <c r="BF24" s="276">
        <v>0</v>
      </c>
      <c r="BG24" s="280">
        <v>0</v>
      </c>
      <c r="BH24" s="277">
        <v>0</v>
      </c>
      <c r="BI24" s="279">
        <v>0</v>
      </c>
      <c r="BJ24" s="280">
        <v>14</v>
      </c>
      <c r="BK24" s="280">
        <v>14</v>
      </c>
      <c r="BL24" s="280">
        <v>11</v>
      </c>
      <c r="BM24" s="280">
        <v>8</v>
      </c>
      <c r="BN24" s="280">
        <v>4</v>
      </c>
      <c r="BO24" s="281">
        <v>51</v>
      </c>
      <c r="BP24" s="282">
        <v>51</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2</v>
      </c>
      <c r="CI24" s="280">
        <v>17</v>
      </c>
      <c r="CJ24" s="280">
        <v>8</v>
      </c>
      <c r="CK24" s="277">
        <v>27</v>
      </c>
      <c r="CL24" s="282">
        <v>27</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1</v>
      </c>
      <c r="I25" s="280">
        <v>0</v>
      </c>
      <c r="J25" s="280">
        <v>0</v>
      </c>
      <c r="K25" s="280">
        <v>2</v>
      </c>
      <c r="L25" s="281">
        <v>3</v>
      </c>
      <c r="M25" s="282">
        <v>3</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60</v>
      </c>
      <c r="AD25" s="280">
        <v>46</v>
      </c>
      <c r="AE25" s="280">
        <v>25</v>
      </c>
      <c r="AF25" s="280">
        <v>16</v>
      </c>
      <c r="AG25" s="280">
        <v>6</v>
      </c>
      <c r="AH25" s="277">
        <v>153</v>
      </c>
      <c r="AI25" s="282">
        <v>153</v>
      </c>
      <c r="AJ25" s="276">
        <v>0</v>
      </c>
      <c r="AK25" s="280">
        <v>0</v>
      </c>
      <c r="AL25" s="277">
        <v>0</v>
      </c>
      <c r="AM25" s="279">
        <v>0</v>
      </c>
      <c r="AN25" s="280">
        <v>0</v>
      </c>
      <c r="AO25" s="280">
        <v>0</v>
      </c>
      <c r="AP25" s="280">
        <v>3</v>
      </c>
      <c r="AQ25" s="280">
        <v>1</v>
      </c>
      <c r="AR25" s="280">
        <v>1</v>
      </c>
      <c r="AS25" s="277">
        <v>5</v>
      </c>
      <c r="AT25" s="282">
        <v>5</v>
      </c>
      <c r="AU25" s="276">
        <v>0</v>
      </c>
      <c r="AV25" s="280">
        <v>0</v>
      </c>
      <c r="AW25" s="277">
        <v>0</v>
      </c>
      <c r="AX25" s="279">
        <v>0</v>
      </c>
      <c r="AY25" s="280">
        <v>6</v>
      </c>
      <c r="AZ25" s="280">
        <v>5</v>
      </c>
      <c r="BA25" s="280">
        <v>3</v>
      </c>
      <c r="BB25" s="280">
        <v>1</v>
      </c>
      <c r="BC25" s="280">
        <v>2</v>
      </c>
      <c r="BD25" s="277">
        <v>17</v>
      </c>
      <c r="BE25" s="282">
        <v>17</v>
      </c>
      <c r="BF25" s="276">
        <v>0</v>
      </c>
      <c r="BG25" s="280">
        <v>0</v>
      </c>
      <c r="BH25" s="277">
        <v>0</v>
      </c>
      <c r="BI25" s="279">
        <v>0</v>
      </c>
      <c r="BJ25" s="280">
        <v>28</v>
      </c>
      <c r="BK25" s="280">
        <v>17</v>
      </c>
      <c r="BL25" s="280">
        <v>20</v>
      </c>
      <c r="BM25" s="280">
        <v>13</v>
      </c>
      <c r="BN25" s="280">
        <v>9</v>
      </c>
      <c r="BO25" s="281">
        <v>87</v>
      </c>
      <c r="BP25" s="282">
        <v>87</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1</v>
      </c>
      <c r="CU25" s="280">
        <v>0</v>
      </c>
      <c r="CV25" s="277">
        <v>1</v>
      </c>
      <c r="CW25" s="282">
        <v>1</v>
      </c>
    </row>
    <row r="26" spans="2:101" ht="21" customHeight="1" x14ac:dyDescent="0.2">
      <c r="B26" s="261" t="s">
        <v>24</v>
      </c>
      <c r="C26" s="276">
        <v>0</v>
      </c>
      <c r="D26" s="277">
        <v>0</v>
      </c>
      <c r="E26" s="278">
        <v>0</v>
      </c>
      <c r="F26" s="279">
        <v>0</v>
      </c>
      <c r="G26" s="280">
        <v>2</v>
      </c>
      <c r="H26" s="280">
        <v>3</v>
      </c>
      <c r="I26" s="280">
        <v>3</v>
      </c>
      <c r="J26" s="280">
        <v>1</v>
      </c>
      <c r="K26" s="280">
        <v>0</v>
      </c>
      <c r="L26" s="281">
        <v>9</v>
      </c>
      <c r="M26" s="282">
        <v>9</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32</v>
      </c>
      <c r="AD26" s="280">
        <v>15</v>
      </c>
      <c r="AE26" s="280">
        <v>16</v>
      </c>
      <c r="AF26" s="280">
        <v>4</v>
      </c>
      <c r="AG26" s="280">
        <v>2</v>
      </c>
      <c r="AH26" s="277">
        <v>69</v>
      </c>
      <c r="AI26" s="282">
        <v>69</v>
      </c>
      <c r="AJ26" s="276">
        <v>0</v>
      </c>
      <c r="AK26" s="280">
        <v>0</v>
      </c>
      <c r="AL26" s="277">
        <v>0</v>
      </c>
      <c r="AM26" s="279">
        <v>0</v>
      </c>
      <c r="AN26" s="280">
        <v>9</v>
      </c>
      <c r="AO26" s="280">
        <v>4</v>
      </c>
      <c r="AP26" s="280">
        <v>6</v>
      </c>
      <c r="AQ26" s="280">
        <v>2</v>
      </c>
      <c r="AR26" s="280">
        <v>1</v>
      </c>
      <c r="AS26" s="277">
        <v>22</v>
      </c>
      <c r="AT26" s="282">
        <v>22</v>
      </c>
      <c r="AU26" s="276">
        <v>2</v>
      </c>
      <c r="AV26" s="280">
        <v>3</v>
      </c>
      <c r="AW26" s="277">
        <v>5</v>
      </c>
      <c r="AX26" s="279">
        <v>0</v>
      </c>
      <c r="AY26" s="280">
        <v>18</v>
      </c>
      <c r="AZ26" s="280">
        <v>7</v>
      </c>
      <c r="BA26" s="280">
        <v>8</v>
      </c>
      <c r="BB26" s="280">
        <v>6</v>
      </c>
      <c r="BC26" s="280">
        <v>2</v>
      </c>
      <c r="BD26" s="277">
        <v>41</v>
      </c>
      <c r="BE26" s="282">
        <v>46</v>
      </c>
      <c r="BF26" s="276">
        <v>0</v>
      </c>
      <c r="BG26" s="280">
        <v>0</v>
      </c>
      <c r="BH26" s="277">
        <v>0</v>
      </c>
      <c r="BI26" s="279">
        <v>0</v>
      </c>
      <c r="BJ26" s="280">
        <v>2</v>
      </c>
      <c r="BK26" s="280">
        <v>4</v>
      </c>
      <c r="BL26" s="280">
        <v>8</v>
      </c>
      <c r="BM26" s="280">
        <v>8</v>
      </c>
      <c r="BN26" s="280">
        <v>4</v>
      </c>
      <c r="BO26" s="281">
        <v>26</v>
      </c>
      <c r="BP26" s="282">
        <v>26</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84</v>
      </c>
      <c r="AD27" s="280">
        <v>35</v>
      </c>
      <c r="AE27" s="280">
        <v>18</v>
      </c>
      <c r="AF27" s="280">
        <v>4</v>
      </c>
      <c r="AG27" s="280">
        <v>1</v>
      </c>
      <c r="AH27" s="277">
        <v>142</v>
      </c>
      <c r="AI27" s="282">
        <v>142</v>
      </c>
      <c r="AJ27" s="276">
        <v>0</v>
      </c>
      <c r="AK27" s="280">
        <v>0</v>
      </c>
      <c r="AL27" s="277">
        <v>0</v>
      </c>
      <c r="AM27" s="279">
        <v>0</v>
      </c>
      <c r="AN27" s="280">
        <v>0</v>
      </c>
      <c r="AO27" s="280">
        <v>0</v>
      </c>
      <c r="AP27" s="280">
        <v>0</v>
      </c>
      <c r="AQ27" s="280">
        <v>0</v>
      </c>
      <c r="AR27" s="280">
        <v>0</v>
      </c>
      <c r="AS27" s="277">
        <v>0</v>
      </c>
      <c r="AT27" s="282">
        <v>0</v>
      </c>
      <c r="AU27" s="276">
        <v>2</v>
      </c>
      <c r="AV27" s="280">
        <v>0</v>
      </c>
      <c r="AW27" s="277">
        <v>2</v>
      </c>
      <c r="AX27" s="279">
        <v>0</v>
      </c>
      <c r="AY27" s="280">
        <v>3</v>
      </c>
      <c r="AZ27" s="280">
        <v>7</v>
      </c>
      <c r="BA27" s="280">
        <v>2</v>
      </c>
      <c r="BB27" s="280">
        <v>2</v>
      </c>
      <c r="BC27" s="280">
        <v>0</v>
      </c>
      <c r="BD27" s="277">
        <v>14</v>
      </c>
      <c r="BE27" s="282">
        <v>16</v>
      </c>
      <c r="BF27" s="276">
        <v>0</v>
      </c>
      <c r="BG27" s="280">
        <v>0</v>
      </c>
      <c r="BH27" s="277">
        <v>0</v>
      </c>
      <c r="BI27" s="279">
        <v>0</v>
      </c>
      <c r="BJ27" s="280">
        <v>10</v>
      </c>
      <c r="BK27" s="280">
        <v>8</v>
      </c>
      <c r="BL27" s="280">
        <v>9</v>
      </c>
      <c r="BM27" s="280">
        <v>7</v>
      </c>
      <c r="BN27" s="280">
        <v>0</v>
      </c>
      <c r="BO27" s="281">
        <v>34</v>
      </c>
      <c r="BP27" s="282">
        <v>34</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5</v>
      </c>
      <c r="AD28" s="280">
        <v>44</v>
      </c>
      <c r="AE28" s="280">
        <v>27</v>
      </c>
      <c r="AF28" s="280">
        <v>6</v>
      </c>
      <c r="AG28" s="280">
        <v>9</v>
      </c>
      <c r="AH28" s="277">
        <v>131</v>
      </c>
      <c r="AI28" s="282">
        <v>131</v>
      </c>
      <c r="AJ28" s="276">
        <v>0</v>
      </c>
      <c r="AK28" s="280">
        <v>0</v>
      </c>
      <c r="AL28" s="277">
        <v>0</v>
      </c>
      <c r="AM28" s="279">
        <v>0</v>
      </c>
      <c r="AN28" s="280">
        <v>1</v>
      </c>
      <c r="AO28" s="280">
        <v>3</v>
      </c>
      <c r="AP28" s="280">
        <v>4</v>
      </c>
      <c r="AQ28" s="280">
        <v>2</v>
      </c>
      <c r="AR28" s="280">
        <v>2</v>
      </c>
      <c r="AS28" s="277">
        <v>12</v>
      </c>
      <c r="AT28" s="282">
        <v>12</v>
      </c>
      <c r="AU28" s="276">
        <v>1</v>
      </c>
      <c r="AV28" s="280">
        <v>0</v>
      </c>
      <c r="AW28" s="277">
        <v>1</v>
      </c>
      <c r="AX28" s="279">
        <v>0</v>
      </c>
      <c r="AY28" s="280">
        <v>6</v>
      </c>
      <c r="AZ28" s="280">
        <v>5</v>
      </c>
      <c r="BA28" s="280">
        <v>4</v>
      </c>
      <c r="BB28" s="280">
        <v>0</v>
      </c>
      <c r="BC28" s="280">
        <v>2</v>
      </c>
      <c r="BD28" s="277">
        <v>17</v>
      </c>
      <c r="BE28" s="282">
        <v>18</v>
      </c>
      <c r="BF28" s="276">
        <v>0</v>
      </c>
      <c r="BG28" s="280">
        <v>0</v>
      </c>
      <c r="BH28" s="277">
        <v>0</v>
      </c>
      <c r="BI28" s="279">
        <v>0</v>
      </c>
      <c r="BJ28" s="280">
        <v>11</v>
      </c>
      <c r="BK28" s="280">
        <v>12</v>
      </c>
      <c r="BL28" s="280">
        <v>20</v>
      </c>
      <c r="BM28" s="280">
        <v>11</v>
      </c>
      <c r="BN28" s="280">
        <v>1</v>
      </c>
      <c r="BO28" s="281">
        <v>55</v>
      </c>
      <c r="BP28" s="282">
        <v>55</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33</v>
      </c>
      <c r="AD29" s="280">
        <v>14</v>
      </c>
      <c r="AE29" s="280">
        <v>8</v>
      </c>
      <c r="AF29" s="280">
        <v>2</v>
      </c>
      <c r="AG29" s="280">
        <v>0</v>
      </c>
      <c r="AH29" s="277">
        <v>57</v>
      </c>
      <c r="AI29" s="282">
        <v>57</v>
      </c>
      <c r="AJ29" s="276">
        <v>0</v>
      </c>
      <c r="AK29" s="280">
        <v>0</v>
      </c>
      <c r="AL29" s="277">
        <v>0</v>
      </c>
      <c r="AM29" s="279">
        <v>0</v>
      </c>
      <c r="AN29" s="280">
        <v>4</v>
      </c>
      <c r="AO29" s="280">
        <v>0</v>
      </c>
      <c r="AP29" s="280">
        <v>2</v>
      </c>
      <c r="AQ29" s="280">
        <v>1</v>
      </c>
      <c r="AR29" s="280">
        <v>1</v>
      </c>
      <c r="AS29" s="277">
        <v>8</v>
      </c>
      <c r="AT29" s="282">
        <v>8</v>
      </c>
      <c r="AU29" s="276">
        <v>0</v>
      </c>
      <c r="AV29" s="280">
        <v>0</v>
      </c>
      <c r="AW29" s="277">
        <v>0</v>
      </c>
      <c r="AX29" s="279">
        <v>0</v>
      </c>
      <c r="AY29" s="280">
        <v>3</v>
      </c>
      <c r="AZ29" s="280">
        <v>1</v>
      </c>
      <c r="BA29" s="280">
        <v>1</v>
      </c>
      <c r="BB29" s="280">
        <v>0</v>
      </c>
      <c r="BC29" s="280">
        <v>0</v>
      </c>
      <c r="BD29" s="277">
        <v>5</v>
      </c>
      <c r="BE29" s="282">
        <v>5</v>
      </c>
      <c r="BF29" s="276">
        <v>0</v>
      </c>
      <c r="BG29" s="280">
        <v>0</v>
      </c>
      <c r="BH29" s="277">
        <v>0</v>
      </c>
      <c r="BI29" s="279">
        <v>0</v>
      </c>
      <c r="BJ29" s="280">
        <v>9</v>
      </c>
      <c r="BK29" s="280">
        <v>6</v>
      </c>
      <c r="BL29" s="280">
        <v>7</v>
      </c>
      <c r="BM29" s="280">
        <v>5</v>
      </c>
      <c r="BN29" s="280">
        <v>6</v>
      </c>
      <c r="BO29" s="281">
        <v>33</v>
      </c>
      <c r="BP29" s="282">
        <v>33</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8</v>
      </c>
      <c r="CI29" s="280">
        <v>11</v>
      </c>
      <c r="CJ29" s="280">
        <v>5</v>
      </c>
      <c r="CK29" s="277">
        <v>24</v>
      </c>
      <c r="CL29" s="282">
        <v>24</v>
      </c>
      <c r="CM29" s="276">
        <v>0</v>
      </c>
      <c r="CN29" s="280">
        <v>0</v>
      </c>
      <c r="CO29" s="277">
        <v>0</v>
      </c>
      <c r="CP29" s="279">
        <v>0</v>
      </c>
      <c r="CQ29" s="280">
        <v>0</v>
      </c>
      <c r="CR29" s="280">
        <v>0</v>
      </c>
      <c r="CS29" s="280">
        <v>0</v>
      </c>
      <c r="CT29" s="280">
        <v>1</v>
      </c>
      <c r="CU29" s="280">
        <v>0</v>
      </c>
      <c r="CV29" s="277">
        <v>1</v>
      </c>
      <c r="CW29" s="282">
        <v>1</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19</v>
      </c>
      <c r="AD30" s="280">
        <v>15</v>
      </c>
      <c r="AE30" s="280">
        <v>1</v>
      </c>
      <c r="AF30" s="280">
        <v>1</v>
      </c>
      <c r="AG30" s="280">
        <v>1</v>
      </c>
      <c r="AH30" s="277">
        <v>37</v>
      </c>
      <c r="AI30" s="282">
        <v>37</v>
      </c>
      <c r="AJ30" s="276">
        <v>0</v>
      </c>
      <c r="AK30" s="280">
        <v>0</v>
      </c>
      <c r="AL30" s="277">
        <v>0</v>
      </c>
      <c r="AM30" s="279">
        <v>0</v>
      </c>
      <c r="AN30" s="280">
        <v>2</v>
      </c>
      <c r="AO30" s="280">
        <v>2</v>
      </c>
      <c r="AP30" s="280">
        <v>1</v>
      </c>
      <c r="AQ30" s="280">
        <v>0</v>
      </c>
      <c r="AR30" s="280">
        <v>0</v>
      </c>
      <c r="AS30" s="277">
        <v>5</v>
      </c>
      <c r="AT30" s="282">
        <v>5</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5</v>
      </c>
      <c r="BL30" s="280">
        <v>3</v>
      </c>
      <c r="BM30" s="280">
        <v>4</v>
      </c>
      <c r="BN30" s="280">
        <v>2</v>
      </c>
      <c r="BO30" s="281">
        <v>14</v>
      </c>
      <c r="BP30" s="282">
        <v>14</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1</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2</v>
      </c>
      <c r="H31" s="280">
        <v>0</v>
      </c>
      <c r="I31" s="280">
        <v>0</v>
      </c>
      <c r="J31" s="280">
        <v>0</v>
      </c>
      <c r="K31" s="280">
        <v>0</v>
      </c>
      <c r="L31" s="281">
        <v>2</v>
      </c>
      <c r="M31" s="282">
        <v>2</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23</v>
      </c>
      <c r="AD31" s="280">
        <v>15</v>
      </c>
      <c r="AE31" s="280">
        <v>3</v>
      </c>
      <c r="AF31" s="280">
        <v>4</v>
      </c>
      <c r="AG31" s="280">
        <v>0</v>
      </c>
      <c r="AH31" s="277">
        <v>45</v>
      </c>
      <c r="AI31" s="282">
        <v>45</v>
      </c>
      <c r="AJ31" s="276">
        <v>0</v>
      </c>
      <c r="AK31" s="280">
        <v>0</v>
      </c>
      <c r="AL31" s="277">
        <v>0</v>
      </c>
      <c r="AM31" s="279">
        <v>0</v>
      </c>
      <c r="AN31" s="280">
        <v>1</v>
      </c>
      <c r="AO31" s="280">
        <v>0</v>
      </c>
      <c r="AP31" s="280">
        <v>0</v>
      </c>
      <c r="AQ31" s="280">
        <v>1</v>
      </c>
      <c r="AR31" s="280">
        <v>0</v>
      </c>
      <c r="AS31" s="277">
        <v>2</v>
      </c>
      <c r="AT31" s="282">
        <v>2</v>
      </c>
      <c r="AU31" s="276">
        <v>0</v>
      </c>
      <c r="AV31" s="280">
        <v>4</v>
      </c>
      <c r="AW31" s="277">
        <v>4</v>
      </c>
      <c r="AX31" s="279">
        <v>0</v>
      </c>
      <c r="AY31" s="280">
        <v>8</v>
      </c>
      <c r="AZ31" s="280">
        <v>3</v>
      </c>
      <c r="BA31" s="280">
        <v>6</v>
      </c>
      <c r="BB31" s="280">
        <v>3</v>
      </c>
      <c r="BC31" s="280">
        <v>1</v>
      </c>
      <c r="BD31" s="277">
        <v>21</v>
      </c>
      <c r="BE31" s="282">
        <v>25</v>
      </c>
      <c r="BF31" s="276">
        <v>0</v>
      </c>
      <c r="BG31" s="280">
        <v>0</v>
      </c>
      <c r="BH31" s="277">
        <v>0</v>
      </c>
      <c r="BI31" s="279">
        <v>0</v>
      </c>
      <c r="BJ31" s="280">
        <v>4</v>
      </c>
      <c r="BK31" s="280">
        <v>6</v>
      </c>
      <c r="BL31" s="280">
        <v>7</v>
      </c>
      <c r="BM31" s="280">
        <v>2</v>
      </c>
      <c r="BN31" s="280">
        <v>4</v>
      </c>
      <c r="BO31" s="281">
        <v>23</v>
      </c>
      <c r="BP31" s="282">
        <v>23</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1</v>
      </c>
      <c r="CH31" s="280">
        <v>10</v>
      </c>
      <c r="CI31" s="280">
        <v>8</v>
      </c>
      <c r="CJ31" s="280">
        <v>8</v>
      </c>
      <c r="CK31" s="277">
        <v>27</v>
      </c>
      <c r="CL31" s="282">
        <v>27</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1</v>
      </c>
      <c r="I32" s="280">
        <v>1</v>
      </c>
      <c r="J32" s="280">
        <v>0</v>
      </c>
      <c r="K32" s="280">
        <v>0</v>
      </c>
      <c r="L32" s="281">
        <v>2</v>
      </c>
      <c r="M32" s="282">
        <v>2</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1</v>
      </c>
      <c r="AD32" s="280">
        <v>8</v>
      </c>
      <c r="AE32" s="280">
        <v>12</v>
      </c>
      <c r="AF32" s="280">
        <v>2</v>
      </c>
      <c r="AG32" s="280">
        <v>0</v>
      </c>
      <c r="AH32" s="277">
        <v>43</v>
      </c>
      <c r="AI32" s="282">
        <v>43</v>
      </c>
      <c r="AJ32" s="276">
        <v>1</v>
      </c>
      <c r="AK32" s="280">
        <v>0</v>
      </c>
      <c r="AL32" s="277">
        <v>1</v>
      </c>
      <c r="AM32" s="279">
        <v>0</v>
      </c>
      <c r="AN32" s="280">
        <v>2</v>
      </c>
      <c r="AO32" s="280">
        <v>2</v>
      </c>
      <c r="AP32" s="280">
        <v>1</v>
      </c>
      <c r="AQ32" s="280">
        <v>0</v>
      </c>
      <c r="AR32" s="280">
        <v>0</v>
      </c>
      <c r="AS32" s="277">
        <v>5</v>
      </c>
      <c r="AT32" s="282">
        <v>6</v>
      </c>
      <c r="AU32" s="276">
        <v>0</v>
      </c>
      <c r="AV32" s="280">
        <v>0</v>
      </c>
      <c r="AW32" s="277">
        <v>0</v>
      </c>
      <c r="AX32" s="279">
        <v>0</v>
      </c>
      <c r="AY32" s="280">
        <v>0</v>
      </c>
      <c r="AZ32" s="280">
        <v>0</v>
      </c>
      <c r="BA32" s="280">
        <v>0</v>
      </c>
      <c r="BB32" s="280">
        <v>1</v>
      </c>
      <c r="BC32" s="280">
        <v>0</v>
      </c>
      <c r="BD32" s="277">
        <v>1</v>
      </c>
      <c r="BE32" s="282">
        <v>1</v>
      </c>
      <c r="BF32" s="276">
        <v>0</v>
      </c>
      <c r="BG32" s="280">
        <v>0</v>
      </c>
      <c r="BH32" s="277">
        <v>0</v>
      </c>
      <c r="BI32" s="279">
        <v>0</v>
      </c>
      <c r="BJ32" s="280">
        <v>6</v>
      </c>
      <c r="BK32" s="280">
        <v>4</v>
      </c>
      <c r="BL32" s="280">
        <v>3</v>
      </c>
      <c r="BM32" s="280">
        <v>5</v>
      </c>
      <c r="BN32" s="280">
        <v>1</v>
      </c>
      <c r="BO32" s="281">
        <v>19</v>
      </c>
      <c r="BP32" s="282">
        <v>19</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2</v>
      </c>
      <c r="I33" s="280">
        <v>0</v>
      </c>
      <c r="J33" s="280">
        <v>0</v>
      </c>
      <c r="K33" s="280">
        <v>0</v>
      </c>
      <c r="L33" s="281">
        <v>2</v>
      </c>
      <c r="M33" s="282">
        <v>2</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35</v>
      </c>
      <c r="AD33" s="280">
        <v>16</v>
      </c>
      <c r="AE33" s="280">
        <v>7</v>
      </c>
      <c r="AF33" s="280">
        <v>4</v>
      </c>
      <c r="AG33" s="280">
        <v>0</v>
      </c>
      <c r="AH33" s="277">
        <v>62</v>
      </c>
      <c r="AI33" s="282">
        <v>62</v>
      </c>
      <c r="AJ33" s="276">
        <v>0</v>
      </c>
      <c r="AK33" s="280">
        <v>0</v>
      </c>
      <c r="AL33" s="277">
        <v>0</v>
      </c>
      <c r="AM33" s="279">
        <v>0</v>
      </c>
      <c r="AN33" s="280">
        <v>0</v>
      </c>
      <c r="AO33" s="280">
        <v>0</v>
      </c>
      <c r="AP33" s="280">
        <v>0</v>
      </c>
      <c r="AQ33" s="280">
        <v>1</v>
      </c>
      <c r="AR33" s="280">
        <v>1</v>
      </c>
      <c r="AS33" s="277">
        <v>2</v>
      </c>
      <c r="AT33" s="282">
        <v>2</v>
      </c>
      <c r="AU33" s="276">
        <v>0</v>
      </c>
      <c r="AV33" s="280">
        <v>2</v>
      </c>
      <c r="AW33" s="277">
        <v>2</v>
      </c>
      <c r="AX33" s="279">
        <v>0</v>
      </c>
      <c r="AY33" s="280">
        <v>10</v>
      </c>
      <c r="AZ33" s="280">
        <v>3</v>
      </c>
      <c r="BA33" s="280">
        <v>6</v>
      </c>
      <c r="BB33" s="280">
        <v>4</v>
      </c>
      <c r="BC33" s="280">
        <v>1</v>
      </c>
      <c r="BD33" s="277">
        <v>24</v>
      </c>
      <c r="BE33" s="282">
        <v>26</v>
      </c>
      <c r="BF33" s="276">
        <v>0</v>
      </c>
      <c r="BG33" s="280">
        <v>0</v>
      </c>
      <c r="BH33" s="277">
        <v>0</v>
      </c>
      <c r="BI33" s="279">
        <v>0</v>
      </c>
      <c r="BJ33" s="280">
        <v>8</v>
      </c>
      <c r="BK33" s="280">
        <v>8</v>
      </c>
      <c r="BL33" s="280">
        <v>12</v>
      </c>
      <c r="BM33" s="280">
        <v>11</v>
      </c>
      <c r="BN33" s="280">
        <v>6</v>
      </c>
      <c r="BO33" s="281">
        <v>45</v>
      </c>
      <c r="BP33" s="282">
        <v>45</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2</v>
      </c>
      <c r="H34" s="280">
        <v>1</v>
      </c>
      <c r="I34" s="280">
        <v>0</v>
      </c>
      <c r="J34" s="280">
        <v>0</v>
      </c>
      <c r="K34" s="280">
        <v>0</v>
      </c>
      <c r="L34" s="281">
        <v>3</v>
      </c>
      <c r="M34" s="282">
        <v>3</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36</v>
      </c>
      <c r="AD34" s="280">
        <v>32</v>
      </c>
      <c r="AE34" s="280">
        <v>12</v>
      </c>
      <c r="AF34" s="280">
        <v>4</v>
      </c>
      <c r="AG34" s="280">
        <v>3</v>
      </c>
      <c r="AH34" s="277">
        <v>87</v>
      </c>
      <c r="AI34" s="282">
        <v>87</v>
      </c>
      <c r="AJ34" s="276">
        <v>0</v>
      </c>
      <c r="AK34" s="280">
        <v>0</v>
      </c>
      <c r="AL34" s="277">
        <v>0</v>
      </c>
      <c r="AM34" s="279">
        <v>0</v>
      </c>
      <c r="AN34" s="280">
        <v>4</v>
      </c>
      <c r="AO34" s="280">
        <v>1</v>
      </c>
      <c r="AP34" s="280">
        <v>1</v>
      </c>
      <c r="AQ34" s="280">
        <v>0</v>
      </c>
      <c r="AR34" s="280">
        <v>1</v>
      </c>
      <c r="AS34" s="277">
        <v>7</v>
      </c>
      <c r="AT34" s="282">
        <v>7</v>
      </c>
      <c r="AU34" s="276">
        <v>1</v>
      </c>
      <c r="AV34" s="280">
        <v>4</v>
      </c>
      <c r="AW34" s="277">
        <v>5</v>
      </c>
      <c r="AX34" s="279">
        <v>0</v>
      </c>
      <c r="AY34" s="280">
        <v>6</v>
      </c>
      <c r="AZ34" s="280">
        <v>1</v>
      </c>
      <c r="BA34" s="280">
        <v>4</v>
      </c>
      <c r="BB34" s="280">
        <v>3</v>
      </c>
      <c r="BC34" s="280">
        <v>0</v>
      </c>
      <c r="BD34" s="277">
        <v>14</v>
      </c>
      <c r="BE34" s="282">
        <v>19</v>
      </c>
      <c r="BF34" s="276">
        <v>0</v>
      </c>
      <c r="BG34" s="280">
        <v>0</v>
      </c>
      <c r="BH34" s="277">
        <v>0</v>
      </c>
      <c r="BI34" s="279">
        <v>0</v>
      </c>
      <c r="BJ34" s="280">
        <v>2</v>
      </c>
      <c r="BK34" s="280">
        <v>5</v>
      </c>
      <c r="BL34" s="280">
        <v>11</v>
      </c>
      <c r="BM34" s="280">
        <v>8</v>
      </c>
      <c r="BN34" s="280">
        <v>5</v>
      </c>
      <c r="BO34" s="281">
        <v>31</v>
      </c>
      <c r="BP34" s="282">
        <v>31</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1</v>
      </c>
      <c r="CG34" s="280">
        <v>1</v>
      </c>
      <c r="CH34" s="280">
        <v>12</v>
      </c>
      <c r="CI34" s="280">
        <v>9</v>
      </c>
      <c r="CJ34" s="280">
        <v>2</v>
      </c>
      <c r="CK34" s="277">
        <v>25</v>
      </c>
      <c r="CL34" s="282">
        <v>25</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5</v>
      </c>
      <c r="AD35" s="280">
        <v>13</v>
      </c>
      <c r="AE35" s="280">
        <v>9</v>
      </c>
      <c r="AF35" s="280">
        <v>1</v>
      </c>
      <c r="AG35" s="280">
        <v>1</v>
      </c>
      <c r="AH35" s="277">
        <v>49</v>
      </c>
      <c r="AI35" s="282">
        <v>49</v>
      </c>
      <c r="AJ35" s="276">
        <v>0</v>
      </c>
      <c r="AK35" s="280">
        <v>0</v>
      </c>
      <c r="AL35" s="277">
        <v>0</v>
      </c>
      <c r="AM35" s="279">
        <v>0</v>
      </c>
      <c r="AN35" s="280">
        <v>0</v>
      </c>
      <c r="AO35" s="280">
        <v>0</v>
      </c>
      <c r="AP35" s="280">
        <v>1</v>
      </c>
      <c r="AQ35" s="280">
        <v>0</v>
      </c>
      <c r="AR35" s="280">
        <v>0</v>
      </c>
      <c r="AS35" s="277">
        <v>1</v>
      </c>
      <c r="AT35" s="282">
        <v>1</v>
      </c>
      <c r="AU35" s="276">
        <v>0</v>
      </c>
      <c r="AV35" s="280">
        <v>0</v>
      </c>
      <c r="AW35" s="277">
        <v>0</v>
      </c>
      <c r="AX35" s="279">
        <v>0</v>
      </c>
      <c r="AY35" s="280">
        <v>0</v>
      </c>
      <c r="AZ35" s="280">
        <v>0</v>
      </c>
      <c r="BA35" s="280">
        <v>0</v>
      </c>
      <c r="BB35" s="280">
        <v>0</v>
      </c>
      <c r="BC35" s="280">
        <v>0</v>
      </c>
      <c r="BD35" s="277">
        <v>0</v>
      </c>
      <c r="BE35" s="282">
        <v>0</v>
      </c>
      <c r="BF35" s="276">
        <v>0</v>
      </c>
      <c r="BG35" s="280">
        <v>1</v>
      </c>
      <c r="BH35" s="277">
        <v>1</v>
      </c>
      <c r="BI35" s="279">
        <v>0</v>
      </c>
      <c r="BJ35" s="280">
        <v>3</v>
      </c>
      <c r="BK35" s="280">
        <v>3</v>
      </c>
      <c r="BL35" s="280">
        <v>8</v>
      </c>
      <c r="BM35" s="280">
        <v>0</v>
      </c>
      <c r="BN35" s="280">
        <v>1</v>
      </c>
      <c r="BO35" s="281">
        <v>15</v>
      </c>
      <c r="BP35" s="282">
        <v>16</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5</v>
      </c>
      <c r="CR35" s="280">
        <v>6</v>
      </c>
      <c r="CS35" s="280">
        <v>4</v>
      </c>
      <c r="CT35" s="280">
        <v>2</v>
      </c>
      <c r="CU35" s="280">
        <v>6</v>
      </c>
      <c r="CV35" s="277">
        <v>23</v>
      </c>
      <c r="CW35" s="282">
        <v>23</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4</v>
      </c>
      <c r="AD36" s="280">
        <v>8</v>
      </c>
      <c r="AE36" s="280">
        <v>2</v>
      </c>
      <c r="AF36" s="280">
        <v>3</v>
      </c>
      <c r="AG36" s="280">
        <v>1</v>
      </c>
      <c r="AH36" s="277">
        <v>28</v>
      </c>
      <c r="AI36" s="282">
        <v>28</v>
      </c>
      <c r="AJ36" s="276">
        <v>0</v>
      </c>
      <c r="AK36" s="280">
        <v>0</v>
      </c>
      <c r="AL36" s="277">
        <v>0</v>
      </c>
      <c r="AM36" s="279">
        <v>0</v>
      </c>
      <c r="AN36" s="280">
        <v>0</v>
      </c>
      <c r="AO36" s="280">
        <v>0</v>
      </c>
      <c r="AP36" s="280">
        <v>0</v>
      </c>
      <c r="AQ36" s="280">
        <v>0</v>
      </c>
      <c r="AR36" s="280">
        <v>1</v>
      </c>
      <c r="AS36" s="277">
        <v>1</v>
      </c>
      <c r="AT36" s="282">
        <v>1</v>
      </c>
      <c r="AU36" s="276">
        <v>2</v>
      </c>
      <c r="AV36" s="280">
        <v>3</v>
      </c>
      <c r="AW36" s="277">
        <v>5</v>
      </c>
      <c r="AX36" s="279">
        <v>0</v>
      </c>
      <c r="AY36" s="280">
        <v>7</v>
      </c>
      <c r="AZ36" s="280">
        <v>8</v>
      </c>
      <c r="BA36" s="280">
        <v>6</v>
      </c>
      <c r="BB36" s="280">
        <v>0</v>
      </c>
      <c r="BC36" s="280">
        <v>0</v>
      </c>
      <c r="BD36" s="277">
        <v>21</v>
      </c>
      <c r="BE36" s="282">
        <v>26</v>
      </c>
      <c r="BF36" s="276">
        <v>0</v>
      </c>
      <c r="BG36" s="280">
        <v>0</v>
      </c>
      <c r="BH36" s="277">
        <v>0</v>
      </c>
      <c r="BI36" s="279">
        <v>0</v>
      </c>
      <c r="BJ36" s="280">
        <v>3</v>
      </c>
      <c r="BK36" s="280">
        <v>2</v>
      </c>
      <c r="BL36" s="280">
        <v>0</v>
      </c>
      <c r="BM36" s="280">
        <v>2</v>
      </c>
      <c r="BN36" s="280">
        <v>3</v>
      </c>
      <c r="BO36" s="281">
        <v>10</v>
      </c>
      <c r="BP36" s="282">
        <v>1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6</v>
      </c>
      <c r="CR36" s="280">
        <v>7</v>
      </c>
      <c r="CS36" s="280">
        <v>5</v>
      </c>
      <c r="CT36" s="280">
        <v>5</v>
      </c>
      <c r="CU36" s="280">
        <v>5</v>
      </c>
      <c r="CV36" s="277">
        <v>28</v>
      </c>
      <c r="CW36" s="282">
        <v>28</v>
      </c>
    </row>
    <row r="37" spans="2:101" ht="21" customHeight="1" x14ac:dyDescent="0.2">
      <c r="B37" s="261" t="s">
        <v>35</v>
      </c>
      <c r="C37" s="276">
        <v>0</v>
      </c>
      <c r="D37" s="277">
        <v>0</v>
      </c>
      <c r="E37" s="278">
        <v>0</v>
      </c>
      <c r="F37" s="279">
        <v>0</v>
      </c>
      <c r="G37" s="280">
        <v>0</v>
      </c>
      <c r="H37" s="280">
        <v>0</v>
      </c>
      <c r="I37" s="280">
        <v>1</v>
      </c>
      <c r="J37" s="280">
        <v>1</v>
      </c>
      <c r="K37" s="280">
        <v>0</v>
      </c>
      <c r="L37" s="281">
        <v>2</v>
      </c>
      <c r="M37" s="282">
        <v>2</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21</v>
      </c>
      <c r="AD37" s="280">
        <v>17</v>
      </c>
      <c r="AE37" s="280">
        <v>6</v>
      </c>
      <c r="AF37" s="280">
        <v>11</v>
      </c>
      <c r="AG37" s="280">
        <v>4</v>
      </c>
      <c r="AH37" s="277">
        <v>59</v>
      </c>
      <c r="AI37" s="282">
        <v>59</v>
      </c>
      <c r="AJ37" s="276">
        <v>0</v>
      </c>
      <c r="AK37" s="280">
        <v>0</v>
      </c>
      <c r="AL37" s="277">
        <v>0</v>
      </c>
      <c r="AM37" s="279">
        <v>0</v>
      </c>
      <c r="AN37" s="280">
        <v>0</v>
      </c>
      <c r="AO37" s="280">
        <v>0</v>
      </c>
      <c r="AP37" s="280">
        <v>0</v>
      </c>
      <c r="AQ37" s="280">
        <v>0</v>
      </c>
      <c r="AR37" s="280">
        <v>0</v>
      </c>
      <c r="AS37" s="277">
        <v>0</v>
      </c>
      <c r="AT37" s="282">
        <v>0</v>
      </c>
      <c r="AU37" s="276">
        <v>4</v>
      </c>
      <c r="AV37" s="280">
        <v>1</v>
      </c>
      <c r="AW37" s="277">
        <v>5</v>
      </c>
      <c r="AX37" s="279">
        <v>0</v>
      </c>
      <c r="AY37" s="280">
        <v>13</v>
      </c>
      <c r="AZ37" s="280">
        <v>7</v>
      </c>
      <c r="BA37" s="280">
        <v>6</v>
      </c>
      <c r="BB37" s="280">
        <v>4</v>
      </c>
      <c r="BC37" s="280">
        <v>3</v>
      </c>
      <c r="BD37" s="277">
        <v>33</v>
      </c>
      <c r="BE37" s="282">
        <v>38</v>
      </c>
      <c r="BF37" s="276">
        <v>0</v>
      </c>
      <c r="BG37" s="280">
        <v>1</v>
      </c>
      <c r="BH37" s="277">
        <v>1</v>
      </c>
      <c r="BI37" s="279">
        <v>0</v>
      </c>
      <c r="BJ37" s="280">
        <v>13</v>
      </c>
      <c r="BK37" s="280">
        <v>14</v>
      </c>
      <c r="BL37" s="280">
        <v>10</v>
      </c>
      <c r="BM37" s="280">
        <v>13</v>
      </c>
      <c r="BN37" s="280">
        <v>6</v>
      </c>
      <c r="BO37" s="281">
        <v>56</v>
      </c>
      <c r="BP37" s="282">
        <v>57</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66</v>
      </c>
      <c r="AD38" s="280">
        <v>42</v>
      </c>
      <c r="AE38" s="280">
        <v>28</v>
      </c>
      <c r="AF38" s="280">
        <v>18</v>
      </c>
      <c r="AG38" s="280">
        <v>10</v>
      </c>
      <c r="AH38" s="277">
        <v>164</v>
      </c>
      <c r="AI38" s="282">
        <v>164</v>
      </c>
      <c r="AJ38" s="276">
        <v>0</v>
      </c>
      <c r="AK38" s="280">
        <v>0</v>
      </c>
      <c r="AL38" s="277">
        <v>0</v>
      </c>
      <c r="AM38" s="279">
        <v>0</v>
      </c>
      <c r="AN38" s="280">
        <v>0</v>
      </c>
      <c r="AO38" s="280">
        <v>0</v>
      </c>
      <c r="AP38" s="280">
        <v>0</v>
      </c>
      <c r="AQ38" s="280">
        <v>0</v>
      </c>
      <c r="AR38" s="280">
        <v>0</v>
      </c>
      <c r="AS38" s="277">
        <v>0</v>
      </c>
      <c r="AT38" s="282">
        <v>0</v>
      </c>
      <c r="AU38" s="276">
        <v>3</v>
      </c>
      <c r="AV38" s="280">
        <v>2</v>
      </c>
      <c r="AW38" s="277">
        <v>5</v>
      </c>
      <c r="AX38" s="279">
        <v>0</v>
      </c>
      <c r="AY38" s="280">
        <v>14</v>
      </c>
      <c r="AZ38" s="280">
        <v>10</v>
      </c>
      <c r="BA38" s="280">
        <v>6</v>
      </c>
      <c r="BB38" s="280">
        <v>3</v>
      </c>
      <c r="BC38" s="280">
        <v>2</v>
      </c>
      <c r="BD38" s="277">
        <v>35</v>
      </c>
      <c r="BE38" s="282">
        <v>40</v>
      </c>
      <c r="BF38" s="276">
        <v>0</v>
      </c>
      <c r="BG38" s="280">
        <v>0</v>
      </c>
      <c r="BH38" s="277">
        <v>0</v>
      </c>
      <c r="BI38" s="279">
        <v>0</v>
      </c>
      <c r="BJ38" s="280">
        <v>5</v>
      </c>
      <c r="BK38" s="280">
        <v>14</v>
      </c>
      <c r="BL38" s="280">
        <v>11</v>
      </c>
      <c r="BM38" s="280">
        <v>11</v>
      </c>
      <c r="BN38" s="280">
        <v>6</v>
      </c>
      <c r="BO38" s="281">
        <v>47</v>
      </c>
      <c r="BP38" s="282">
        <v>47</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1</v>
      </c>
      <c r="K39" s="287">
        <v>0</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1</v>
      </c>
      <c r="AD39" s="287">
        <v>8</v>
      </c>
      <c r="AE39" s="287">
        <v>7</v>
      </c>
      <c r="AF39" s="287">
        <v>0</v>
      </c>
      <c r="AG39" s="287">
        <v>2</v>
      </c>
      <c r="AH39" s="284">
        <v>28</v>
      </c>
      <c r="AI39" s="289">
        <v>28</v>
      </c>
      <c r="AJ39" s="283">
        <v>0</v>
      </c>
      <c r="AK39" s="287">
        <v>0</v>
      </c>
      <c r="AL39" s="284">
        <v>0</v>
      </c>
      <c r="AM39" s="286">
        <v>0</v>
      </c>
      <c r="AN39" s="287">
        <v>1</v>
      </c>
      <c r="AO39" s="287">
        <v>0</v>
      </c>
      <c r="AP39" s="287">
        <v>0</v>
      </c>
      <c r="AQ39" s="287">
        <v>1</v>
      </c>
      <c r="AR39" s="287">
        <v>1</v>
      </c>
      <c r="AS39" s="284">
        <v>3</v>
      </c>
      <c r="AT39" s="289">
        <v>3</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1</v>
      </c>
      <c r="BK39" s="287">
        <v>0</v>
      </c>
      <c r="BL39" s="287">
        <v>4</v>
      </c>
      <c r="BM39" s="287">
        <v>1</v>
      </c>
      <c r="BN39" s="287">
        <v>0</v>
      </c>
      <c r="BO39" s="288">
        <v>6</v>
      </c>
      <c r="BP39" s="289">
        <v>6</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8.554687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5">
        <f>第１表!F2</f>
        <v>5</v>
      </c>
      <c r="J1" s="525"/>
      <c r="K1" s="248">
        <f>第１表!G2</f>
        <v>7</v>
      </c>
      <c r="L1" s="529">
        <f>IF(K1&lt;3,K1+12-2,K1-2)</f>
        <v>5</v>
      </c>
      <c r="M1" s="529"/>
    </row>
    <row r="2" spans="1:101" s="291" customFormat="1" ht="24" customHeight="1" thickBot="1" x14ac:dyDescent="0.25">
      <c r="A2" s="44"/>
      <c r="B2" s="290" t="s">
        <v>130</v>
      </c>
    </row>
    <row r="3" spans="1:101" ht="21" customHeight="1" thickBot="1" x14ac:dyDescent="0.25">
      <c r="B3" s="542"/>
      <c r="C3" s="533" t="s">
        <v>94</v>
      </c>
      <c r="D3" s="534"/>
      <c r="E3" s="534"/>
      <c r="F3" s="534"/>
      <c r="G3" s="534"/>
      <c r="H3" s="534"/>
      <c r="I3" s="534"/>
      <c r="J3" s="534"/>
      <c r="K3" s="534"/>
      <c r="L3" s="534"/>
      <c r="M3" s="535"/>
      <c r="N3" s="533" t="s">
        <v>88</v>
      </c>
      <c r="O3" s="534"/>
      <c r="P3" s="534"/>
      <c r="Q3" s="534"/>
      <c r="R3" s="534"/>
      <c r="S3" s="534"/>
      <c r="T3" s="534"/>
      <c r="U3" s="534"/>
      <c r="V3" s="534"/>
      <c r="W3" s="534"/>
      <c r="X3" s="535"/>
      <c r="Y3" s="533" t="s">
        <v>141</v>
      </c>
      <c r="Z3" s="534"/>
      <c r="AA3" s="534"/>
      <c r="AB3" s="534"/>
      <c r="AC3" s="534"/>
      <c r="AD3" s="534"/>
      <c r="AE3" s="534"/>
      <c r="AF3" s="534"/>
      <c r="AG3" s="534"/>
      <c r="AH3" s="534"/>
      <c r="AI3" s="535"/>
      <c r="AJ3" s="533" t="s">
        <v>90</v>
      </c>
      <c r="AK3" s="534"/>
      <c r="AL3" s="534"/>
      <c r="AM3" s="534"/>
      <c r="AN3" s="534"/>
      <c r="AO3" s="534"/>
      <c r="AP3" s="534"/>
      <c r="AQ3" s="534"/>
      <c r="AR3" s="534"/>
      <c r="AS3" s="534"/>
      <c r="AT3" s="535"/>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0</v>
      </c>
      <c r="CN3" s="547"/>
      <c r="CO3" s="547"/>
      <c r="CP3" s="547"/>
      <c r="CQ3" s="547"/>
      <c r="CR3" s="547"/>
      <c r="CS3" s="547"/>
      <c r="CT3" s="547"/>
      <c r="CU3" s="547"/>
      <c r="CV3" s="547"/>
      <c r="CW3" s="548"/>
    </row>
    <row r="4" spans="1:101" ht="21"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64" t="s">
        <v>61</v>
      </c>
      <c r="AV4" s="562"/>
      <c r="AW4" s="563"/>
      <c r="AX4" s="561" t="s">
        <v>62</v>
      </c>
      <c r="AY4" s="562"/>
      <c r="AZ4" s="562"/>
      <c r="BA4" s="562"/>
      <c r="BB4" s="562"/>
      <c r="BC4" s="562"/>
      <c r="BD4" s="563"/>
      <c r="BE4" s="559" t="s">
        <v>52</v>
      </c>
      <c r="BF4" s="564" t="s">
        <v>61</v>
      </c>
      <c r="BG4" s="562"/>
      <c r="BH4" s="563"/>
      <c r="BI4" s="561" t="s">
        <v>62</v>
      </c>
      <c r="BJ4" s="562"/>
      <c r="BK4" s="562"/>
      <c r="BL4" s="562"/>
      <c r="BM4" s="562"/>
      <c r="BN4" s="562"/>
      <c r="BO4" s="563"/>
      <c r="BP4" s="559" t="s">
        <v>52</v>
      </c>
      <c r="BQ4" s="564" t="s">
        <v>61</v>
      </c>
      <c r="BR4" s="562"/>
      <c r="BS4" s="563"/>
      <c r="BT4" s="561" t="s">
        <v>62</v>
      </c>
      <c r="BU4" s="562"/>
      <c r="BV4" s="562"/>
      <c r="BW4" s="562"/>
      <c r="BX4" s="562"/>
      <c r="BY4" s="562"/>
      <c r="BZ4" s="563"/>
      <c r="CA4" s="559" t="s">
        <v>52</v>
      </c>
      <c r="CB4" s="564" t="s">
        <v>61</v>
      </c>
      <c r="CC4" s="562"/>
      <c r="CD4" s="563"/>
      <c r="CE4" s="561" t="s">
        <v>62</v>
      </c>
      <c r="CF4" s="562"/>
      <c r="CG4" s="562"/>
      <c r="CH4" s="562"/>
      <c r="CI4" s="562"/>
      <c r="CJ4" s="562"/>
      <c r="CK4" s="563"/>
      <c r="CL4" s="559" t="s">
        <v>52</v>
      </c>
      <c r="CM4" s="564" t="s">
        <v>61</v>
      </c>
      <c r="CN4" s="562"/>
      <c r="CO4" s="563"/>
      <c r="CP4" s="561" t="s">
        <v>62</v>
      </c>
      <c r="CQ4" s="562"/>
      <c r="CR4" s="562"/>
      <c r="CS4" s="562"/>
      <c r="CT4" s="562"/>
      <c r="CU4" s="562"/>
      <c r="CV4" s="563"/>
      <c r="CW4" s="559" t="s">
        <v>52</v>
      </c>
    </row>
    <row r="5" spans="1:101" ht="30" customHeight="1" thickBot="1" x14ac:dyDescent="0.25">
      <c r="B5" s="544"/>
      <c r="C5" s="321" t="s">
        <v>43</v>
      </c>
      <c r="D5" s="265" t="s">
        <v>44</v>
      </c>
      <c r="E5" s="266" t="s">
        <v>45</v>
      </c>
      <c r="F5" s="267" t="s">
        <v>83</v>
      </c>
      <c r="G5" s="259" t="s">
        <v>47</v>
      </c>
      <c r="H5" s="259" t="s">
        <v>48</v>
      </c>
      <c r="I5" s="259" t="s">
        <v>49</v>
      </c>
      <c r="J5" s="259" t="s">
        <v>50</v>
      </c>
      <c r="K5" s="259" t="s">
        <v>51</v>
      </c>
      <c r="L5" s="268" t="s">
        <v>45</v>
      </c>
      <c r="M5" s="540"/>
      <c r="N5" s="321" t="s">
        <v>43</v>
      </c>
      <c r="O5" s="259" t="s">
        <v>44</v>
      </c>
      <c r="P5" s="265" t="s">
        <v>45</v>
      </c>
      <c r="Q5" s="267" t="s">
        <v>83</v>
      </c>
      <c r="R5" s="259" t="s">
        <v>47</v>
      </c>
      <c r="S5" s="259" t="s">
        <v>48</v>
      </c>
      <c r="T5" s="259" t="s">
        <v>49</v>
      </c>
      <c r="U5" s="259" t="s">
        <v>50</v>
      </c>
      <c r="V5" s="259" t="s">
        <v>51</v>
      </c>
      <c r="W5" s="265" t="s">
        <v>45</v>
      </c>
      <c r="X5" s="540"/>
      <c r="Y5" s="321" t="s">
        <v>43</v>
      </c>
      <c r="Z5" s="259" t="s">
        <v>44</v>
      </c>
      <c r="AA5" s="265" t="s">
        <v>45</v>
      </c>
      <c r="AB5" s="267" t="s">
        <v>83</v>
      </c>
      <c r="AC5" s="259" t="s">
        <v>47</v>
      </c>
      <c r="AD5" s="259" t="s">
        <v>48</v>
      </c>
      <c r="AE5" s="259" t="s">
        <v>49</v>
      </c>
      <c r="AF5" s="259" t="s">
        <v>50</v>
      </c>
      <c r="AG5" s="259" t="s">
        <v>51</v>
      </c>
      <c r="AH5" s="265" t="s">
        <v>45</v>
      </c>
      <c r="AI5" s="540"/>
      <c r="AJ5" s="338" t="s">
        <v>43</v>
      </c>
      <c r="AK5" s="259" t="s">
        <v>44</v>
      </c>
      <c r="AL5" s="265" t="s">
        <v>45</v>
      </c>
      <c r="AM5" s="267" t="s">
        <v>83</v>
      </c>
      <c r="AN5" s="259" t="s">
        <v>47</v>
      </c>
      <c r="AO5" s="259" t="s">
        <v>48</v>
      </c>
      <c r="AP5" s="259" t="s">
        <v>49</v>
      </c>
      <c r="AQ5" s="259" t="s">
        <v>50</v>
      </c>
      <c r="AR5" s="259" t="s">
        <v>51</v>
      </c>
      <c r="AS5" s="265" t="s">
        <v>45</v>
      </c>
      <c r="AT5" s="540"/>
      <c r="AU5" s="338" t="s">
        <v>43</v>
      </c>
      <c r="AV5" s="259" t="s">
        <v>44</v>
      </c>
      <c r="AW5" s="265" t="s">
        <v>45</v>
      </c>
      <c r="AX5" s="267" t="s">
        <v>83</v>
      </c>
      <c r="AY5" s="259" t="s">
        <v>47</v>
      </c>
      <c r="AZ5" s="259" t="s">
        <v>48</v>
      </c>
      <c r="BA5" s="259" t="s">
        <v>49</v>
      </c>
      <c r="BB5" s="259" t="s">
        <v>50</v>
      </c>
      <c r="BC5" s="259" t="s">
        <v>51</v>
      </c>
      <c r="BD5" s="265" t="s">
        <v>45</v>
      </c>
      <c r="BE5" s="560"/>
      <c r="BF5" s="338" t="s">
        <v>43</v>
      </c>
      <c r="BG5" s="259" t="s">
        <v>44</v>
      </c>
      <c r="BH5" s="265" t="s">
        <v>45</v>
      </c>
      <c r="BI5" s="267" t="s">
        <v>83</v>
      </c>
      <c r="BJ5" s="259" t="s">
        <v>47</v>
      </c>
      <c r="BK5" s="259" t="s">
        <v>48</v>
      </c>
      <c r="BL5" s="259" t="s">
        <v>49</v>
      </c>
      <c r="BM5" s="259" t="s">
        <v>50</v>
      </c>
      <c r="BN5" s="259" t="s">
        <v>51</v>
      </c>
      <c r="BO5" s="265" t="s">
        <v>45</v>
      </c>
      <c r="BP5" s="560"/>
      <c r="BQ5" s="338" t="s">
        <v>43</v>
      </c>
      <c r="BR5" s="259" t="s">
        <v>44</v>
      </c>
      <c r="BS5" s="265" t="s">
        <v>45</v>
      </c>
      <c r="BT5" s="267" t="s">
        <v>83</v>
      </c>
      <c r="BU5" s="259" t="s">
        <v>47</v>
      </c>
      <c r="BV5" s="259" t="s">
        <v>48</v>
      </c>
      <c r="BW5" s="259" t="s">
        <v>49</v>
      </c>
      <c r="BX5" s="259" t="s">
        <v>50</v>
      </c>
      <c r="BY5" s="259" t="s">
        <v>51</v>
      </c>
      <c r="BZ5" s="265" t="s">
        <v>45</v>
      </c>
      <c r="CA5" s="560"/>
      <c r="CB5" s="338" t="s">
        <v>43</v>
      </c>
      <c r="CC5" s="259" t="s">
        <v>44</v>
      </c>
      <c r="CD5" s="265" t="s">
        <v>45</v>
      </c>
      <c r="CE5" s="267" t="s">
        <v>83</v>
      </c>
      <c r="CF5" s="259" t="s">
        <v>47</v>
      </c>
      <c r="CG5" s="259" t="s">
        <v>48</v>
      </c>
      <c r="CH5" s="259" t="s">
        <v>49</v>
      </c>
      <c r="CI5" s="259" t="s">
        <v>50</v>
      </c>
      <c r="CJ5" s="259" t="s">
        <v>51</v>
      </c>
      <c r="CK5" s="265" t="s">
        <v>45</v>
      </c>
      <c r="CL5" s="560"/>
      <c r="CM5" s="338" t="s">
        <v>43</v>
      </c>
      <c r="CN5" s="259" t="s">
        <v>44</v>
      </c>
      <c r="CO5" s="265" t="s">
        <v>45</v>
      </c>
      <c r="CP5" s="267" t="s">
        <v>83</v>
      </c>
      <c r="CQ5" s="259" t="s">
        <v>47</v>
      </c>
      <c r="CR5" s="259" t="s">
        <v>48</v>
      </c>
      <c r="CS5" s="259" t="s">
        <v>49</v>
      </c>
      <c r="CT5" s="259" t="s">
        <v>50</v>
      </c>
      <c r="CU5" s="259" t="s">
        <v>51</v>
      </c>
      <c r="CV5" s="265" t="s">
        <v>45</v>
      </c>
      <c r="CW5" s="560"/>
    </row>
    <row r="6" spans="1:101" ht="21" customHeight="1" x14ac:dyDescent="0.2">
      <c r="B6" s="260" t="s">
        <v>4</v>
      </c>
      <c r="C6" s="269">
        <v>0</v>
      </c>
      <c r="D6" s="270">
        <v>0</v>
      </c>
      <c r="E6" s="271">
        <v>0</v>
      </c>
      <c r="F6" s="272">
        <v>0</v>
      </c>
      <c r="G6" s="273">
        <v>19</v>
      </c>
      <c r="H6" s="273">
        <v>23</v>
      </c>
      <c r="I6" s="273">
        <v>27</v>
      </c>
      <c r="J6" s="273">
        <v>20</v>
      </c>
      <c r="K6" s="273">
        <v>20</v>
      </c>
      <c r="L6" s="274">
        <v>109</v>
      </c>
      <c r="M6" s="275">
        <v>109</v>
      </c>
      <c r="N6" s="269">
        <v>0</v>
      </c>
      <c r="O6" s="273">
        <v>0</v>
      </c>
      <c r="P6" s="270">
        <v>0</v>
      </c>
      <c r="Q6" s="272">
        <v>0</v>
      </c>
      <c r="R6" s="273">
        <v>11</v>
      </c>
      <c r="S6" s="273">
        <v>34</v>
      </c>
      <c r="T6" s="273">
        <v>30</v>
      </c>
      <c r="U6" s="273">
        <v>32</v>
      </c>
      <c r="V6" s="273">
        <v>26</v>
      </c>
      <c r="W6" s="270">
        <v>133</v>
      </c>
      <c r="X6" s="275">
        <v>133</v>
      </c>
      <c r="Y6" s="269">
        <v>0</v>
      </c>
      <c r="Z6" s="273">
        <v>0</v>
      </c>
      <c r="AA6" s="270">
        <v>0</v>
      </c>
      <c r="AB6" s="272">
        <v>0</v>
      </c>
      <c r="AC6" s="273">
        <v>988</v>
      </c>
      <c r="AD6" s="273">
        <v>814</v>
      </c>
      <c r="AE6" s="273">
        <v>386</v>
      </c>
      <c r="AF6" s="273">
        <v>161</v>
      </c>
      <c r="AG6" s="273">
        <v>77</v>
      </c>
      <c r="AH6" s="270">
        <v>2426</v>
      </c>
      <c r="AI6" s="275">
        <v>2426</v>
      </c>
      <c r="AJ6" s="269">
        <v>2</v>
      </c>
      <c r="AK6" s="273">
        <v>0</v>
      </c>
      <c r="AL6" s="270">
        <v>2</v>
      </c>
      <c r="AM6" s="272">
        <v>0</v>
      </c>
      <c r="AN6" s="273">
        <v>73</v>
      </c>
      <c r="AO6" s="273">
        <v>77</v>
      </c>
      <c r="AP6" s="273">
        <v>84</v>
      </c>
      <c r="AQ6" s="273">
        <v>37</v>
      </c>
      <c r="AR6" s="273">
        <v>26</v>
      </c>
      <c r="AS6" s="270">
        <v>297</v>
      </c>
      <c r="AT6" s="275">
        <v>299</v>
      </c>
      <c r="AU6" s="269">
        <v>13</v>
      </c>
      <c r="AV6" s="273">
        <v>6</v>
      </c>
      <c r="AW6" s="270">
        <v>19</v>
      </c>
      <c r="AX6" s="272">
        <v>0</v>
      </c>
      <c r="AY6" s="273">
        <v>74</v>
      </c>
      <c r="AZ6" s="273">
        <v>80</v>
      </c>
      <c r="BA6" s="273">
        <v>81</v>
      </c>
      <c r="BB6" s="273">
        <v>46</v>
      </c>
      <c r="BC6" s="273">
        <v>26</v>
      </c>
      <c r="BD6" s="270">
        <v>307</v>
      </c>
      <c r="BE6" s="275">
        <v>326</v>
      </c>
      <c r="BF6" s="269">
        <v>0</v>
      </c>
      <c r="BG6" s="273">
        <v>1</v>
      </c>
      <c r="BH6" s="270">
        <v>1</v>
      </c>
      <c r="BI6" s="272">
        <v>0</v>
      </c>
      <c r="BJ6" s="273">
        <v>94</v>
      </c>
      <c r="BK6" s="273">
        <v>137</v>
      </c>
      <c r="BL6" s="273">
        <v>144</v>
      </c>
      <c r="BM6" s="273">
        <v>121</v>
      </c>
      <c r="BN6" s="273">
        <v>77</v>
      </c>
      <c r="BO6" s="274">
        <v>573</v>
      </c>
      <c r="BP6" s="275">
        <v>574</v>
      </c>
      <c r="BQ6" s="269">
        <v>0</v>
      </c>
      <c r="BR6" s="273">
        <v>0</v>
      </c>
      <c r="BS6" s="270">
        <v>0</v>
      </c>
      <c r="BT6" s="272">
        <v>0</v>
      </c>
      <c r="BU6" s="273">
        <v>4</v>
      </c>
      <c r="BV6" s="273">
        <v>5</v>
      </c>
      <c r="BW6" s="273">
        <v>8</v>
      </c>
      <c r="BX6" s="273">
        <v>3</v>
      </c>
      <c r="BY6" s="273">
        <v>4</v>
      </c>
      <c r="BZ6" s="270">
        <v>24</v>
      </c>
      <c r="CA6" s="275">
        <v>24</v>
      </c>
      <c r="CB6" s="269">
        <v>0</v>
      </c>
      <c r="CC6" s="273">
        <v>0</v>
      </c>
      <c r="CD6" s="270">
        <v>0</v>
      </c>
      <c r="CE6" s="272">
        <v>0</v>
      </c>
      <c r="CF6" s="273">
        <v>0</v>
      </c>
      <c r="CG6" s="273">
        <v>3</v>
      </c>
      <c r="CH6" s="273">
        <v>18</v>
      </c>
      <c r="CI6" s="273">
        <v>23</v>
      </c>
      <c r="CJ6" s="273">
        <v>9</v>
      </c>
      <c r="CK6" s="270">
        <v>53</v>
      </c>
      <c r="CL6" s="275">
        <v>53</v>
      </c>
      <c r="CM6" s="269">
        <v>0</v>
      </c>
      <c r="CN6" s="273">
        <v>0</v>
      </c>
      <c r="CO6" s="270">
        <v>0</v>
      </c>
      <c r="CP6" s="272">
        <v>0</v>
      </c>
      <c r="CQ6" s="273">
        <v>19</v>
      </c>
      <c r="CR6" s="273">
        <v>16</v>
      </c>
      <c r="CS6" s="273">
        <v>19</v>
      </c>
      <c r="CT6" s="273">
        <v>28</v>
      </c>
      <c r="CU6" s="273">
        <v>37</v>
      </c>
      <c r="CV6" s="270">
        <v>119</v>
      </c>
      <c r="CW6" s="275">
        <v>119</v>
      </c>
    </row>
    <row r="7" spans="1:101" ht="21" customHeight="1" x14ac:dyDescent="0.2">
      <c r="B7" s="261" t="s">
        <v>5</v>
      </c>
      <c r="C7" s="276">
        <v>0</v>
      </c>
      <c r="D7" s="277">
        <v>0</v>
      </c>
      <c r="E7" s="278">
        <v>0</v>
      </c>
      <c r="F7" s="279">
        <v>0</v>
      </c>
      <c r="G7" s="280">
        <v>5</v>
      </c>
      <c r="H7" s="280">
        <v>11</v>
      </c>
      <c r="I7" s="280">
        <v>10</v>
      </c>
      <c r="J7" s="280">
        <v>13</v>
      </c>
      <c r="K7" s="280">
        <v>11</v>
      </c>
      <c r="L7" s="281">
        <v>50</v>
      </c>
      <c r="M7" s="282">
        <v>50</v>
      </c>
      <c r="N7" s="276">
        <v>0</v>
      </c>
      <c r="O7" s="280">
        <v>0</v>
      </c>
      <c r="P7" s="277">
        <v>0</v>
      </c>
      <c r="Q7" s="279">
        <v>0</v>
      </c>
      <c r="R7" s="280">
        <v>7</v>
      </c>
      <c r="S7" s="280">
        <v>27</v>
      </c>
      <c r="T7" s="280">
        <v>22</v>
      </c>
      <c r="U7" s="280">
        <v>27</v>
      </c>
      <c r="V7" s="280">
        <v>23</v>
      </c>
      <c r="W7" s="277">
        <v>106</v>
      </c>
      <c r="X7" s="282">
        <v>106</v>
      </c>
      <c r="Y7" s="276">
        <v>0</v>
      </c>
      <c r="Z7" s="280">
        <v>0</v>
      </c>
      <c r="AA7" s="277">
        <v>0</v>
      </c>
      <c r="AB7" s="279">
        <v>0</v>
      </c>
      <c r="AC7" s="280">
        <v>396</v>
      </c>
      <c r="AD7" s="280">
        <v>401</v>
      </c>
      <c r="AE7" s="280">
        <v>184</v>
      </c>
      <c r="AF7" s="280">
        <v>80</v>
      </c>
      <c r="AG7" s="280">
        <v>37</v>
      </c>
      <c r="AH7" s="277">
        <v>1098</v>
      </c>
      <c r="AI7" s="282">
        <v>1098</v>
      </c>
      <c r="AJ7" s="276">
        <v>0</v>
      </c>
      <c r="AK7" s="280">
        <v>0</v>
      </c>
      <c r="AL7" s="277">
        <v>0</v>
      </c>
      <c r="AM7" s="279">
        <v>0</v>
      </c>
      <c r="AN7" s="280">
        <v>39</v>
      </c>
      <c r="AO7" s="280">
        <v>35</v>
      </c>
      <c r="AP7" s="280">
        <v>55</v>
      </c>
      <c r="AQ7" s="280">
        <v>18</v>
      </c>
      <c r="AR7" s="280">
        <v>13</v>
      </c>
      <c r="AS7" s="277">
        <v>160</v>
      </c>
      <c r="AT7" s="282">
        <v>160</v>
      </c>
      <c r="AU7" s="276">
        <v>5</v>
      </c>
      <c r="AV7" s="280">
        <v>4</v>
      </c>
      <c r="AW7" s="277">
        <v>9</v>
      </c>
      <c r="AX7" s="279">
        <v>0</v>
      </c>
      <c r="AY7" s="280">
        <v>25</v>
      </c>
      <c r="AZ7" s="280">
        <v>35</v>
      </c>
      <c r="BA7" s="280">
        <v>30</v>
      </c>
      <c r="BB7" s="280">
        <v>17</v>
      </c>
      <c r="BC7" s="280">
        <v>13</v>
      </c>
      <c r="BD7" s="277">
        <v>120</v>
      </c>
      <c r="BE7" s="282">
        <v>129</v>
      </c>
      <c r="BF7" s="276">
        <v>0</v>
      </c>
      <c r="BG7" s="280">
        <v>1</v>
      </c>
      <c r="BH7" s="277">
        <v>1</v>
      </c>
      <c r="BI7" s="279">
        <v>0</v>
      </c>
      <c r="BJ7" s="280">
        <v>34</v>
      </c>
      <c r="BK7" s="280">
        <v>54</v>
      </c>
      <c r="BL7" s="280">
        <v>47</v>
      </c>
      <c r="BM7" s="280">
        <v>51</v>
      </c>
      <c r="BN7" s="280">
        <v>32</v>
      </c>
      <c r="BO7" s="281">
        <v>218</v>
      </c>
      <c r="BP7" s="282">
        <v>219</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3</v>
      </c>
      <c r="CI7" s="280">
        <v>4</v>
      </c>
      <c r="CJ7" s="280">
        <v>2</v>
      </c>
      <c r="CK7" s="277">
        <v>10</v>
      </c>
      <c r="CL7" s="282">
        <v>10</v>
      </c>
      <c r="CM7" s="276">
        <v>0</v>
      </c>
      <c r="CN7" s="280">
        <v>0</v>
      </c>
      <c r="CO7" s="277">
        <v>0</v>
      </c>
      <c r="CP7" s="279">
        <v>0</v>
      </c>
      <c r="CQ7" s="280">
        <v>3</v>
      </c>
      <c r="CR7" s="280">
        <v>3</v>
      </c>
      <c r="CS7" s="280">
        <v>6</v>
      </c>
      <c r="CT7" s="280">
        <v>5</v>
      </c>
      <c r="CU7" s="280">
        <v>19</v>
      </c>
      <c r="CV7" s="277">
        <v>36</v>
      </c>
      <c r="CW7" s="282">
        <v>36</v>
      </c>
    </row>
    <row r="8" spans="1:101" ht="21" customHeight="1" x14ac:dyDescent="0.2">
      <c r="B8" s="261" t="s">
        <v>6</v>
      </c>
      <c r="C8" s="276">
        <v>0</v>
      </c>
      <c r="D8" s="277">
        <v>0</v>
      </c>
      <c r="E8" s="278">
        <v>0</v>
      </c>
      <c r="F8" s="279">
        <v>0</v>
      </c>
      <c r="G8" s="280">
        <v>4</v>
      </c>
      <c r="H8" s="280">
        <v>3</v>
      </c>
      <c r="I8" s="280">
        <v>9</v>
      </c>
      <c r="J8" s="280">
        <v>5</v>
      </c>
      <c r="K8" s="280">
        <v>6</v>
      </c>
      <c r="L8" s="281">
        <v>27</v>
      </c>
      <c r="M8" s="282">
        <v>27</v>
      </c>
      <c r="N8" s="276">
        <v>0</v>
      </c>
      <c r="O8" s="280">
        <v>0</v>
      </c>
      <c r="P8" s="277">
        <v>0</v>
      </c>
      <c r="Q8" s="279">
        <v>0</v>
      </c>
      <c r="R8" s="280">
        <v>3</v>
      </c>
      <c r="S8" s="280">
        <v>6</v>
      </c>
      <c r="T8" s="280">
        <v>5</v>
      </c>
      <c r="U8" s="280">
        <v>4</v>
      </c>
      <c r="V8" s="280">
        <v>3</v>
      </c>
      <c r="W8" s="277">
        <v>21</v>
      </c>
      <c r="X8" s="282">
        <v>21</v>
      </c>
      <c r="Y8" s="276">
        <v>0</v>
      </c>
      <c r="Z8" s="280">
        <v>0</v>
      </c>
      <c r="AA8" s="277">
        <v>0</v>
      </c>
      <c r="AB8" s="279">
        <v>0</v>
      </c>
      <c r="AC8" s="280">
        <v>111</v>
      </c>
      <c r="AD8" s="280">
        <v>63</v>
      </c>
      <c r="AE8" s="280">
        <v>35</v>
      </c>
      <c r="AF8" s="280">
        <v>23</v>
      </c>
      <c r="AG8" s="280">
        <v>8</v>
      </c>
      <c r="AH8" s="277">
        <v>240</v>
      </c>
      <c r="AI8" s="282">
        <v>240</v>
      </c>
      <c r="AJ8" s="276">
        <v>0</v>
      </c>
      <c r="AK8" s="280">
        <v>0</v>
      </c>
      <c r="AL8" s="277">
        <v>0</v>
      </c>
      <c r="AM8" s="279">
        <v>0</v>
      </c>
      <c r="AN8" s="280">
        <v>12</v>
      </c>
      <c r="AO8" s="280">
        <v>13</v>
      </c>
      <c r="AP8" s="280">
        <v>7</v>
      </c>
      <c r="AQ8" s="280">
        <v>5</v>
      </c>
      <c r="AR8" s="280">
        <v>5</v>
      </c>
      <c r="AS8" s="277">
        <v>42</v>
      </c>
      <c r="AT8" s="282">
        <v>42</v>
      </c>
      <c r="AU8" s="276">
        <v>3</v>
      </c>
      <c r="AV8" s="280">
        <v>0</v>
      </c>
      <c r="AW8" s="277">
        <v>3</v>
      </c>
      <c r="AX8" s="279">
        <v>0</v>
      </c>
      <c r="AY8" s="280">
        <v>13</v>
      </c>
      <c r="AZ8" s="280">
        <v>9</v>
      </c>
      <c r="BA8" s="280">
        <v>8</v>
      </c>
      <c r="BB8" s="280">
        <v>11</v>
      </c>
      <c r="BC8" s="280">
        <v>3</v>
      </c>
      <c r="BD8" s="277">
        <v>44</v>
      </c>
      <c r="BE8" s="282">
        <v>47</v>
      </c>
      <c r="BF8" s="276">
        <v>0</v>
      </c>
      <c r="BG8" s="280">
        <v>0</v>
      </c>
      <c r="BH8" s="277">
        <v>0</v>
      </c>
      <c r="BI8" s="279">
        <v>0</v>
      </c>
      <c r="BJ8" s="280">
        <v>21</v>
      </c>
      <c r="BK8" s="280">
        <v>21</v>
      </c>
      <c r="BL8" s="280">
        <v>21</v>
      </c>
      <c r="BM8" s="280">
        <v>23</v>
      </c>
      <c r="BN8" s="280">
        <v>12</v>
      </c>
      <c r="BO8" s="281">
        <v>98</v>
      </c>
      <c r="BP8" s="282">
        <v>98</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0</v>
      </c>
      <c r="CG8" s="280">
        <v>0</v>
      </c>
      <c r="CH8" s="280">
        <v>8</v>
      </c>
      <c r="CI8" s="280">
        <v>5</v>
      </c>
      <c r="CJ8" s="280">
        <v>1</v>
      </c>
      <c r="CK8" s="277">
        <v>14</v>
      </c>
      <c r="CL8" s="282">
        <v>14</v>
      </c>
      <c r="CM8" s="276">
        <v>0</v>
      </c>
      <c r="CN8" s="280">
        <v>0</v>
      </c>
      <c r="CO8" s="277">
        <v>0</v>
      </c>
      <c r="CP8" s="279">
        <v>0</v>
      </c>
      <c r="CQ8" s="280">
        <v>7</v>
      </c>
      <c r="CR8" s="280">
        <v>3</v>
      </c>
      <c r="CS8" s="280">
        <v>1</v>
      </c>
      <c r="CT8" s="280">
        <v>8</v>
      </c>
      <c r="CU8" s="280">
        <v>5</v>
      </c>
      <c r="CV8" s="277">
        <v>24</v>
      </c>
      <c r="CW8" s="282">
        <v>24</v>
      </c>
    </row>
    <row r="9" spans="1:101" ht="21" customHeight="1" x14ac:dyDescent="0.2">
      <c r="B9" s="261" t="s">
        <v>14</v>
      </c>
      <c r="C9" s="276">
        <v>0</v>
      </c>
      <c r="D9" s="277">
        <v>0</v>
      </c>
      <c r="E9" s="278">
        <v>0</v>
      </c>
      <c r="F9" s="279">
        <v>0</v>
      </c>
      <c r="G9" s="280">
        <v>2</v>
      </c>
      <c r="H9" s="280">
        <v>3</v>
      </c>
      <c r="I9" s="280">
        <v>1</v>
      </c>
      <c r="J9" s="280">
        <v>0</v>
      </c>
      <c r="K9" s="280">
        <v>0</v>
      </c>
      <c r="L9" s="281">
        <v>6</v>
      </c>
      <c r="M9" s="282">
        <v>6</v>
      </c>
      <c r="N9" s="276">
        <v>0</v>
      </c>
      <c r="O9" s="280">
        <v>0</v>
      </c>
      <c r="P9" s="277">
        <v>0</v>
      </c>
      <c r="Q9" s="279">
        <v>0</v>
      </c>
      <c r="R9" s="280">
        <v>0</v>
      </c>
      <c r="S9" s="280">
        <v>0</v>
      </c>
      <c r="T9" s="280">
        <v>0</v>
      </c>
      <c r="U9" s="280">
        <v>0</v>
      </c>
      <c r="V9" s="280">
        <v>0</v>
      </c>
      <c r="W9" s="277">
        <v>0</v>
      </c>
      <c r="X9" s="282">
        <v>0</v>
      </c>
      <c r="Y9" s="276">
        <v>0</v>
      </c>
      <c r="Z9" s="280">
        <v>0</v>
      </c>
      <c r="AA9" s="277">
        <v>0</v>
      </c>
      <c r="AB9" s="279">
        <v>0</v>
      </c>
      <c r="AC9" s="280">
        <v>73</v>
      </c>
      <c r="AD9" s="280">
        <v>72</v>
      </c>
      <c r="AE9" s="280">
        <v>45</v>
      </c>
      <c r="AF9" s="280">
        <v>7</v>
      </c>
      <c r="AG9" s="280">
        <v>9</v>
      </c>
      <c r="AH9" s="277">
        <v>206</v>
      </c>
      <c r="AI9" s="282">
        <v>206</v>
      </c>
      <c r="AJ9" s="276">
        <v>0</v>
      </c>
      <c r="AK9" s="280">
        <v>0</v>
      </c>
      <c r="AL9" s="277">
        <v>0</v>
      </c>
      <c r="AM9" s="279">
        <v>0</v>
      </c>
      <c r="AN9" s="280">
        <v>1</v>
      </c>
      <c r="AO9" s="280">
        <v>4</v>
      </c>
      <c r="AP9" s="280">
        <v>3</v>
      </c>
      <c r="AQ9" s="280">
        <v>0</v>
      </c>
      <c r="AR9" s="280">
        <v>0</v>
      </c>
      <c r="AS9" s="277">
        <v>8</v>
      </c>
      <c r="AT9" s="282">
        <v>8</v>
      </c>
      <c r="AU9" s="276">
        <v>1</v>
      </c>
      <c r="AV9" s="280">
        <v>1</v>
      </c>
      <c r="AW9" s="277">
        <v>2</v>
      </c>
      <c r="AX9" s="279">
        <v>0</v>
      </c>
      <c r="AY9" s="280">
        <v>6</v>
      </c>
      <c r="AZ9" s="280">
        <v>8</v>
      </c>
      <c r="BA9" s="280">
        <v>5</v>
      </c>
      <c r="BB9" s="280">
        <v>2</v>
      </c>
      <c r="BC9" s="280">
        <v>5</v>
      </c>
      <c r="BD9" s="277">
        <v>26</v>
      </c>
      <c r="BE9" s="282">
        <v>28</v>
      </c>
      <c r="BF9" s="276">
        <v>0</v>
      </c>
      <c r="BG9" s="280">
        <v>0</v>
      </c>
      <c r="BH9" s="277">
        <v>0</v>
      </c>
      <c r="BI9" s="279">
        <v>0</v>
      </c>
      <c r="BJ9" s="280">
        <v>5</v>
      </c>
      <c r="BK9" s="280">
        <v>12</v>
      </c>
      <c r="BL9" s="280">
        <v>10</v>
      </c>
      <c r="BM9" s="280">
        <v>9</v>
      </c>
      <c r="BN9" s="280">
        <v>8</v>
      </c>
      <c r="BO9" s="281">
        <v>44</v>
      </c>
      <c r="BP9" s="282">
        <v>44</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0</v>
      </c>
      <c r="CH9" s="280">
        <v>3</v>
      </c>
      <c r="CI9" s="280">
        <v>2</v>
      </c>
      <c r="CJ9" s="280">
        <v>0</v>
      </c>
      <c r="CK9" s="277">
        <v>5</v>
      </c>
      <c r="CL9" s="282">
        <v>5</v>
      </c>
      <c r="CM9" s="276">
        <v>0</v>
      </c>
      <c r="CN9" s="280">
        <v>0</v>
      </c>
      <c r="CO9" s="277">
        <v>0</v>
      </c>
      <c r="CP9" s="279">
        <v>0</v>
      </c>
      <c r="CQ9" s="280">
        <v>1</v>
      </c>
      <c r="CR9" s="280">
        <v>2</v>
      </c>
      <c r="CS9" s="280">
        <v>0</v>
      </c>
      <c r="CT9" s="280">
        <v>2</v>
      </c>
      <c r="CU9" s="280">
        <v>2</v>
      </c>
      <c r="CV9" s="277">
        <v>7</v>
      </c>
      <c r="CW9" s="282">
        <v>7</v>
      </c>
    </row>
    <row r="10" spans="1:101" ht="21" customHeight="1" x14ac:dyDescent="0.2">
      <c r="B10" s="261" t="s">
        <v>7</v>
      </c>
      <c r="C10" s="276">
        <v>0</v>
      </c>
      <c r="D10" s="277">
        <v>0</v>
      </c>
      <c r="E10" s="278">
        <v>0</v>
      </c>
      <c r="F10" s="279">
        <v>0</v>
      </c>
      <c r="G10" s="280">
        <v>0</v>
      </c>
      <c r="H10" s="280">
        <v>0</v>
      </c>
      <c r="I10" s="280">
        <v>0</v>
      </c>
      <c r="J10" s="280">
        <v>0</v>
      </c>
      <c r="K10" s="280">
        <v>1</v>
      </c>
      <c r="L10" s="281">
        <v>1</v>
      </c>
      <c r="M10" s="282">
        <v>1</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92</v>
      </c>
      <c r="AD10" s="280">
        <v>58</v>
      </c>
      <c r="AE10" s="280">
        <v>22</v>
      </c>
      <c r="AF10" s="280">
        <v>5</v>
      </c>
      <c r="AG10" s="280">
        <v>3</v>
      </c>
      <c r="AH10" s="277">
        <v>180</v>
      </c>
      <c r="AI10" s="282">
        <v>180</v>
      </c>
      <c r="AJ10" s="276">
        <v>0</v>
      </c>
      <c r="AK10" s="280">
        <v>0</v>
      </c>
      <c r="AL10" s="277">
        <v>0</v>
      </c>
      <c r="AM10" s="279">
        <v>0</v>
      </c>
      <c r="AN10" s="280">
        <v>10</v>
      </c>
      <c r="AO10" s="280">
        <v>13</v>
      </c>
      <c r="AP10" s="280">
        <v>6</v>
      </c>
      <c r="AQ10" s="280">
        <v>7</v>
      </c>
      <c r="AR10" s="280">
        <v>2</v>
      </c>
      <c r="AS10" s="277">
        <v>38</v>
      </c>
      <c r="AT10" s="282">
        <v>38</v>
      </c>
      <c r="AU10" s="276">
        <v>0</v>
      </c>
      <c r="AV10" s="280">
        <v>0</v>
      </c>
      <c r="AW10" s="277">
        <v>0</v>
      </c>
      <c r="AX10" s="279">
        <v>0</v>
      </c>
      <c r="AY10" s="280">
        <v>4</v>
      </c>
      <c r="AZ10" s="280">
        <v>4</v>
      </c>
      <c r="BA10" s="280">
        <v>3</v>
      </c>
      <c r="BB10" s="280">
        <v>1</v>
      </c>
      <c r="BC10" s="280">
        <v>0</v>
      </c>
      <c r="BD10" s="277">
        <v>12</v>
      </c>
      <c r="BE10" s="282">
        <v>12</v>
      </c>
      <c r="BF10" s="276">
        <v>0</v>
      </c>
      <c r="BG10" s="280">
        <v>0</v>
      </c>
      <c r="BH10" s="277">
        <v>0</v>
      </c>
      <c r="BI10" s="279">
        <v>0</v>
      </c>
      <c r="BJ10" s="280">
        <v>7</v>
      </c>
      <c r="BK10" s="280">
        <v>4</v>
      </c>
      <c r="BL10" s="280">
        <v>17</v>
      </c>
      <c r="BM10" s="280">
        <v>3</v>
      </c>
      <c r="BN10" s="280">
        <v>4</v>
      </c>
      <c r="BO10" s="281">
        <v>35</v>
      </c>
      <c r="BP10" s="282">
        <v>35</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v>
      </c>
      <c r="CR10" s="280">
        <v>0</v>
      </c>
      <c r="CS10" s="280">
        <v>2</v>
      </c>
      <c r="CT10" s="280">
        <v>2</v>
      </c>
      <c r="CU10" s="280">
        <v>2</v>
      </c>
      <c r="CV10" s="277">
        <v>7</v>
      </c>
      <c r="CW10" s="282">
        <v>7</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43</v>
      </c>
      <c r="AD11" s="280">
        <v>30</v>
      </c>
      <c r="AE11" s="280">
        <v>14</v>
      </c>
      <c r="AF11" s="280">
        <v>6</v>
      </c>
      <c r="AG11" s="280">
        <v>4</v>
      </c>
      <c r="AH11" s="277">
        <v>97</v>
      </c>
      <c r="AI11" s="282">
        <v>97</v>
      </c>
      <c r="AJ11" s="276">
        <v>0</v>
      </c>
      <c r="AK11" s="280">
        <v>0</v>
      </c>
      <c r="AL11" s="277">
        <v>0</v>
      </c>
      <c r="AM11" s="279">
        <v>0</v>
      </c>
      <c r="AN11" s="280">
        <v>1</v>
      </c>
      <c r="AO11" s="280">
        <v>0</v>
      </c>
      <c r="AP11" s="280">
        <v>0</v>
      </c>
      <c r="AQ11" s="280">
        <v>0</v>
      </c>
      <c r="AR11" s="280">
        <v>1</v>
      </c>
      <c r="AS11" s="277">
        <v>2</v>
      </c>
      <c r="AT11" s="282">
        <v>2</v>
      </c>
      <c r="AU11" s="276">
        <v>0</v>
      </c>
      <c r="AV11" s="280">
        <v>1</v>
      </c>
      <c r="AW11" s="277">
        <v>1</v>
      </c>
      <c r="AX11" s="279">
        <v>0</v>
      </c>
      <c r="AY11" s="280">
        <v>1</v>
      </c>
      <c r="AZ11" s="280">
        <v>1</v>
      </c>
      <c r="BA11" s="280">
        <v>3</v>
      </c>
      <c r="BB11" s="280">
        <v>1</v>
      </c>
      <c r="BC11" s="280">
        <v>1</v>
      </c>
      <c r="BD11" s="277">
        <v>7</v>
      </c>
      <c r="BE11" s="282">
        <v>8</v>
      </c>
      <c r="BF11" s="276">
        <v>0</v>
      </c>
      <c r="BG11" s="280">
        <v>0</v>
      </c>
      <c r="BH11" s="277">
        <v>0</v>
      </c>
      <c r="BI11" s="279">
        <v>0</v>
      </c>
      <c r="BJ11" s="280">
        <v>4</v>
      </c>
      <c r="BK11" s="280">
        <v>3</v>
      </c>
      <c r="BL11" s="280">
        <v>5</v>
      </c>
      <c r="BM11" s="280">
        <v>3</v>
      </c>
      <c r="BN11" s="280">
        <v>1</v>
      </c>
      <c r="BO11" s="281">
        <v>16</v>
      </c>
      <c r="BP11" s="282">
        <v>16</v>
      </c>
      <c r="BQ11" s="276">
        <v>0</v>
      </c>
      <c r="BR11" s="280">
        <v>0</v>
      </c>
      <c r="BS11" s="277">
        <v>0</v>
      </c>
      <c r="BT11" s="279">
        <v>0</v>
      </c>
      <c r="BU11" s="280">
        <v>1</v>
      </c>
      <c r="BV11" s="280">
        <v>0</v>
      </c>
      <c r="BW11" s="280">
        <v>2</v>
      </c>
      <c r="BX11" s="280">
        <v>0</v>
      </c>
      <c r="BY11" s="280">
        <v>1</v>
      </c>
      <c r="BZ11" s="277">
        <v>4</v>
      </c>
      <c r="CA11" s="282">
        <v>4</v>
      </c>
      <c r="CB11" s="276">
        <v>0</v>
      </c>
      <c r="CC11" s="280">
        <v>0</v>
      </c>
      <c r="CD11" s="277">
        <v>0</v>
      </c>
      <c r="CE11" s="279">
        <v>0</v>
      </c>
      <c r="CF11" s="280">
        <v>0</v>
      </c>
      <c r="CG11" s="280">
        <v>0</v>
      </c>
      <c r="CH11" s="280">
        <v>0</v>
      </c>
      <c r="CI11" s="280">
        <v>1</v>
      </c>
      <c r="CJ11" s="280">
        <v>0</v>
      </c>
      <c r="CK11" s="277">
        <v>1</v>
      </c>
      <c r="CL11" s="282">
        <v>1</v>
      </c>
      <c r="CM11" s="276">
        <v>0</v>
      </c>
      <c r="CN11" s="280">
        <v>0</v>
      </c>
      <c r="CO11" s="277">
        <v>0</v>
      </c>
      <c r="CP11" s="279">
        <v>0</v>
      </c>
      <c r="CQ11" s="280">
        <v>3</v>
      </c>
      <c r="CR11" s="280">
        <v>0</v>
      </c>
      <c r="CS11" s="280">
        <v>2</v>
      </c>
      <c r="CT11" s="280">
        <v>2</v>
      </c>
      <c r="CU11" s="280">
        <v>1</v>
      </c>
      <c r="CV11" s="277">
        <v>8</v>
      </c>
      <c r="CW11" s="282">
        <v>8</v>
      </c>
    </row>
    <row r="12" spans="1:101" ht="21" customHeight="1" x14ac:dyDescent="0.2">
      <c r="B12" s="261" t="s">
        <v>9</v>
      </c>
      <c r="C12" s="276">
        <v>0</v>
      </c>
      <c r="D12" s="277">
        <v>0</v>
      </c>
      <c r="E12" s="278">
        <v>0</v>
      </c>
      <c r="F12" s="279">
        <v>0</v>
      </c>
      <c r="G12" s="280">
        <v>0</v>
      </c>
      <c r="H12" s="280">
        <v>0</v>
      </c>
      <c r="I12" s="280">
        <v>0</v>
      </c>
      <c r="J12" s="280">
        <v>0</v>
      </c>
      <c r="K12" s="280">
        <v>0</v>
      </c>
      <c r="L12" s="281">
        <v>0</v>
      </c>
      <c r="M12" s="282">
        <v>0</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55</v>
      </c>
      <c r="AD12" s="280">
        <v>26</v>
      </c>
      <c r="AE12" s="280">
        <v>16</v>
      </c>
      <c r="AF12" s="280">
        <v>8</v>
      </c>
      <c r="AG12" s="280">
        <v>2</v>
      </c>
      <c r="AH12" s="277">
        <v>107</v>
      </c>
      <c r="AI12" s="282">
        <v>107</v>
      </c>
      <c r="AJ12" s="276">
        <v>0</v>
      </c>
      <c r="AK12" s="280">
        <v>0</v>
      </c>
      <c r="AL12" s="277">
        <v>0</v>
      </c>
      <c r="AM12" s="279">
        <v>0</v>
      </c>
      <c r="AN12" s="280">
        <v>0</v>
      </c>
      <c r="AO12" s="280">
        <v>0</v>
      </c>
      <c r="AP12" s="280">
        <v>0</v>
      </c>
      <c r="AQ12" s="280">
        <v>0</v>
      </c>
      <c r="AR12" s="280">
        <v>1</v>
      </c>
      <c r="AS12" s="277">
        <v>1</v>
      </c>
      <c r="AT12" s="282">
        <v>1</v>
      </c>
      <c r="AU12" s="276">
        <v>2</v>
      </c>
      <c r="AV12" s="280">
        <v>0</v>
      </c>
      <c r="AW12" s="277">
        <v>2</v>
      </c>
      <c r="AX12" s="279">
        <v>0</v>
      </c>
      <c r="AY12" s="280">
        <v>1</v>
      </c>
      <c r="AZ12" s="280">
        <v>4</v>
      </c>
      <c r="BA12" s="280">
        <v>3</v>
      </c>
      <c r="BB12" s="280">
        <v>0</v>
      </c>
      <c r="BC12" s="280">
        <v>0</v>
      </c>
      <c r="BD12" s="277">
        <v>8</v>
      </c>
      <c r="BE12" s="282">
        <v>10</v>
      </c>
      <c r="BF12" s="276">
        <v>0</v>
      </c>
      <c r="BG12" s="280">
        <v>0</v>
      </c>
      <c r="BH12" s="277">
        <v>0</v>
      </c>
      <c r="BI12" s="279">
        <v>0</v>
      </c>
      <c r="BJ12" s="280">
        <v>2</v>
      </c>
      <c r="BK12" s="280">
        <v>3</v>
      </c>
      <c r="BL12" s="280">
        <v>7</v>
      </c>
      <c r="BM12" s="280">
        <v>2</v>
      </c>
      <c r="BN12" s="280">
        <v>4</v>
      </c>
      <c r="BO12" s="281">
        <v>18</v>
      </c>
      <c r="BP12" s="282">
        <v>18</v>
      </c>
      <c r="BQ12" s="276">
        <v>0</v>
      </c>
      <c r="BR12" s="280">
        <v>0</v>
      </c>
      <c r="BS12" s="277">
        <v>0</v>
      </c>
      <c r="BT12" s="279">
        <v>0</v>
      </c>
      <c r="BU12" s="280">
        <v>1</v>
      </c>
      <c r="BV12" s="280">
        <v>0</v>
      </c>
      <c r="BW12" s="280">
        <v>0</v>
      </c>
      <c r="BX12" s="280">
        <v>0</v>
      </c>
      <c r="BY12" s="280">
        <v>0</v>
      </c>
      <c r="BZ12" s="277">
        <v>1</v>
      </c>
      <c r="CA12" s="282">
        <v>1</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1</v>
      </c>
      <c r="CT12" s="280">
        <v>1</v>
      </c>
      <c r="CU12" s="280">
        <v>1</v>
      </c>
      <c r="CV12" s="277">
        <v>4</v>
      </c>
      <c r="CW12" s="282">
        <v>4</v>
      </c>
    </row>
    <row r="13" spans="1:101" ht="21" customHeight="1" x14ac:dyDescent="0.2">
      <c r="B13" s="261" t="s">
        <v>10</v>
      </c>
      <c r="C13" s="276">
        <v>0</v>
      </c>
      <c r="D13" s="277">
        <v>0</v>
      </c>
      <c r="E13" s="278">
        <v>0</v>
      </c>
      <c r="F13" s="279">
        <v>0</v>
      </c>
      <c r="G13" s="280">
        <v>4</v>
      </c>
      <c r="H13" s="280">
        <v>2</v>
      </c>
      <c r="I13" s="280">
        <v>2</v>
      </c>
      <c r="J13" s="280">
        <v>0</v>
      </c>
      <c r="K13" s="280">
        <v>0</v>
      </c>
      <c r="L13" s="281">
        <v>8</v>
      </c>
      <c r="M13" s="282">
        <v>8</v>
      </c>
      <c r="N13" s="276">
        <v>0</v>
      </c>
      <c r="O13" s="280">
        <v>0</v>
      </c>
      <c r="P13" s="277">
        <v>0</v>
      </c>
      <c r="Q13" s="279">
        <v>0</v>
      </c>
      <c r="R13" s="280">
        <v>1</v>
      </c>
      <c r="S13" s="280">
        <v>1</v>
      </c>
      <c r="T13" s="280">
        <v>2</v>
      </c>
      <c r="U13" s="280">
        <v>1</v>
      </c>
      <c r="V13" s="280">
        <v>0</v>
      </c>
      <c r="W13" s="277">
        <v>5</v>
      </c>
      <c r="X13" s="282">
        <v>5</v>
      </c>
      <c r="Y13" s="276">
        <v>0</v>
      </c>
      <c r="Z13" s="280">
        <v>0</v>
      </c>
      <c r="AA13" s="277">
        <v>0</v>
      </c>
      <c r="AB13" s="279">
        <v>0</v>
      </c>
      <c r="AC13" s="280">
        <v>44</v>
      </c>
      <c r="AD13" s="280">
        <v>24</v>
      </c>
      <c r="AE13" s="280">
        <v>6</v>
      </c>
      <c r="AF13" s="280">
        <v>6</v>
      </c>
      <c r="AG13" s="280">
        <v>0</v>
      </c>
      <c r="AH13" s="277">
        <v>80</v>
      </c>
      <c r="AI13" s="282">
        <v>80</v>
      </c>
      <c r="AJ13" s="276">
        <v>0</v>
      </c>
      <c r="AK13" s="280">
        <v>0</v>
      </c>
      <c r="AL13" s="277">
        <v>0</v>
      </c>
      <c r="AM13" s="279">
        <v>0</v>
      </c>
      <c r="AN13" s="280">
        <v>4</v>
      </c>
      <c r="AO13" s="280">
        <v>1</v>
      </c>
      <c r="AP13" s="280">
        <v>2</v>
      </c>
      <c r="AQ13" s="280">
        <v>1</v>
      </c>
      <c r="AR13" s="280">
        <v>2</v>
      </c>
      <c r="AS13" s="277">
        <v>10</v>
      </c>
      <c r="AT13" s="282">
        <v>10</v>
      </c>
      <c r="AU13" s="276">
        <v>0</v>
      </c>
      <c r="AV13" s="280">
        <v>0</v>
      </c>
      <c r="AW13" s="277">
        <v>0</v>
      </c>
      <c r="AX13" s="279">
        <v>0</v>
      </c>
      <c r="AY13" s="280">
        <v>2</v>
      </c>
      <c r="AZ13" s="280">
        <v>4</v>
      </c>
      <c r="BA13" s="280">
        <v>5</v>
      </c>
      <c r="BB13" s="280">
        <v>2</v>
      </c>
      <c r="BC13" s="280">
        <v>1</v>
      </c>
      <c r="BD13" s="277">
        <v>14</v>
      </c>
      <c r="BE13" s="282">
        <v>14</v>
      </c>
      <c r="BF13" s="276">
        <v>0</v>
      </c>
      <c r="BG13" s="280">
        <v>0</v>
      </c>
      <c r="BH13" s="277">
        <v>0</v>
      </c>
      <c r="BI13" s="279">
        <v>0</v>
      </c>
      <c r="BJ13" s="280">
        <v>5</v>
      </c>
      <c r="BK13" s="280">
        <v>9</v>
      </c>
      <c r="BL13" s="280">
        <v>9</v>
      </c>
      <c r="BM13" s="280">
        <v>3</v>
      </c>
      <c r="BN13" s="280">
        <v>5</v>
      </c>
      <c r="BO13" s="281">
        <v>31</v>
      </c>
      <c r="BP13" s="282">
        <v>31</v>
      </c>
      <c r="BQ13" s="276">
        <v>0</v>
      </c>
      <c r="BR13" s="280">
        <v>0</v>
      </c>
      <c r="BS13" s="277">
        <v>0</v>
      </c>
      <c r="BT13" s="279">
        <v>0</v>
      </c>
      <c r="BU13" s="280">
        <v>2</v>
      </c>
      <c r="BV13" s="280">
        <v>2</v>
      </c>
      <c r="BW13" s="280">
        <v>6</v>
      </c>
      <c r="BX13" s="280">
        <v>0</v>
      </c>
      <c r="BY13" s="280">
        <v>3</v>
      </c>
      <c r="BZ13" s="277">
        <v>13</v>
      </c>
      <c r="CA13" s="282">
        <v>13</v>
      </c>
      <c r="CB13" s="276">
        <v>0</v>
      </c>
      <c r="CC13" s="280">
        <v>0</v>
      </c>
      <c r="CD13" s="277">
        <v>0</v>
      </c>
      <c r="CE13" s="279">
        <v>0</v>
      </c>
      <c r="CF13" s="280">
        <v>0</v>
      </c>
      <c r="CG13" s="280">
        <v>1</v>
      </c>
      <c r="CH13" s="280">
        <v>1</v>
      </c>
      <c r="CI13" s="280">
        <v>4</v>
      </c>
      <c r="CJ13" s="280">
        <v>3</v>
      </c>
      <c r="CK13" s="277">
        <v>9</v>
      </c>
      <c r="CL13" s="282">
        <v>9</v>
      </c>
      <c r="CM13" s="276">
        <v>0</v>
      </c>
      <c r="CN13" s="280">
        <v>0</v>
      </c>
      <c r="CO13" s="277">
        <v>0</v>
      </c>
      <c r="CP13" s="279">
        <v>0</v>
      </c>
      <c r="CQ13" s="280">
        <v>2</v>
      </c>
      <c r="CR13" s="280">
        <v>2</v>
      </c>
      <c r="CS13" s="280">
        <v>4</v>
      </c>
      <c r="CT13" s="280">
        <v>5</v>
      </c>
      <c r="CU13" s="280">
        <v>2</v>
      </c>
      <c r="CV13" s="277">
        <v>15</v>
      </c>
      <c r="CW13" s="282">
        <v>15</v>
      </c>
    </row>
    <row r="14" spans="1:101" ht="21" customHeight="1" x14ac:dyDescent="0.2">
      <c r="B14" s="261" t="s">
        <v>11</v>
      </c>
      <c r="C14" s="276">
        <v>0</v>
      </c>
      <c r="D14" s="277">
        <v>0</v>
      </c>
      <c r="E14" s="278">
        <v>0</v>
      </c>
      <c r="F14" s="279">
        <v>0</v>
      </c>
      <c r="G14" s="280">
        <v>1</v>
      </c>
      <c r="H14" s="280">
        <v>1</v>
      </c>
      <c r="I14" s="280">
        <v>1</v>
      </c>
      <c r="J14" s="280">
        <v>0</v>
      </c>
      <c r="K14" s="280">
        <v>1</v>
      </c>
      <c r="L14" s="281">
        <v>4</v>
      </c>
      <c r="M14" s="282">
        <v>4</v>
      </c>
      <c r="N14" s="276">
        <v>0</v>
      </c>
      <c r="O14" s="280">
        <v>0</v>
      </c>
      <c r="P14" s="277">
        <v>0</v>
      </c>
      <c r="Q14" s="279">
        <v>0</v>
      </c>
      <c r="R14" s="280">
        <v>0</v>
      </c>
      <c r="S14" s="280">
        <v>0</v>
      </c>
      <c r="T14" s="280">
        <v>0</v>
      </c>
      <c r="U14" s="280">
        <v>0</v>
      </c>
      <c r="V14" s="280">
        <v>0</v>
      </c>
      <c r="W14" s="277">
        <v>0</v>
      </c>
      <c r="X14" s="282">
        <v>0</v>
      </c>
      <c r="Y14" s="276">
        <v>0</v>
      </c>
      <c r="Z14" s="280">
        <v>0</v>
      </c>
      <c r="AA14" s="277">
        <v>0</v>
      </c>
      <c r="AB14" s="279">
        <v>0</v>
      </c>
      <c r="AC14" s="280">
        <v>17</v>
      </c>
      <c r="AD14" s="280">
        <v>9</v>
      </c>
      <c r="AE14" s="280">
        <v>4</v>
      </c>
      <c r="AF14" s="280">
        <v>2</v>
      </c>
      <c r="AG14" s="280">
        <v>2</v>
      </c>
      <c r="AH14" s="277">
        <v>34</v>
      </c>
      <c r="AI14" s="282">
        <v>34</v>
      </c>
      <c r="AJ14" s="276">
        <v>1</v>
      </c>
      <c r="AK14" s="280">
        <v>0</v>
      </c>
      <c r="AL14" s="277">
        <v>1</v>
      </c>
      <c r="AM14" s="279">
        <v>0</v>
      </c>
      <c r="AN14" s="280">
        <v>0</v>
      </c>
      <c r="AO14" s="280">
        <v>2</v>
      </c>
      <c r="AP14" s="280">
        <v>1</v>
      </c>
      <c r="AQ14" s="280">
        <v>1</v>
      </c>
      <c r="AR14" s="280">
        <v>0</v>
      </c>
      <c r="AS14" s="277">
        <v>4</v>
      </c>
      <c r="AT14" s="282">
        <v>5</v>
      </c>
      <c r="AU14" s="276">
        <v>0</v>
      </c>
      <c r="AV14" s="280">
        <v>0</v>
      </c>
      <c r="AW14" s="277">
        <v>0</v>
      </c>
      <c r="AX14" s="279">
        <v>0</v>
      </c>
      <c r="AY14" s="280">
        <v>1</v>
      </c>
      <c r="AZ14" s="280">
        <v>3</v>
      </c>
      <c r="BA14" s="280">
        <v>3</v>
      </c>
      <c r="BB14" s="280">
        <v>0</v>
      </c>
      <c r="BC14" s="280">
        <v>0</v>
      </c>
      <c r="BD14" s="277">
        <v>7</v>
      </c>
      <c r="BE14" s="282">
        <v>7</v>
      </c>
      <c r="BF14" s="276">
        <v>0</v>
      </c>
      <c r="BG14" s="280">
        <v>0</v>
      </c>
      <c r="BH14" s="277">
        <v>0</v>
      </c>
      <c r="BI14" s="279">
        <v>0</v>
      </c>
      <c r="BJ14" s="280">
        <v>0</v>
      </c>
      <c r="BK14" s="280">
        <v>2</v>
      </c>
      <c r="BL14" s="280">
        <v>2</v>
      </c>
      <c r="BM14" s="280">
        <v>4</v>
      </c>
      <c r="BN14" s="280">
        <v>1</v>
      </c>
      <c r="BO14" s="281">
        <v>9</v>
      </c>
      <c r="BP14" s="282">
        <v>9</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1</v>
      </c>
      <c r="CR14" s="280">
        <v>1</v>
      </c>
      <c r="CS14" s="280">
        <v>0</v>
      </c>
      <c r="CT14" s="280">
        <v>1</v>
      </c>
      <c r="CU14" s="280">
        <v>0</v>
      </c>
      <c r="CV14" s="277">
        <v>3</v>
      </c>
      <c r="CW14" s="282">
        <v>3</v>
      </c>
    </row>
    <row r="15" spans="1:101" ht="21" customHeight="1" x14ac:dyDescent="0.2">
      <c r="B15" s="261" t="s">
        <v>12</v>
      </c>
      <c r="C15" s="276">
        <v>0</v>
      </c>
      <c r="D15" s="277">
        <v>0</v>
      </c>
      <c r="E15" s="278">
        <v>0</v>
      </c>
      <c r="F15" s="279">
        <v>0</v>
      </c>
      <c r="G15" s="280">
        <v>1</v>
      </c>
      <c r="H15" s="280">
        <v>1</v>
      </c>
      <c r="I15" s="280">
        <v>0</v>
      </c>
      <c r="J15" s="280">
        <v>1</v>
      </c>
      <c r="K15" s="280">
        <v>0</v>
      </c>
      <c r="L15" s="281">
        <v>3</v>
      </c>
      <c r="M15" s="282">
        <v>3</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24</v>
      </c>
      <c r="AD15" s="280">
        <v>21</v>
      </c>
      <c r="AE15" s="280">
        <v>12</v>
      </c>
      <c r="AF15" s="280">
        <v>7</v>
      </c>
      <c r="AG15" s="280">
        <v>2</v>
      </c>
      <c r="AH15" s="277">
        <v>66</v>
      </c>
      <c r="AI15" s="282">
        <v>66</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2</v>
      </c>
      <c r="AZ15" s="280">
        <v>0</v>
      </c>
      <c r="BA15" s="280">
        <v>3</v>
      </c>
      <c r="BB15" s="280">
        <v>3</v>
      </c>
      <c r="BC15" s="280">
        <v>2</v>
      </c>
      <c r="BD15" s="277">
        <v>10</v>
      </c>
      <c r="BE15" s="282">
        <v>10</v>
      </c>
      <c r="BF15" s="276">
        <v>0</v>
      </c>
      <c r="BG15" s="280">
        <v>0</v>
      </c>
      <c r="BH15" s="277">
        <v>0</v>
      </c>
      <c r="BI15" s="279">
        <v>0</v>
      </c>
      <c r="BJ15" s="280">
        <v>3</v>
      </c>
      <c r="BK15" s="280">
        <v>2</v>
      </c>
      <c r="BL15" s="280">
        <v>2</v>
      </c>
      <c r="BM15" s="280">
        <v>3</v>
      </c>
      <c r="BN15" s="280">
        <v>2</v>
      </c>
      <c r="BO15" s="281">
        <v>12</v>
      </c>
      <c r="BP15" s="282">
        <v>12</v>
      </c>
      <c r="BQ15" s="276">
        <v>0</v>
      </c>
      <c r="BR15" s="280">
        <v>0</v>
      </c>
      <c r="BS15" s="277">
        <v>0</v>
      </c>
      <c r="BT15" s="279">
        <v>0</v>
      </c>
      <c r="BU15" s="280">
        <v>0</v>
      </c>
      <c r="BV15" s="280">
        <v>3</v>
      </c>
      <c r="BW15" s="280">
        <v>0</v>
      </c>
      <c r="BX15" s="280">
        <v>1</v>
      </c>
      <c r="BY15" s="280">
        <v>0</v>
      </c>
      <c r="BZ15" s="277">
        <v>4</v>
      </c>
      <c r="CA15" s="282">
        <v>4</v>
      </c>
      <c r="CB15" s="276">
        <v>0</v>
      </c>
      <c r="CC15" s="280">
        <v>0</v>
      </c>
      <c r="CD15" s="277">
        <v>0</v>
      </c>
      <c r="CE15" s="279">
        <v>0</v>
      </c>
      <c r="CF15" s="280">
        <v>0</v>
      </c>
      <c r="CG15" s="280">
        <v>0</v>
      </c>
      <c r="CH15" s="280">
        <v>0</v>
      </c>
      <c r="CI15" s="280">
        <v>0</v>
      </c>
      <c r="CJ15" s="280">
        <v>1</v>
      </c>
      <c r="CK15" s="277">
        <v>1</v>
      </c>
      <c r="CL15" s="282">
        <v>1</v>
      </c>
      <c r="CM15" s="276">
        <v>0</v>
      </c>
      <c r="CN15" s="280">
        <v>0</v>
      </c>
      <c r="CO15" s="277">
        <v>0</v>
      </c>
      <c r="CP15" s="279">
        <v>0</v>
      </c>
      <c r="CQ15" s="280">
        <v>0</v>
      </c>
      <c r="CR15" s="280">
        <v>1</v>
      </c>
      <c r="CS15" s="280">
        <v>0</v>
      </c>
      <c r="CT15" s="280">
        <v>0</v>
      </c>
      <c r="CU15" s="280">
        <v>1</v>
      </c>
      <c r="CV15" s="277">
        <v>2</v>
      </c>
      <c r="CW15" s="282">
        <v>2</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1</v>
      </c>
      <c r="AD16" s="280">
        <v>12</v>
      </c>
      <c r="AE16" s="280">
        <v>8</v>
      </c>
      <c r="AF16" s="280">
        <v>1</v>
      </c>
      <c r="AG16" s="280">
        <v>2</v>
      </c>
      <c r="AH16" s="277">
        <v>34</v>
      </c>
      <c r="AI16" s="282">
        <v>34</v>
      </c>
      <c r="AJ16" s="276">
        <v>0</v>
      </c>
      <c r="AK16" s="280">
        <v>0</v>
      </c>
      <c r="AL16" s="277">
        <v>0</v>
      </c>
      <c r="AM16" s="279">
        <v>0</v>
      </c>
      <c r="AN16" s="280">
        <v>0</v>
      </c>
      <c r="AO16" s="280">
        <v>2</v>
      </c>
      <c r="AP16" s="280">
        <v>1</v>
      </c>
      <c r="AQ16" s="280">
        <v>1</v>
      </c>
      <c r="AR16" s="280">
        <v>1</v>
      </c>
      <c r="AS16" s="277">
        <v>5</v>
      </c>
      <c r="AT16" s="282">
        <v>5</v>
      </c>
      <c r="AU16" s="276">
        <v>0</v>
      </c>
      <c r="AV16" s="280">
        <v>0</v>
      </c>
      <c r="AW16" s="277">
        <v>0</v>
      </c>
      <c r="AX16" s="279">
        <v>0</v>
      </c>
      <c r="AY16" s="280">
        <v>1</v>
      </c>
      <c r="AZ16" s="280">
        <v>2</v>
      </c>
      <c r="BA16" s="280">
        <v>1</v>
      </c>
      <c r="BB16" s="280">
        <v>0</v>
      </c>
      <c r="BC16" s="280">
        <v>0</v>
      </c>
      <c r="BD16" s="277">
        <v>4</v>
      </c>
      <c r="BE16" s="282">
        <v>4</v>
      </c>
      <c r="BF16" s="276">
        <v>0</v>
      </c>
      <c r="BG16" s="280">
        <v>0</v>
      </c>
      <c r="BH16" s="277">
        <v>0</v>
      </c>
      <c r="BI16" s="279">
        <v>0</v>
      </c>
      <c r="BJ16" s="280">
        <v>0</v>
      </c>
      <c r="BK16" s="280">
        <v>2</v>
      </c>
      <c r="BL16" s="280">
        <v>0</v>
      </c>
      <c r="BM16" s="280">
        <v>1</v>
      </c>
      <c r="BN16" s="280">
        <v>0</v>
      </c>
      <c r="BO16" s="281">
        <v>3</v>
      </c>
      <c r="BP16" s="282">
        <v>3</v>
      </c>
      <c r="BQ16" s="276">
        <v>0</v>
      </c>
      <c r="BR16" s="280">
        <v>0</v>
      </c>
      <c r="BS16" s="277">
        <v>0</v>
      </c>
      <c r="BT16" s="279">
        <v>0</v>
      </c>
      <c r="BU16" s="280">
        <v>0</v>
      </c>
      <c r="BV16" s="280">
        <v>0</v>
      </c>
      <c r="BW16" s="280">
        <v>0</v>
      </c>
      <c r="BX16" s="280">
        <v>2</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1</v>
      </c>
      <c r="H17" s="280">
        <v>0</v>
      </c>
      <c r="I17" s="280">
        <v>0</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9</v>
      </c>
      <c r="AD17" s="280">
        <v>8</v>
      </c>
      <c r="AE17" s="280">
        <v>3</v>
      </c>
      <c r="AF17" s="280">
        <v>2</v>
      </c>
      <c r="AG17" s="280">
        <v>2</v>
      </c>
      <c r="AH17" s="277">
        <v>24</v>
      </c>
      <c r="AI17" s="282">
        <v>24</v>
      </c>
      <c r="AJ17" s="276">
        <v>0</v>
      </c>
      <c r="AK17" s="280">
        <v>0</v>
      </c>
      <c r="AL17" s="277">
        <v>0</v>
      </c>
      <c r="AM17" s="279">
        <v>0</v>
      </c>
      <c r="AN17" s="280">
        <v>0</v>
      </c>
      <c r="AO17" s="280">
        <v>0</v>
      </c>
      <c r="AP17" s="280">
        <v>0</v>
      </c>
      <c r="AQ17" s="280">
        <v>1</v>
      </c>
      <c r="AR17" s="280">
        <v>0</v>
      </c>
      <c r="AS17" s="277">
        <v>1</v>
      </c>
      <c r="AT17" s="282">
        <v>1</v>
      </c>
      <c r="AU17" s="276">
        <v>0</v>
      </c>
      <c r="AV17" s="280">
        <v>0</v>
      </c>
      <c r="AW17" s="277">
        <v>0</v>
      </c>
      <c r="AX17" s="279">
        <v>0</v>
      </c>
      <c r="AY17" s="280">
        <v>0</v>
      </c>
      <c r="AZ17" s="280">
        <v>1</v>
      </c>
      <c r="BA17" s="280">
        <v>0</v>
      </c>
      <c r="BB17" s="280">
        <v>2</v>
      </c>
      <c r="BC17" s="280">
        <v>1</v>
      </c>
      <c r="BD17" s="277">
        <v>4</v>
      </c>
      <c r="BE17" s="282">
        <v>4</v>
      </c>
      <c r="BF17" s="276">
        <v>0</v>
      </c>
      <c r="BG17" s="280">
        <v>0</v>
      </c>
      <c r="BH17" s="277">
        <v>0</v>
      </c>
      <c r="BI17" s="279">
        <v>0</v>
      </c>
      <c r="BJ17" s="280">
        <v>2</v>
      </c>
      <c r="BK17" s="280">
        <v>0</v>
      </c>
      <c r="BL17" s="280">
        <v>1</v>
      </c>
      <c r="BM17" s="280">
        <v>0</v>
      </c>
      <c r="BN17" s="280">
        <v>0</v>
      </c>
      <c r="BO17" s="281">
        <v>3</v>
      </c>
      <c r="BP17" s="282">
        <v>3</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1</v>
      </c>
      <c r="CJ17" s="280">
        <v>0</v>
      </c>
      <c r="CK17" s="277">
        <v>1</v>
      </c>
      <c r="CL17" s="282">
        <v>1</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1</v>
      </c>
      <c r="J18" s="280">
        <v>0</v>
      </c>
      <c r="K18" s="280">
        <v>0</v>
      </c>
      <c r="L18" s="281">
        <v>1</v>
      </c>
      <c r="M18" s="282">
        <v>1</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14</v>
      </c>
      <c r="AD18" s="280">
        <v>9</v>
      </c>
      <c r="AE18" s="280">
        <v>7</v>
      </c>
      <c r="AF18" s="280">
        <v>2</v>
      </c>
      <c r="AG18" s="280">
        <v>0</v>
      </c>
      <c r="AH18" s="277">
        <v>32</v>
      </c>
      <c r="AI18" s="282">
        <v>32</v>
      </c>
      <c r="AJ18" s="276">
        <v>0</v>
      </c>
      <c r="AK18" s="280">
        <v>0</v>
      </c>
      <c r="AL18" s="277">
        <v>0</v>
      </c>
      <c r="AM18" s="279">
        <v>0</v>
      </c>
      <c r="AN18" s="280">
        <v>0</v>
      </c>
      <c r="AO18" s="280">
        <v>0</v>
      </c>
      <c r="AP18" s="280">
        <v>1</v>
      </c>
      <c r="AQ18" s="280">
        <v>0</v>
      </c>
      <c r="AR18" s="280">
        <v>0</v>
      </c>
      <c r="AS18" s="277">
        <v>1</v>
      </c>
      <c r="AT18" s="282">
        <v>1</v>
      </c>
      <c r="AU18" s="276">
        <v>0</v>
      </c>
      <c r="AV18" s="280">
        <v>0</v>
      </c>
      <c r="AW18" s="277">
        <v>0</v>
      </c>
      <c r="AX18" s="279">
        <v>0</v>
      </c>
      <c r="AY18" s="280">
        <v>0</v>
      </c>
      <c r="AZ18" s="280">
        <v>0</v>
      </c>
      <c r="BA18" s="280">
        <v>1</v>
      </c>
      <c r="BB18" s="280">
        <v>1</v>
      </c>
      <c r="BC18" s="280">
        <v>0</v>
      </c>
      <c r="BD18" s="277">
        <v>2</v>
      </c>
      <c r="BE18" s="282">
        <v>2</v>
      </c>
      <c r="BF18" s="276">
        <v>0</v>
      </c>
      <c r="BG18" s="280">
        <v>0</v>
      </c>
      <c r="BH18" s="277">
        <v>0</v>
      </c>
      <c r="BI18" s="279">
        <v>0</v>
      </c>
      <c r="BJ18" s="280">
        <v>0</v>
      </c>
      <c r="BK18" s="280">
        <v>2</v>
      </c>
      <c r="BL18" s="280">
        <v>3</v>
      </c>
      <c r="BM18" s="280">
        <v>2</v>
      </c>
      <c r="BN18" s="280">
        <v>2</v>
      </c>
      <c r="BO18" s="281">
        <v>9</v>
      </c>
      <c r="BP18" s="282">
        <v>9</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1</v>
      </c>
      <c r="CS18" s="280">
        <v>0</v>
      </c>
      <c r="CT18" s="280">
        <v>0</v>
      </c>
      <c r="CU18" s="280">
        <v>0</v>
      </c>
      <c r="CV18" s="277">
        <v>1</v>
      </c>
      <c r="CW18" s="282">
        <v>1</v>
      </c>
    </row>
    <row r="19" spans="2:101" ht="21" customHeight="1" x14ac:dyDescent="0.2">
      <c r="B19" s="261" t="s">
        <v>17</v>
      </c>
      <c r="C19" s="276">
        <v>0</v>
      </c>
      <c r="D19" s="277">
        <v>0</v>
      </c>
      <c r="E19" s="278">
        <v>0</v>
      </c>
      <c r="F19" s="279">
        <v>0</v>
      </c>
      <c r="G19" s="280">
        <v>0</v>
      </c>
      <c r="H19" s="280">
        <v>0</v>
      </c>
      <c r="I19" s="280">
        <v>0</v>
      </c>
      <c r="J19" s="280">
        <v>0</v>
      </c>
      <c r="K19" s="280">
        <v>1</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0</v>
      </c>
      <c r="AD19" s="280">
        <v>16</v>
      </c>
      <c r="AE19" s="280">
        <v>8</v>
      </c>
      <c r="AF19" s="280">
        <v>2</v>
      </c>
      <c r="AG19" s="280">
        <v>3</v>
      </c>
      <c r="AH19" s="277">
        <v>49</v>
      </c>
      <c r="AI19" s="282">
        <v>49</v>
      </c>
      <c r="AJ19" s="276">
        <v>0</v>
      </c>
      <c r="AK19" s="280">
        <v>0</v>
      </c>
      <c r="AL19" s="277">
        <v>0</v>
      </c>
      <c r="AM19" s="279">
        <v>0</v>
      </c>
      <c r="AN19" s="280">
        <v>2</v>
      </c>
      <c r="AO19" s="280">
        <v>1</v>
      </c>
      <c r="AP19" s="280">
        <v>1</v>
      </c>
      <c r="AQ19" s="280">
        <v>0</v>
      </c>
      <c r="AR19" s="280">
        <v>0</v>
      </c>
      <c r="AS19" s="277">
        <v>4</v>
      </c>
      <c r="AT19" s="282">
        <v>4</v>
      </c>
      <c r="AU19" s="276">
        <v>0</v>
      </c>
      <c r="AV19" s="280">
        <v>0</v>
      </c>
      <c r="AW19" s="277">
        <v>0</v>
      </c>
      <c r="AX19" s="279">
        <v>0</v>
      </c>
      <c r="AY19" s="280">
        <v>3</v>
      </c>
      <c r="AZ19" s="280">
        <v>1</v>
      </c>
      <c r="BA19" s="280">
        <v>3</v>
      </c>
      <c r="BB19" s="280">
        <v>3</v>
      </c>
      <c r="BC19" s="280">
        <v>0</v>
      </c>
      <c r="BD19" s="277">
        <v>10</v>
      </c>
      <c r="BE19" s="282">
        <v>10</v>
      </c>
      <c r="BF19" s="276">
        <v>0</v>
      </c>
      <c r="BG19" s="280">
        <v>0</v>
      </c>
      <c r="BH19" s="277">
        <v>0</v>
      </c>
      <c r="BI19" s="279">
        <v>0</v>
      </c>
      <c r="BJ19" s="280">
        <v>3</v>
      </c>
      <c r="BK19" s="280">
        <v>6</v>
      </c>
      <c r="BL19" s="280">
        <v>5</v>
      </c>
      <c r="BM19" s="280">
        <v>1</v>
      </c>
      <c r="BN19" s="280">
        <v>0</v>
      </c>
      <c r="BO19" s="281">
        <v>15</v>
      </c>
      <c r="BP19" s="282">
        <v>15</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1</v>
      </c>
      <c r="CI19" s="280">
        <v>2</v>
      </c>
      <c r="CJ19" s="280">
        <v>0</v>
      </c>
      <c r="CK19" s="277">
        <v>3</v>
      </c>
      <c r="CL19" s="282">
        <v>3</v>
      </c>
      <c r="CM19" s="276">
        <v>0</v>
      </c>
      <c r="CN19" s="280">
        <v>0</v>
      </c>
      <c r="CO19" s="277">
        <v>0</v>
      </c>
      <c r="CP19" s="279">
        <v>0</v>
      </c>
      <c r="CQ19" s="280">
        <v>0</v>
      </c>
      <c r="CR19" s="280">
        <v>1</v>
      </c>
      <c r="CS19" s="280">
        <v>1</v>
      </c>
      <c r="CT19" s="280">
        <v>0</v>
      </c>
      <c r="CU19" s="280">
        <v>1</v>
      </c>
      <c r="CV19" s="277">
        <v>3</v>
      </c>
      <c r="CW19" s="282">
        <v>3</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1</v>
      </c>
      <c r="AD20" s="280">
        <v>15</v>
      </c>
      <c r="AE20" s="280">
        <v>6</v>
      </c>
      <c r="AF20" s="280">
        <v>2</v>
      </c>
      <c r="AG20" s="280">
        <v>0</v>
      </c>
      <c r="AH20" s="277">
        <v>44</v>
      </c>
      <c r="AI20" s="282">
        <v>44</v>
      </c>
      <c r="AJ20" s="276">
        <v>0</v>
      </c>
      <c r="AK20" s="280">
        <v>0</v>
      </c>
      <c r="AL20" s="277">
        <v>0</v>
      </c>
      <c r="AM20" s="279">
        <v>0</v>
      </c>
      <c r="AN20" s="280">
        <v>1</v>
      </c>
      <c r="AO20" s="280">
        <v>0</v>
      </c>
      <c r="AP20" s="280">
        <v>4</v>
      </c>
      <c r="AQ20" s="280">
        <v>0</v>
      </c>
      <c r="AR20" s="280">
        <v>1</v>
      </c>
      <c r="AS20" s="277">
        <v>6</v>
      </c>
      <c r="AT20" s="282">
        <v>6</v>
      </c>
      <c r="AU20" s="276">
        <v>1</v>
      </c>
      <c r="AV20" s="280">
        <v>0</v>
      </c>
      <c r="AW20" s="277">
        <v>1</v>
      </c>
      <c r="AX20" s="279">
        <v>0</v>
      </c>
      <c r="AY20" s="280">
        <v>5</v>
      </c>
      <c r="AZ20" s="280">
        <v>3</v>
      </c>
      <c r="BA20" s="280">
        <v>5</v>
      </c>
      <c r="BB20" s="280">
        <v>2</v>
      </c>
      <c r="BC20" s="280">
        <v>0</v>
      </c>
      <c r="BD20" s="277">
        <v>15</v>
      </c>
      <c r="BE20" s="282">
        <v>16</v>
      </c>
      <c r="BF20" s="276">
        <v>0</v>
      </c>
      <c r="BG20" s="280">
        <v>0</v>
      </c>
      <c r="BH20" s="277">
        <v>0</v>
      </c>
      <c r="BI20" s="279">
        <v>0</v>
      </c>
      <c r="BJ20" s="280">
        <v>1</v>
      </c>
      <c r="BK20" s="280">
        <v>4</v>
      </c>
      <c r="BL20" s="280">
        <v>4</v>
      </c>
      <c r="BM20" s="280">
        <v>4</v>
      </c>
      <c r="BN20" s="280">
        <v>2</v>
      </c>
      <c r="BO20" s="281">
        <v>15</v>
      </c>
      <c r="BP20" s="282">
        <v>15</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1</v>
      </c>
      <c r="CJ20" s="280">
        <v>1</v>
      </c>
      <c r="CK20" s="277">
        <v>2</v>
      </c>
      <c r="CL20" s="282">
        <v>2</v>
      </c>
      <c r="CM20" s="276">
        <v>0</v>
      </c>
      <c r="CN20" s="280">
        <v>0</v>
      </c>
      <c r="CO20" s="277">
        <v>0</v>
      </c>
      <c r="CP20" s="279">
        <v>0</v>
      </c>
      <c r="CQ20" s="280">
        <v>0</v>
      </c>
      <c r="CR20" s="280">
        <v>0</v>
      </c>
      <c r="CS20" s="280">
        <v>1</v>
      </c>
      <c r="CT20" s="280">
        <v>1</v>
      </c>
      <c r="CU20" s="280">
        <v>1</v>
      </c>
      <c r="CV20" s="277">
        <v>3</v>
      </c>
      <c r="CW20" s="282">
        <v>3</v>
      </c>
    </row>
    <row r="21" spans="2:101" ht="21" customHeight="1" x14ac:dyDescent="0.2">
      <c r="B21" s="261" t="s">
        <v>19</v>
      </c>
      <c r="C21" s="276">
        <v>0</v>
      </c>
      <c r="D21" s="277">
        <v>0</v>
      </c>
      <c r="E21" s="278">
        <v>0</v>
      </c>
      <c r="F21" s="279">
        <v>0</v>
      </c>
      <c r="G21" s="280">
        <v>1</v>
      </c>
      <c r="H21" s="280">
        <v>0</v>
      </c>
      <c r="I21" s="280">
        <v>0</v>
      </c>
      <c r="J21" s="280">
        <v>0</v>
      </c>
      <c r="K21" s="280">
        <v>0</v>
      </c>
      <c r="L21" s="281">
        <v>1</v>
      </c>
      <c r="M21" s="282">
        <v>1</v>
      </c>
      <c r="N21" s="276">
        <v>0</v>
      </c>
      <c r="O21" s="280">
        <v>0</v>
      </c>
      <c r="P21" s="277">
        <v>0</v>
      </c>
      <c r="Q21" s="279">
        <v>0</v>
      </c>
      <c r="R21" s="280">
        <v>0</v>
      </c>
      <c r="S21" s="280">
        <v>0</v>
      </c>
      <c r="T21" s="280">
        <v>0</v>
      </c>
      <c r="U21" s="280">
        <v>0</v>
      </c>
      <c r="V21" s="280">
        <v>0</v>
      </c>
      <c r="W21" s="277">
        <v>0</v>
      </c>
      <c r="X21" s="282">
        <v>0</v>
      </c>
      <c r="Y21" s="276">
        <v>0</v>
      </c>
      <c r="Z21" s="280">
        <v>0</v>
      </c>
      <c r="AA21" s="277">
        <v>0</v>
      </c>
      <c r="AB21" s="279">
        <v>0</v>
      </c>
      <c r="AC21" s="280">
        <v>3</v>
      </c>
      <c r="AD21" s="280">
        <v>6</v>
      </c>
      <c r="AE21" s="280">
        <v>0</v>
      </c>
      <c r="AF21" s="280">
        <v>0</v>
      </c>
      <c r="AG21" s="280">
        <v>0</v>
      </c>
      <c r="AH21" s="277">
        <v>9</v>
      </c>
      <c r="AI21" s="282">
        <v>9</v>
      </c>
      <c r="AJ21" s="276">
        <v>0</v>
      </c>
      <c r="AK21" s="280">
        <v>0</v>
      </c>
      <c r="AL21" s="277">
        <v>0</v>
      </c>
      <c r="AM21" s="279">
        <v>0</v>
      </c>
      <c r="AN21" s="280">
        <v>1</v>
      </c>
      <c r="AO21" s="280">
        <v>5</v>
      </c>
      <c r="AP21" s="280">
        <v>1</v>
      </c>
      <c r="AQ21" s="280">
        <v>0</v>
      </c>
      <c r="AR21" s="280">
        <v>0</v>
      </c>
      <c r="AS21" s="277">
        <v>7</v>
      </c>
      <c r="AT21" s="282">
        <v>7</v>
      </c>
      <c r="AU21" s="276">
        <v>0</v>
      </c>
      <c r="AV21" s="280">
        <v>0</v>
      </c>
      <c r="AW21" s="277">
        <v>0</v>
      </c>
      <c r="AX21" s="279">
        <v>0</v>
      </c>
      <c r="AY21" s="280">
        <v>5</v>
      </c>
      <c r="AZ21" s="280">
        <v>1</v>
      </c>
      <c r="BA21" s="280">
        <v>2</v>
      </c>
      <c r="BB21" s="280">
        <v>0</v>
      </c>
      <c r="BC21" s="280">
        <v>0</v>
      </c>
      <c r="BD21" s="277">
        <v>8</v>
      </c>
      <c r="BE21" s="282">
        <v>8</v>
      </c>
      <c r="BF21" s="276">
        <v>0</v>
      </c>
      <c r="BG21" s="280">
        <v>0</v>
      </c>
      <c r="BH21" s="277">
        <v>0</v>
      </c>
      <c r="BI21" s="279">
        <v>0</v>
      </c>
      <c r="BJ21" s="280">
        <v>2</v>
      </c>
      <c r="BK21" s="280">
        <v>2</v>
      </c>
      <c r="BL21" s="280">
        <v>1</v>
      </c>
      <c r="BM21" s="280">
        <v>0</v>
      </c>
      <c r="BN21" s="280">
        <v>0</v>
      </c>
      <c r="BO21" s="281">
        <v>5</v>
      </c>
      <c r="BP21" s="282">
        <v>5</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1</v>
      </c>
      <c r="CS21" s="280">
        <v>0</v>
      </c>
      <c r="CT21" s="280">
        <v>1</v>
      </c>
      <c r="CU21" s="280">
        <v>1</v>
      </c>
      <c r="CV21" s="277">
        <v>3</v>
      </c>
      <c r="CW21" s="282">
        <v>3</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3</v>
      </c>
      <c r="AD22" s="280">
        <v>6</v>
      </c>
      <c r="AE22" s="280">
        <v>6</v>
      </c>
      <c r="AF22" s="280">
        <v>3</v>
      </c>
      <c r="AG22" s="280">
        <v>1</v>
      </c>
      <c r="AH22" s="277">
        <v>29</v>
      </c>
      <c r="AI22" s="282">
        <v>29</v>
      </c>
      <c r="AJ22" s="276">
        <v>0</v>
      </c>
      <c r="AK22" s="280">
        <v>0</v>
      </c>
      <c r="AL22" s="277">
        <v>0</v>
      </c>
      <c r="AM22" s="279">
        <v>0</v>
      </c>
      <c r="AN22" s="280">
        <v>0</v>
      </c>
      <c r="AO22" s="280">
        <v>0</v>
      </c>
      <c r="AP22" s="280">
        <v>0</v>
      </c>
      <c r="AQ22" s="280">
        <v>0</v>
      </c>
      <c r="AR22" s="280">
        <v>0</v>
      </c>
      <c r="AS22" s="277">
        <v>0</v>
      </c>
      <c r="AT22" s="282">
        <v>0</v>
      </c>
      <c r="AU22" s="276">
        <v>0</v>
      </c>
      <c r="AV22" s="280">
        <v>0</v>
      </c>
      <c r="AW22" s="277">
        <v>0</v>
      </c>
      <c r="AX22" s="279">
        <v>0</v>
      </c>
      <c r="AY22" s="280">
        <v>0</v>
      </c>
      <c r="AZ22" s="280">
        <v>0</v>
      </c>
      <c r="BA22" s="280">
        <v>1</v>
      </c>
      <c r="BB22" s="280">
        <v>0</v>
      </c>
      <c r="BC22" s="280">
        <v>0</v>
      </c>
      <c r="BD22" s="277">
        <v>1</v>
      </c>
      <c r="BE22" s="282">
        <v>1</v>
      </c>
      <c r="BF22" s="276">
        <v>0</v>
      </c>
      <c r="BG22" s="280">
        <v>0</v>
      </c>
      <c r="BH22" s="277">
        <v>0</v>
      </c>
      <c r="BI22" s="279">
        <v>0</v>
      </c>
      <c r="BJ22" s="280">
        <v>0</v>
      </c>
      <c r="BK22" s="280">
        <v>1</v>
      </c>
      <c r="BL22" s="280">
        <v>2</v>
      </c>
      <c r="BM22" s="280">
        <v>3</v>
      </c>
      <c r="BN22" s="280">
        <v>0</v>
      </c>
      <c r="BO22" s="281">
        <v>6</v>
      </c>
      <c r="BP22" s="282">
        <v>6</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1</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9</v>
      </c>
      <c r="AD23" s="280">
        <v>11</v>
      </c>
      <c r="AE23" s="280">
        <v>2</v>
      </c>
      <c r="AF23" s="280">
        <v>1</v>
      </c>
      <c r="AG23" s="280">
        <v>0</v>
      </c>
      <c r="AH23" s="277">
        <v>23</v>
      </c>
      <c r="AI23" s="282">
        <v>23</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0</v>
      </c>
      <c r="AZ23" s="280">
        <v>0</v>
      </c>
      <c r="BA23" s="280">
        <v>3</v>
      </c>
      <c r="BB23" s="280">
        <v>0</v>
      </c>
      <c r="BC23" s="280">
        <v>0</v>
      </c>
      <c r="BD23" s="277">
        <v>3</v>
      </c>
      <c r="BE23" s="282">
        <v>3</v>
      </c>
      <c r="BF23" s="276">
        <v>0</v>
      </c>
      <c r="BG23" s="280">
        <v>0</v>
      </c>
      <c r="BH23" s="277">
        <v>0</v>
      </c>
      <c r="BI23" s="279">
        <v>0</v>
      </c>
      <c r="BJ23" s="280">
        <v>3</v>
      </c>
      <c r="BK23" s="280">
        <v>2</v>
      </c>
      <c r="BL23" s="280">
        <v>0</v>
      </c>
      <c r="BM23" s="280">
        <v>2</v>
      </c>
      <c r="BN23" s="280">
        <v>0</v>
      </c>
      <c r="BO23" s="281">
        <v>7</v>
      </c>
      <c r="BP23" s="282">
        <v>7</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0</v>
      </c>
      <c r="H24" s="280">
        <v>1</v>
      </c>
      <c r="I24" s="280">
        <v>0</v>
      </c>
      <c r="J24" s="280">
        <v>0</v>
      </c>
      <c r="K24" s="280">
        <v>0</v>
      </c>
      <c r="L24" s="281">
        <v>1</v>
      </c>
      <c r="M24" s="282">
        <v>1</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4</v>
      </c>
      <c r="AD24" s="280">
        <v>3</v>
      </c>
      <c r="AE24" s="280">
        <v>1</v>
      </c>
      <c r="AF24" s="280">
        <v>2</v>
      </c>
      <c r="AG24" s="280">
        <v>0</v>
      </c>
      <c r="AH24" s="277">
        <v>10</v>
      </c>
      <c r="AI24" s="282">
        <v>10</v>
      </c>
      <c r="AJ24" s="276">
        <v>0</v>
      </c>
      <c r="AK24" s="280">
        <v>0</v>
      </c>
      <c r="AL24" s="277">
        <v>0</v>
      </c>
      <c r="AM24" s="279">
        <v>0</v>
      </c>
      <c r="AN24" s="280">
        <v>0</v>
      </c>
      <c r="AO24" s="280">
        <v>0</v>
      </c>
      <c r="AP24" s="280">
        <v>0</v>
      </c>
      <c r="AQ24" s="280">
        <v>1</v>
      </c>
      <c r="AR24" s="280">
        <v>0</v>
      </c>
      <c r="AS24" s="277">
        <v>1</v>
      </c>
      <c r="AT24" s="282">
        <v>1</v>
      </c>
      <c r="AU24" s="276">
        <v>0</v>
      </c>
      <c r="AV24" s="280">
        <v>0</v>
      </c>
      <c r="AW24" s="277">
        <v>0</v>
      </c>
      <c r="AX24" s="279">
        <v>0</v>
      </c>
      <c r="AY24" s="280">
        <v>3</v>
      </c>
      <c r="AZ24" s="280">
        <v>2</v>
      </c>
      <c r="BA24" s="280">
        <v>1</v>
      </c>
      <c r="BB24" s="280">
        <v>1</v>
      </c>
      <c r="BC24" s="280">
        <v>0</v>
      </c>
      <c r="BD24" s="277">
        <v>7</v>
      </c>
      <c r="BE24" s="282">
        <v>7</v>
      </c>
      <c r="BF24" s="276">
        <v>0</v>
      </c>
      <c r="BG24" s="280">
        <v>0</v>
      </c>
      <c r="BH24" s="277">
        <v>0</v>
      </c>
      <c r="BI24" s="279">
        <v>0</v>
      </c>
      <c r="BJ24" s="280">
        <v>1</v>
      </c>
      <c r="BK24" s="280">
        <v>2</v>
      </c>
      <c r="BL24" s="280">
        <v>1</v>
      </c>
      <c r="BM24" s="280">
        <v>0</v>
      </c>
      <c r="BN24" s="280">
        <v>0</v>
      </c>
      <c r="BO24" s="281">
        <v>4</v>
      </c>
      <c r="BP24" s="282">
        <v>4</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2</v>
      </c>
      <c r="CJ24" s="280">
        <v>0</v>
      </c>
      <c r="CK24" s="277">
        <v>2</v>
      </c>
      <c r="CL24" s="282">
        <v>2</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6</v>
      </c>
      <c r="AD25" s="280">
        <v>1</v>
      </c>
      <c r="AE25" s="280">
        <v>0</v>
      </c>
      <c r="AF25" s="280">
        <v>1</v>
      </c>
      <c r="AG25" s="280">
        <v>0</v>
      </c>
      <c r="AH25" s="277">
        <v>8</v>
      </c>
      <c r="AI25" s="282">
        <v>8</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1</v>
      </c>
      <c r="BK25" s="280">
        <v>1</v>
      </c>
      <c r="BL25" s="280">
        <v>2</v>
      </c>
      <c r="BM25" s="280">
        <v>3</v>
      </c>
      <c r="BN25" s="280">
        <v>1</v>
      </c>
      <c r="BO25" s="281">
        <v>8</v>
      </c>
      <c r="BP25" s="282">
        <v>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0</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1</v>
      </c>
      <c r="AD26" s="280">
        <v>3</v>
      </c>
      <c r="AE26" s="280">
        <v>3</v>
      </c>
      <c r="AF26" s="280">
        <v>0</v>
      </c>
      <c r="AG26" s="280">
        <v>0</v>
      </c>
      <c r="AH26" s="277">
        <v>7</v>
      </c>
      <c r="AI26" s="282">
        <v>7</v>
      </c>
      <c r="AJ26" s="276">
        <v>0</v>
      </c>
      <c r="AK26" s="280">
        <v>0</v>
      </c>
      <c r="AL26" s="277">
        <v>0</v>
      </c>
      <c r="AM26" s="279">
        <v>0</v>
      </c>
      <c r="AN26" s="280">
        <v>1</v>
      </c>
      <c r="AO26" s="280">
        <v>0</v>
      </c>
      <c r="AP26" s="280">
        <v>1</v>
      </c>
      <c r="AQ26" s="280">
        <v>0</v>
      </c>
      <c r="AR26" s="280">
        <v>0</v>
      </c>
      <c r="AS26" s="277">
        <v>2</v>
      </c>
      <c r="AT26" s="282">
        <v>2</v>
      </c>
      <c r="AU26" s="276">
        <v>0</v>
      </c>
      <c r="AV26" s="280">
        <v>0</v>
      </c>
      <c r="AW26" s="277">
        <v>0</v>
      </c>
      <c r="AX26" s="279">
        <v>0</v>
      </c>
      <c r="AY26" s="280">
        <v>0</v>
      </c>
      <c r="AZ26" s="280">
        <v>0</v>
      </c>
      <c r="BA26" s="280">
        <v>0</v>
      </c>
      <c r="BB26" s="280">
        <v>0</v>
      </c>
      <c r="BC26" s="280">
        <v>0</v>
      </c>
      <c r="BD26" s="277">
        <v>0</v>
      </c>
      <c r="BE26" s="282">
        <v>0</v>
      </c>
      <c r="BF26" s="276">
        <v>0</v>
      </c>
      <c r="BG26" s="280">
        <v>0</v>
      </c>
      <c r="BH26" s="277">
        <v>0</v>
      </c>
      <c r="BI26" s="279">
        <v>0</v>
      </c>
      <c r="BJ26" s="280">
        <v>0</v>
      </c>
      <c r="BK26" s="280">
        <v>0</v>
      </c>
      <c r="BL26" s="280">
        <v>2</v>
      </c>
      <c r="BM26" s="280">
        <v>0</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4</v>
      </c>
      <c r="AD27" s="280">
        <v>2</v>
      </c>
      <c r="AE27" s="280">
        <v>0</v>
      </c>
      <c r="AF27" s="280">
        <v>0</v>
      </c>
      <c r="AG27" s="280">
        <v>0</v>
      </c>
      <c r="AH27" s="277">
        <v>6</v>
      </c>
      <c r="AI27" s="282">
        <v>6</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0</v>
      </c>
      <c r="AZ27" s="280">
        <v>0</v>
      </c>
      <c r="BA27" s="280">
        <v>0</v>
      </c>
      <c r="BB27" s="280">
        <v>0</v>
      </c>
      <c r="BC27" s="280">
        <v>0</v>
      </c>
      <c r="BD27" s="277">
        <v>0</v>
      </c>
      <c r="BE27" s="282">
        <v>1</v>
      </c>
      <c r="BF27" s="276">
        <v>0</v>
      </c>
      <c r="BG27" s="280">
        <v>0</v>
      </c>
      <c r="BH27" s="277">
        <v>0</v>
      </c>
      <c r="BI27" s="279">
        <v>0</v>
      </c>
      <c r="BJ27" s="280">
        <v>0</v>
      </c>
      <c r="BK27" s="280">
        <v>0</v>
      </c>
      <c r="BL27" s="280">
        <v>0</v>
      </c>
      <c r="BM27" s="280">
        <v>0</v>
      </c>
      <c r="BN27" s="280">
        <v>0</v>
      </c>
      <c r="BO27" s="281">
        <v>0</v>
      </c>
      <c r="BP27" s="282">
        <v>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3</v>
      </c>
      <c r="AD28" s="280">
        <v>7</v>
      </c>
      <c r="AE28" s="280">
        <v>1</v>
      </c>
      <c r="AF28" s="280">
        <v>0</v>
      </c>
      <c r="AG28" s="280">
        <v>1</v>
      </c>
      <c r="AH28" s="277">
        <v>12</v>
      </c>
      <c r="AI28" s="282">
        <v>12</v>
      </c>
      <c r="AJ28" s="276">
        <v>0</v>
      </c>
      <c r="AK28" s="280">
        <v>0</v>
      </c>
      <c r="AL28" s="277">
        <v>0</v>
      </c>
      <c r="AM28" s="279">
        <v>0</v>
      </c>
      <c r="AN28" s="280">
        <v>0</v>
      </c>
      <c r="AO28" s="280">
        <v>1</v>
      </c>
      <c r="AP28" s="280">
        <v>0</v>
      </c>
      <c r="AQ28" s="280">
        <v>0</v>
      </c>
      <c r="AR28" s="280">
        <v>0</v>
      </c>
      <c r="AS28" s="277">
        <v>1</v>
      </c>
      <c r="AT28" s="282">
        <v>1</v>
      </c>
      <c r="AU28" s="276">
        <v>0</v>
      </c>
      <c r="AV28" s="280">
        <v>0</v>
      </c>
      <c r="AW28" s="277">
        <v>0</v>
      </c>
      <c r="AX28" s="279">
        <v>0</v>
      </c>
      <c r="AY28" s="280">
        <v>0</v>
      </c>
      <c r="AZ28" s="280">
        <v>0</v>
      </c>
      <c r="BA28" s="280">
        <v>1</v>
      </c>
      <c r="BB28" s="280">
        <v>0</v>
      </c>
      <c r="BC28" s="280">
        <v>0</v>
      </c>
      <c r="BD28" s="277">
        <v>1</v>
      </c>
      <c r="BE28" s="282">
        <v>1</v>
      </c>
      <c r="BF28" s="276">
        <v>0</v>
      </c>
      <c r="BG28" s="280">
        <v>0</v>
      </c>
      <c r="BH28" s="277">
        <v>0</v>
      </c>
      <c r="BI28" s="279">
        <v>0</v>
      </c>
      <c r="BJ28" s="280">
        <v>0</v>
      </c>
      <c r="BK28" s="280">
        <v>1</v>
      </c>
      <c r="BL28" s="280">
        <v>1</v>
      </c>
      <c r="BM28" s="280">
        <v>1</v>
      </c>
      <c r="BN28" s="280">
        <v>0</v>
      </c>
      <c r="BO28" s="281">
        <v>3</v>
      </c>
      <c r="BP28" s="282">
        <v>3</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0</v>
      </c>
      <c r="AD29" s="280">
        <v>1</v>
      </c>
      <c r="AE29" s="280">
        <v>0</v>
      </c>
      <c r="AF29" s="280">
        <v>0</v>
      </c>
      <c r="AG29" s="280">
        <v>0</v>
      </c>
      <c r="AH29" s="277">
        <v>1</v>
      </c>
      <c r="AI29" s="282">
        <v>1</v>
      </c>
      <c r="AJ29" s="276">
        <v>0</v>
      </c>
      <c r="AK29" s="280">
        <v>0</v>
      </c>
      <c r="AL29" s="277">
        <v>0</v>
      </c>
      <c r="AM29" s="279">
        <v>0</v>
      </c>
      <c r="AN29" s="280">
        <v>1</v>
      </c>
      <c r="AO29" s="280">
        <v>0</v>
      </c>
      <c r="AP29" s="280">
        <v>1</v>
      </c>
      <c r="AQ29" s="280">
        <v>1</v>
      </c>
      <c r="AR29" s="280">
        <v>0</v>
      </c>
      <c r="AS29" s="277">
        <v>3</v>
      </c>
      <c r="AT29" s="282">
        <v>3</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1</v>
      </c>
      <c r="BM29" s="280">
        <v>0</v>
      </c>
      <c r="BN29" s="280">
        <v>0</v>
      </c>
      <c r="BO29" s="281">
        <v>1</v>
      </c>
      <c r="BP29" s="282">
        <v>1</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v>
      </c>
      <c r="CI29" s="280">
        <v>0</v>
      </c>
      <c r="CJ29" s="280">
        <v>1</v>
      </c>
      <c r="CK29" s="277">
        <v>2</v>
      </c>
      <c r="CL29" s="282">
        <v>2</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1</v>
      </c>
      <c r="BO30" s="281">
        <v>1</v>
      </c>
      <c r="BP30" s="282">
        <v>1</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3</v>
      </c>
      <c r="AD31" s="280">
        <v>1</v>
      </c>
      <c r="AE31" s="280">
        <v>0</v>
      </c>
      <c r="AF31" s="280">
        <v>0</v>
      </c>
      <c r="AG31" s="280">
        <v>0</v>
      </c>
      <c r="AH31" s="277">
        <v>4</v>
      </c>
      <c r="AI31" s="282">
        <v>4</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0</v>
      </c>
      <c r="AZ31" s="280">
        <v>0</v>
      </c>
      <c r="BA31" s="280">
        <v>0</v>
      </c>
      <c r="BB31" s="280">
        <v>0</v>
      </c>
      <c r="BC31" s="280">
        <v>0</v>
      </c>
      <c r="BD31" s="277">
        <v>0</v>
      </c>
      <c r="BE31" s="282">
        <v>0</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v>
      </c>
      <c r="AD32" s="280">
        <v>0</v>
      </c>
      <c r="AE32" s="280">
        <v>1</v>
      </c>
      <c r="AF32" s="280">
        <v>0</v>
      </c>
      <c r="AG32" s="280">
        <v>0</v>
      </c>
      <c r="AH32" s="277">
        <v>3</v>
      </c>
      <c r="AI32" s="282">
        <v>3</v>
      </c>
      <c r="AJ32" s="276">
        <v>1</v>
      </c>
      <c r="AK32" s="280">
        <v>0</v>
      </c>
      <c r="AL32" s="277">
        <v>1</v>
      </c>
      <c r="AM32" s="279">
        <v>0</v>
      </c>
      <c r="AN32" s="280">
        <v>0</v>
      </c>
      <c r="AO32" s="280">
        <v>0</v>
      </c>
      <c r="AP32" s="280">
        <v>0</v>
      </c>
      <c r="AQ32" s="280">
        <v>0</v>
      </c>
      <c r="AR32" s="280">
        <v>0</v>
      </c>
      <c r="AS32" s="277">
        <v>0</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1</v>
      </c>
      <c r="BN32" s="280">
        <v>0</v>
      </c>
      <c r="BO32" s="281">
        <v>1</v>
      </c>
      <c r="BP32" s="282">
        <v>1</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0</v>
      </c>
      <c r="AD33" s="280">
        <v>2</v>
      </c>
      <c r="AE33" s="280">
        <v>0</v>
      </c>
      <c r="AF33" s="280">
        <v>0</v>
      </c>
      <c r="AG33" s="280">
        <v>0</v>
      </c>
      <c r="AH33" s="277">
        <v>2</v>
      </c>
      <c r="AI33" s="282">
        <v>2</v>
      </c>
      <c r="AJ33" s="276">
        <v>0</v>
      </c>
      <c r="AK33" s="280">
        <v>0</v>
      </c>
      <c r="AL33" s="277">
        <v>0</v>
      </c>
      <c r="AM33" s="279">
        <v>0</v>
      </c>
      <c r="AN33" s="280">
        <v>0</v>
      </c>
      <c r="AO33" s="280">
        <v>0</v>
      </c>
      <c r="AP33" s="280">
        <v>0</v>
      </c>
      <c r="AQ33" s="280">
        <v>1</v>
      </c>
      <c r="AR33" s="280">
        <v>0</v>
      </c>
      <c r="AS33" s="277">
        <v>1</v>
      </c>
      <c r="AT33" s="282">
        <v>1</v>
      </c>
      <c r="AU33" s="276">
        <v>0</v>
      </c>
      <c r="AV33" s="280">
        <v>0</v>
      </c>
      <c r="AW33" s="277">
        <v>0</v>
      </c>
      <c r="AX33" s="279">
        <v>0</v>
      </c>
      <c r="AY33" s="280">
        <v>1</v>
      </c>
      <c r="AZ33" s="280">
        <v>0</v>
      </c>
      <c r="BA33" s="280">
        <v>0</v>
      </c>
      <c r="BB33" s="280">
        <v>0</v>
      </c>
      <c r="BC33" s="280">
        <v>0</v>
      </c>
      <c r="BD33" s="277">
        <v>1</v>
      </c>
      <c r="BE33" s="282">
        <v>1</v>
      </c>
      <c r="BF33" s="276">
        <v>0</v>
      </c>
      <c r="BG33" s="280">
        <v>0</v>
      </c>
      <c r="BH33" s="277">
        <v>0</v>
      </c>
      <c r="BI33" s="279">
        <v>0</v>
      </c>
      <c r="BJ33" s="280">
        <v>0</v>
      </c>
      <c r="BK33" s="280">
        <v>2</v>
      </c>
      <c r="BL33" s="280">
        <v>0</v>
      </c>
      <c r="BM33" s="280">
        <v>1</v>
      </c>
      <c r="BN33" s="280">
        <v>1</v>
      </c>
      <c r="BO33" s="281">
        <v>4</v>
      </c>
      <c r="BP33" s="282">
        <v>4</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2</v>
      </c>
      <c r="AD34" s="280">
        <v>4</v>
      </c>
      <c r="AE34" s="280">
        <v>1</v>
      </c>
      <c r="AF34" s="280">
        <v>0</v>
      </c>
      <c r="AG34" s="280">
        <v>1</v>
      </c>
      <c r="AH34" s="277">
        <v>8</v>
      </c>
      <c r="AI34" s="282">
        <v>8</v>
      </c>
      <c r="AJ34" s="276">
        <v>0</v>
      </c>
      <c r="AK34" s="280">
        <v>0</v>
      </c>
      <c r="AL34" s="277">
        <v>0</v>
      </c>
      <c r="AM34" s="279">
        <v>0</v>
      </c>
      <c r="AN34" s="280">
        <v>0</v>
      </c>
      <c r="AO34" s="280">
        <v>0</v>
      </c>
      <c r="AP34" s="280">
        <v>0</v>
      </c>
      <c r="AQ34" s="280">
        <v>0</v>
      </c>
      <c r="AR34" s="280">
        <v>0</v>
      </c>
      <c r="AS34" s="277">
        <v>0</v>
      </c>
      <c r="AT34" s="282">
        <v>0</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0</v>
      </c>
      <c r="BL34" s="280">
        <v>1</v>
      </c>
      <c r="BM34" s="280">
        <v>0</v>
      </c>
      <c r="BN34" s="280">
        <v>0</v>
      </c>
      <c r="BO34" s="281">
        <v>1</v>
      </c>
      <c r="BP34" s="282">
        <v>1</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1</v>
      </c>
      <c r="CI34" s="280">
        <v>0</v>
      </c>
      <c r="CJ34" s="280">
        <v>0</v>
      </c>
      <c r="CK34" s="277">
        <v>2</v>
      </c>
      <c r="CL34" s="282">
        <v>2</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0</v>
      </c>
      <c r="AF35" s="280">
        <v>0</v>
      </c>
      <c r="AG35" s="280">
        <v>0</v>
      </c>
      <c r="AH35" s="277">
        <v>1</v>
      </c>
      <c r="AI35" s="282">
        <v>1</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1</v>
      </c>
      <c r="CR35" s="280">
        <v>0</v>
      </c>
      <c r="CS35" s="280">
        <v>1</v>
      </c>
      <c r="CT35" s="280">
        <v>0</v>
      </c>
      <c r="CU35" s="280">
        <v>0</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v>
      </c>
      <c r="AD36" s="280">
        <v>1</v>
      </c>
      <c r="AE36" s="280">
        <v>0</v>
      </c>
      <c r="AF36" s="280">
        <v>0</v>
      </c>
      <c r="AG36" s="280">
        <v>0</v>
      </c>
      <c r="AH36" s="277">
        <v>2</v>
      </c>
      <c r="AI36" s="282">
        <v>2</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1</v>
      </c>
      <c r="BA36" s="280">
        <v>0</v>
      </c>
      <c r="BB36" s="280">
        <v>0</v>
      </c>
      <c r="BC36" s="280">
        <v>0</v>
      </c>
      <c r="BD36" s="277">
        <v>2</v>
      </c>
      <c r="BE36" s="282">
        <v>2</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1</v>
      </c>
      <c r="CV36" s="277">
        <v>1</v>
      </c>
      <c r="CW36" s="282">
        <v>1</v>
      </c>
    </row>
    <row r="37" spans="2:101" ht="21" customHeight="1" x14ac:dyDescent="0.2">
      <c r="B37" s="261" t="s">
        <v>35</v>
      </c>
      <c r="C37" s="276">
        <v>0</v>
      </c>
      <c r="D37" s="277">
        <v>0</v>
      </c>
      <c r="E37" s="278">
        <v>0</v>
      </c>
      <c r="F37" s="279">
        <v>0</v>
      </c>
      <c r="G37" s="280">
        <v>0</v>
      </c>
      <c r="H37" s="280">
        <v>0</v>
      </c>
      <c r="I37" s="280">
        <v>1</v>
      </c>
      <c r="J37" s="280">
        <v>0</v>
      </c>
      <c r="K37" s="280">
        <v>0</v>
      </c>
      <c r="L37" s="281">
        <v>1</v>
      </c>
      <c r="M37" s="282">
        <v>1</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1</v>
      </c>
      <c r="BA37" s="280">
        <v>0</v>
      </c>
      <c r="BB37" s="280">
        <v>0</v>
      </c>
      <c r="BC37" s="280">
        <v>0</v>
      </c>
      <c r="BD37" s="277">
        <v>1</v>
      </c>
      <c r="BE37" s="282">
        <v>1</v>
      </c>
      <c r="BF37" s="276">
        <v>0</v>
      </c>
      <c r="BG37" s="280">
        <v>0</v>
      </c>
      <c r="BH37" s="277">
        <v>0</v>
      </c>
      <c r="BI37" s="279">
        <v>0</v>
      </c>
      <c r="BJ37" s="280">
        <v>0</v>
      </c>
      <c r="BK37" s="280">
        <v>1</v>
      </c>
      <c r="BL37" s="280">
        <v>0</v>
      </c>
      <c r="BM37" s="280">
        <v>0</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2</v>
      </c>
      <c r="AD38" s="280">
        <v>1</v>
      </c>
      <c r="AE38" s="280">
        <v>1</v>
      </c>
      <c r="AF38" s="280">
        <v>1</v>
      </c>
      <c r="AG38" s="280">
        <v>0</v>
      </c>
      <c r="AH38" s="277">
        <v>5</v>
      </c>
      <c r="AI38" s="282">
        <v>5</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0</v>
      </c>
      <c r="BK38" s="280">
        <v>1</v>
      </c>
      <c r="BL38" s="280">
        <v>0</v>
      </c>
      <c r="BM38" s="280">
        <v>1</v>
      </c>
      <c r="BN38" s="280">
        <v>0</v>
      </c>
      <c r="BO38" s="281">
        <v>2</v>
      </c>
      <c r="BP38" s="282">
        <v>2</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5">
        <f>第１表!F2</f>
        <v>5</v>
      </c>
      <c r="J1" s="525"/>
      <c r="K1" s="248">
        <f>第１表!G2</f>
        <v>7</v>
      </c>
      <c r="L1" s="529">
        <f>IF(K1&lt;3,K1+12-2,K1-2)</f>
        <v>5</v>
      </c>
      <c r="M1" s="529"/>
    </row>
    <row r="2" spans="1:101" s="291" customFormat="1" ht="24" customHeight="1" thickBot="1" x14ac:dyDescent="0.25">
      <c r="A2" s="44"/>
      <c r="B2" s="290" t="s">
        <v>154</v>
      </c>
    </row>
    <row r="3" spans="1:101" ht="21" customHeight="1" thickBot="1" x14ac:dyDescent="0.25">
      <c r="B3" s="542"/>
      <c r="C3" s="533" t="s">
        <v>94</v>
      </c>
      <c r="D3" s="534"/>
      <c r="E3" s="534"/>
      <c r="F3" s="534"/>
      <c r="G3" s="534"/>
      <c r="H3" s="534"/>
      <c r="I3" s="534"/>
      <c r="J3" s="534"/>
      <c r="K3" s="534"/>
      <c r="L3" s="534"/>
      <c r="M3" s="535"/>
      <c r="N3" s="533" t="s">
        <v>88</v>
      </c>
      <c r="O3" s="534"/>
      <c r="P3" s="534"/>
      <c r="Q3" s="534"/>
      <c r="R3" s="534"/>
      <c r="S3" s="534"/>
      <c r="T3" s="534"/>
      <c r="U3" s="534"/>
      <c r="V3" s="534"/>
      <c r="W3" s="534"/>
      <c r="X3" s="535"/>
      <c r="Y3" s="533" t="s">
        <v>141</v>
      </c>
      <c r="Z3" s="534"/>
      <c r="AA3" s="534"/>
      <c r="AB3" s="534"/>
      <c r="AC3" s="534"/>
      <c r="AD3" s="534"/>
      <c r="AE3" s="534"/>
      <c r="AF3" s="534"/>
      <c r="AG3" s="534"/>
      <c r="AH3" s="534"/>
      <c r="AI3" s="535"/>
      <c r="AJ3" s="533" t="s">
        <v>90</v>
      </c>
      <c r="AK3" s="534"/>
      <c r="AL3" s="534"/>
      <c r="AM3" s="534"/>
      <c r="AN3" s="534"/>
      <c r="AO3" s="534"/>
      <c r="AP3" s="534"/>
      <c r="AQ3" s="534"/>
      <c r="AR3" s="534"/>
      <c r="AS3" s="534"/>
      <c r="AT3" s="535"/>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0</v>
      </c>
      <c r="CN3" s="547"/>
      <c r="CO3" s="547"/>
      <c r="CP3" s="547"/>
      <c r="CQ3" s="547"/>
      <c r="CR3" s="547"/>
      <c r="CS3" s="547"/>
      <c r="CT3" s="547"/>
      <c r="CU3" s="547"/>
      <c r="CV3" s="547"/>
      <c r="CW3" s="548"/>
    </row>
    <row r="4" spans="1:101" ht="21"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64" t="s">
        <v>61</v>
      </c>
      <c r="AV4" s="562"/>
      <c r="AW4" s="563"/>
      <c r="AX4" s="561" t="s">
        <v>62</v>
      </c>
      <c r="AY4" s="562"/>
      <c r="AZ4" s="562"/>
      <c r="BA4" s="562"/>
      <c r="BB4" s="562"/>
      <c r="BC4" s="562"/>
      <c r="BD4" s="563"/>
      <c r="BE4" s="559" t="s">
        <v>52</v>
      </c>
      <c r="BF4" s="564" t="s">
        <v>61</v>
      </c>
      <c r="BG4" s="562"/>
      <c r="BH4" s="563"/>
      <c r="BI4" s="561" t="s">
        <v>62</v>
      </c>
      <c r="BJ4" s="562"/>
      <c r="BK4" s="562"/>
      <c r="BL4" s="562"/>
      <c r="BM4" s="562"/>
      <c r="BN4" s="562"/>
      <c r="BO4" s="563"/>
      <c r="BP4" s="559" t="s">
        <v>52</v>
      </c>
      <c r="BQ4" s="564" t="s">
        <v>61</v>
      </c>
      <c r="BR4" s="562"/>
      <c r="BS4" s="563"/>
      <c r="BT4" s="561" t="s">
        <v>62</v>
      </c>
      <c r="BU4" s="562"/>
      <c r="BV4" s="562"/>
      <c r="BW4" s="562"/>
      <c r="BX4" s="562"/>
      <c r="BY4" s="562"/>
      <c r="BZ4" s="563"/>
      <c r="CA4" s="559" t="s">
        <v>52</v>
      </c>
      <c r="CB4" s="564" t="s">
        <v>61</v>
      </c>
      <c r="CC4" s="562"/>
      <c r="CD4" s="563"/>
      <c r="CE4" s="561" t="s">
        <v>62</v>
      </c>
      <c r="CF4" s="562"/>
      <c r="CG4" s="562"/>
      <c r="CH4" s="562"/>
      <c r="CI4" s="562"/>
      <c r="CJ4" s="562"/>
      <c r="CK4" s="563"/>
      <c r="CL4" s="559" t="s">
        <v>52</v>
      </c>
      <c r="CM4" s="564" t="s">
        <v>61</v>
      </c>
      <c r="CN4" s="562"/>
      <c r="CO4" s="563"/>
      <c r="CP4" s="561" t="s">
        <v>62</v>
      </c>
      <c r="CQ4" s="562"/>
      <c r="CR4" s="562"/>
      <c r="CS4" s="562"/>
      <c r="CT4" s="562"/>
      <c r="CU4" s="562"/>
      <c r="CV4" s="563"/>
      <c r="CW4" s="559" t="s">
        <v>52</v>
      </c>
    </row>
    <row r="5" spans="1:101" ht="30" customHeight="1" thickBot="1" x14ac:dyDescent="0.25">
      <c r="B5" s="544"/>
      <c r="C5" s="348" t="s">
        <v>43</v>
      </c>
      <c r="D5" s="265" t="s">
        <v>44</v>
      </c>
      <c r="E5" s="266" t="s">
        <v>45</v>
      </c>
      <c r="F5" s="267" t="s">
        <v>83</v>
      </c>
      <c r="G5" s="259" t="s">
        <v>47</v>
      </c>
      <c r="H5" s="259" t="s">
        <v>48</v>
      </c>
      <c r="I5" s="259" t="s">
        <v>49</v>
      </c>
      <c r="J5" s="259" t="s">
        <v>50</v>
      </c>
      <c r="K5" s="259" t="s">
        <v>51</v>
      </c>
      <c r="L5" s="268" t="s">
        <v>45</v>
      </c>
      <c r="M5" s="540"/>
      <c r="N5" s="348" t="s">
        <v>43</v>
      </c>
      <c r="O5" s="259" t="s">
        <v>44</v>
      </c>
      <c r="P5" s="265" t="s">
        <v>45</v>
      </c>
      <c r="Q5" s="267" t="s">
        <v>83</v>
      </c>
      <c r="R5" s="259" t="s">
        <v>47</v>
      </c>
      <c r="S5" s="259" t="s">
        <v>48</v>
      </c>
      <c r="T5" s="259" t="s">
        <v>49</v>
      </c>
      <c r="U5" s="259" t="s">
        <v>50</v>
      </c>
      <c r="V5" s="259" t="s">
        <v>51</v>
      </c>
      <c r="W5" s="265" t="s">
        <v>45</v>
      </c>
      <c r="X5" s="540"/>
      <c r="Y5" s="348" t="s">
        <v>43</v>
      </c>
      <c r="Z5" s="259" t="s">
        <v>44</v>
      </c>
      <c r="AA5" s="265" t="s">
        <v>45</v>
      </c>
      <c r="AB5" s="267" t="s">
        <v>83</v>
      </c>
      <c r="AC5" s="259" t="s">
        <v>47</v>
      </c>
      <c r="AD5" s="259" t="s">
        <v>48</v>
      </c>
      <c r="AE5" s="259" t="s">
        <v>49</v>
      </c>
      <c r="AF5" s="259" t="s">
        <v>50</v>
      </c>
      <c r="AG5" s="259" t="s">
        <v>51</v>
      </c>
      <c r="AH5" s="265" t="s">
        <v>45</v>
      </c>
      <c r="AI5" s="540"/>
      <c r="AJ5" s="348" t="s">
        <v>43</v>
      </c>
      <c r="AK5" s="259" t="s">
        <v>44</v>
      </c>
      <c r="AL5" s="265" t="s">
        <v>45</v>
      </c>
      <c r="AM5" s="267" t="s">
        <v>83</v>
      </c>
      <c r="AN5" s="259" t="s">
        <v>47</v>
      </c>
      <c r="AO5" s="259" t="s">
        <v>48</v>
      </c>
      <c r="AP5" s="259" t="s">
        <v>49</v>
      </c>
      <c r="AQ5" s="259" t="s">
        <v>50</v>
      </c>
      <c r="AR5" s="259" t="s">
        <v>51</v>
      </c>
      <c r="AS5" s="265" t="s">
        <v>45</v>
      </c>
      <c r="AT5" s="540"/>
      <c r="AU5" s="348" t="s">
        <v>43</v>
      </c>
      <c r="AV5" s="259" t="s">
        <v>44</v>
      </c>
      <c r="AW5" s="265" t="s">
        <v>45</v>
      </c>
      <c r="AX5" s="267" t="s">
        <v>83</v>
      </c>
      <c r="AY5" s="259" t="s">
        <v>47</v>
      </c>
      <c r="AZ5" s="259" t="s">
        <v>48</v>
      </c>
      <c r="BA5" s="259" t="s">
        <v>49</v>
      </c>
      <c r="BB5" s="259" t="s">
        <v>50</v>
      </c>
      <c r="BC5" s="259" t="s">
        <v>51</v>
      </c>
      <c r="BD5" s="265" t="s">
        <v>45</v>
      </c>
      <c r="BE5" s="560"/>
      <c r="BF5" s="348" t="s">
        <v>43</v>
      </c>
      <c r="BG5" s="259" t="s">
        <v>44</v>
      </c>
      <c r="BH5" s="265" t="s">
        <v>45</v>
      </c>
      <c r="BI5" s="267" t="s">
        <v>83</v>
      </c>
      <c r="BJ5" s="259" t="s">
        <v>47</v>
      </c>
      <c r="BK5" s="259" t="s">
        <v>48</v>
      </c>
      <c r="BL5" s="259" t="s">
        <v>49</v>
      </c>
      <c r="BM5" s="259" t="s">
        <v>50</v>
      </c>
      <c r="BN5" s="259" t="s">
        <v>51</v>
      </c>
      <c r="BO5" s="265" t="s">
        <v>45</v>
      </c>
      <c r="BP5" s="560"/>
      <c r="BQ5" s="348" t="s">
        <v>43</v>
      </c>
      <c r="BR5" s="259" t="s">
        <v>44</v>
      </c>
      <c r="BS5" s="265" t="s">
        <v>45</v>
      </c>
      <c r="BT5" s="267" t="s">
        <v>83</v>
      </c>
      <c r="BU5" s="259" t="s">
        <v>47</v>
      </c>
      <c r="BV5" s="259" t="s">
        <v>48</v>
      </c>
      <c r="BW5" s="259" t="s">
        <v>49</v>
      </c>
      <c r="BX5" s="259" t="s">
        <v>50</v>
      </c>
      <c r="BY5" s="259" t="s">
        <v>51</v>
      </c>
      <c r="BZ5" s="265" t="s">
        <v>45</v>
      </c>
      <c r="CA5" s="560"/>
      <c r="CB5" s="348" t="s">
        <v>43</v>
      </c>
      <c r="CC5" s="259" t="s">
        <v>44</v>
      </c>
      <c r="CD5" s="265" t="s">
        <v>45</v>
      </c>
      <c r="CE5" s="267" t="s">
        <v>83</v>
      </c>
      <c r="CF5" s="259" t="s">
        <v>47</v>
      </c>
      <c r="CG5" s="259" t="s">
        <v>48</v>
      </c>
      <c r="CH5" s="259" t="s">
        <v>49</v>
      </c>
      <c r="CI5" s="259" t="s">
        <v>50</v>
      </c>
      <c r="CJ5" s="259" t="s">
        <v>51</v>
      </c>
      <c r="CK5" s="265" t="s">
        <v>45</v>
      </c>
      <c r="CL5" s="560"/>
      <c r="CM5" s="348" t="s">
        <v>43</v>
      </c>
      <c r="CN5" s="259" t="s">
        <v>44</v>
      </c>
      <c r="CO5" s="265" t="s">
        <v>45</v>
      </c>
      <c r="CP5" s="267" t="s">
        <v>83</v>
      </c>
      <c r="CQ5" s="259" t="s">
        <v>47</v>
      </c>
      <c r="CR5" s="259" t="s">
        <v>48</v>
      </c>
      <c r="CS5" s="259" t="s">
        <v>49</v>
      </c>
      <c r="CT5" s="259" t="s">
        <v>50</v>
      </c>
      <c r="CU5" s="259" t="s">
        <v>51</v>
      </c>
      <c r="CV5" s="265" t="s">
        <v>45</v>
      </c>
      <c r="CW5" s="560"/>
    </row>
    <row r="6" spans="1:101" ht="21" customHeight="1" x14ac:dyDescent="0.2">
      <c r="B6" s="260" t="s">
        <v>4</v>
      </c>
      <c r="C6" s="269">
        <v>0</v>
      </c>
      <c r="D6" s="270">
        <v>0</v>
      </c>
      <c r="E6" s="271">
        <v>0</v>
      </c>
      <c r="F6" s="272">
        <v>0</v>
      </c>
      <c r="G6" s="273">
        <v>29</v>
      </c>
      <c r="H6" s="273">
        <v>24</v>
      </c>
      <c r="I6" s="273">
        <v>29</v>
      </c>
      <c r="J6" s="273">
        <v>25</v>
      </c>
      <c r="K6" s="273">
        <v>20</v>
      </c>
      <c r="L6" s="274">
        <v>127</v>
      </c>
      <c r="M6" s="275">
        <v>127</v>
      </c>
      <c r="N6" s="269">
        <v>0</v>
      </c>
      <c r="O6" s="273">
        <v>0</v>
      </c>
      <c r="P6" s="270">
        <v>0</v>
      </c>
      <c r="Q6" s="272">
        <v>0</v>
      </c>
      <c r="R6" s="273">
        <v>9</v>
      </c>
      <c r="S6" s="273">
        <v>23</v>
      </c>
      <c r="T6" s="273">
        <v>31</v>
      </c>
      <c r="U6" s="273">
        <v>29</v>
      </c>
      <c r="V6" s="273">
        <v>33</v>
      </c>
      <c r="W6" s="270">
        <v>125</v>
      </c>
      <c r="X6" s="275">
        <v>125</v>
      </c>
      <c r="Y6" s="269">
        <v>0</v>
      </c>
      <c r="Z6" s="273">
        <v>0</v>
      </c>
      <c r="AA6" s="270">
        <v>0</v>
      </c>
      <c r="AB6" s="272">
        <v>0</v>
      </c>
      <c r="AC6" s="273">
        <v>809</v>
      </c>
      <c r="AD6" s="273">
        <v>711</v>
      </c>
      <c r="AE6" s="273">
        <v>314</v>
      </c>
      <c r="AF6" s="273">
        <v>161</v>
      </c>
      <c r="AG6" s="273">
        <v>61</v>
      </c>
      <c r="AH6" s="270">
        <v>2056</v>
      </c>
      <c r="AI6" s="275">
        <v>2056</v>
      </c>
      <c r="AJ6" s="269">
        <v>1</v>
      </c>
      <c r="AK6" s="273">
        <v>0</v>
      </c>
      <c r="AL6" s="270">
        <v>1</v>
      </c>
      <c r="AM6" s="272">
        <v>0</v>
      </c>
      <c r="AN6" s="273">
        <v>57</v>
      </c>
      <c r="AO6" s="273">
        <v>63</v>
      </c>
      <c r="AP6" s="273">
        <v>77</v>
      </c>
      <c r="AQ6" s="273">
        <v>31</v>
      </c>
      <c r="AR6" s="273">
        <v>18</v>
      </c>
      <c r="AS6" s="270">
        <v>246</v>
      </c>
      <c r="AT6" s="275">
        <v>247</v>
      </c>
      <c r="AU6" s="269">
        <v>14</v>
      </c>
      <c r="AV6" s="273">
        <v>24</v>
      </c>
      <c r="AW6" s="270">
        <v>38</v>
      </c>
      <c r="AX6" s="272">
        <v>0</v>
      </c>
      <c r="AY6" s="273">
        <v>72</v>
      </c>
      <c r="AZ6" s="273">
        <v>50</v>
      </c>
      <c r="BA6" s="273">
        <v>51</v>
      </c>
      <c r="BB6" s="273">
        <v>42</v>
      </c>
      <c r="BC6" s="273">
        <v>21</v>
      </c>
      <c r="BD6" s="270">
        <v>236</v>
      </c>
      <c r="BE6" s="275">
        <v>274</v>
      </c>
      <c r="BF6" s="269">
        <v>0</v>
      </c>
      <c r="BG6" s="273">
        <v>0</v>
      </c>
      <c r="BH6" s="270">
        <v>0</v>
      </c>
      <c r="BI6" s="272">
        <v>0</v>
      </c>
      <c r="BJ6" s="273">
        <v>59</v>
      </c>
      <c r="BK6" s="273">
        <v>107</v>
      </c>
      <c r="BL6" s="273">
        <v>144</v>
      </c>
      <c r="BM6" s="273">
        <v>101</v>
      </c>
      <c r="BN6" s="273">
        <v>73</v>
      </c>
      <c r="BO6" s="274">
        <v>484</v>
      </c>
      <c r="BP6" s="275">
        <v>484</v>
      </c>
      <c r="BQ6" s="269">
        <v>0</v>
      </c>
      <c r="BR6" s="273">
        <v>0</v>
      </c>
      <c r="BS6" s="270">
        <v>0</v>
      </c>
      <c r="BT6" s="272">
        <v>0</v>
      </c>
      <c r="BU6" s="273">
        <v>5</v>
      </c>
      <c r="BV6" s="273">
        <v>4</v>
      </c>
      <c r="BW6" s="273">
        <v>5</v>
      </c>
      <c r="BX6" s="273">
        <v>6</v>
      </c>
      <c r="BY6" s="273">
        <v>4</v>
      </c>
      <c r="BZ6" s="270">
        <v>24</v>
      </c>
      <c r="CA6" s="275">
        <v>24</v>
      </c>
      <c r="CB6" s="269">
        <v>0</v>
      </c>
      <c r="CC6" s="273">
        <v>0</v>
      </c>
      <c r="CD6" s="270">
        <v>0</v>
      </c>
      <c r="CE6" s="272">
        <v>0</v>
      </c>
      <c r="CF6" s="273">
        <v>1</v>
      </c>
      <c r="CG6" s="273">
        <v>2</v>
      </c>
      <c r="CH6" s="273">
        <v>12</v>
      </c>
      <c r="CI6" s="273">
        <v>16</v>
      </c>
      <c r="CJ6" s="273">
        <v>7</v>
      </c>
      <c r="CK6" s="270">
        <v>38</v>
      </c>
      <c r="CL6" s="275">
        <v>38</v>
      </c>
      <c r="CM6" s="269">
        <v>0</v>
      </c>
      <c r="CN6" s="273">
        <v>0</v>
      </c>
      <c r="CO6" s="270">
        <v>0</v>
      </c>
      <c r="CP6" s="272">
        <v>0</v>
      </c>
      <c r="CQ6" s="273">
        <v>11</v>
      </c>
      <c r="CR6" s="273">
        <v>15</v>
      </c>
      <c r="CS6" s="273">
        <v>19</v>
      </c>
      <c r="CT6" s="273">
        <v>21</v>
      </c>
      <c r="CU6" s="273">
        <v>30</v>
      </c>
      <c r="CV6" s="270">
        <v>96</v>
      </c>
      <c r="CW6" s="275">
        <v>96</v>
      </c>
    </row>
    <row r="7" spans="1:101" ht="21" customHeight="1" x14ac:dyDescent="0.2">
      <c r="B7" s="261" t="s">
        <v>5</v>
      </c>
      <c r="C7" s="276">
        <v>0</v>
      </c>
      <c r="D7" s="277">
        <v>0</v>
      </c>
      <c r="E7" s="278">
        <v>0</v>
      </c>
      <c r="F7" s="279">
        <v>0</v>
      </c>
      <c r="G7" s="280">
        <v>10</v>
      </c>
      <c r="H7" s="280">
        <v>12</v>
      </c>
      <c r="I7" s="280">
        <v>12</v>
      </c>
      <c r="J7" s="280">
        <v>9</v>
      </c>
      <c r="K7" s="280">
        <v>9</v>
      </c>
      <c r="L7" s="281">
        <v>52</v>
      </c>
      <c r="M7" s="282">
        <v>52</v>
      </c>
      <c r="N7" s="276">
        <v>0</v>
      </c>
      <c r="O7" s="280">
        <v>0</v>
      </c>
      <c r="P7" s="277">
        <v>0</v>
      </c>
      <c r="Q7" s="279">
        <v>0</v>
      </c>
      <c r="R7" s="280">
        <v>4</v>
      </c>
      <c r="S7" s="280">
        <v>16</v>
      </c>
      <c r="T7" s="280">
        <v>24</v>
      </c>
      <c r="U7" s="280">
        <v>20</v>
      </c>
      <c r="V7" s="280">
        <v>27</v>
      </c>
      <c r="W7" s="277">
        <v>91</v>
      </c>
      <c r="X7" s="282">
        <v>91</v>
      </c>
      <c r="Y7" s="276">
        <v>0</v>
      </c>
      <c r="Z7" s="280">
        <v>0</v>
      </c>
      <c r="AA7" s="277">
        <v>0</v>
      </c>
      <c r="AB7" s="279">
        <v>0</v>
      </c>
      <c r="AC7" s="280">
        <v>310</v>
      </c>
      <c r="AD7" s="280">
        <v>371</v>
      </c>
      <c r="AE7" s="280">
        <v>155</v>
      </c>
      <c r="AF7" s="280">
        <v>79</v>
      </c>
      <c r="AG7" s="280">
        <v>37</v>
      </c>
      <c r="AH7" s="277">
        <v>952</v>
      </c>
      <c r="AI7" s="282">
        <v>952</v>
      </c>
      <c r="AJ7" s="276">
        <v>1</v>
      </c>
      <c r="AK7" s="280">
        <v>0</v>
      </c>
      <c r="AL7" s="277">
        <v>1</v>
      </c>
      <c r="AM7" s="279">
        <v>0</v>
      </c>
      <c r="AN7" s="280">
        <v>35</v>
      </c>
      <c r="AO7" s="280">
        <v>31</v>
      </c>
      <c r="AP7" s="280">
        <v>35</v>
      </c>
      <c r="AQ7" s="280">
        <v>22</v>
      </c>
      <c r="AR7" s="280">
        <v>10</v>
      </c>
      <c r="AS7" s="277">
        <v>133</v>
      </c>
      <c r="AT7" s="282">
        <v>134</v>
      </c>
      <c r="AU7" s="276">
        <v>9</v>
      </c>
      <c r="AV7" s="280">
        <v>15</v>
      </c>
      <c r="AW7" s="277">
        <v>24</v>
      </c>
      <c r="AX7" s="279">
        <v>0</v>
      </c>
      <c r="AY7" s="280">
        <v>26</v>
      </c>
      <c r="AZ7" s="280">
        <v>24</v>
      </c>
      <c r="BA7" s="280">
        <v>23</v>
      </c>
      <c r="BB7" s="280">
        <v>24</v>
      </c>
      <c r="BC7" s="280">
        <v>10</v>
      </c>
      <c r="BD7" s="277">
        <v>107</v>
      </c>
      <c r="BE7" s="282">
        <v>131</v>
      </c>
      <c r="BF7" s="276">
        <v>0</v>
      </c>
      <c r="BG7" s="280">
        <v>0</v>
      </c>
      <c r="BH7" s="277">
        <v>0</v>
      </c>
      <c r="BI7" s="279">
        <v>0</v>
      </c>
      <c r="BJ7" s="280">
        <v>27</v>
      </c>
      <c r="BK7" s="280">
        <v>45</v>
      </c>
      <c r="BL7" s="280">
        <v>51</v>
      </c>
      <c r="BM7" s="280">
        <v>37</v>
      </c>
      <c r="BN7" s="280">
        <v>28</v>
      </c>
      <c r="BO7" s="281">
        <v>188</v>
      </c>
      <c r="BP7" s="282">
        <v>188</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1</v>
      </c>
      <c r="CI7" s="280">
        <v>1</v>
      </c>
      <c r="CJ7" s="280">
        <v>0</v>
      </c>
      <c r="CK7" s="277">
        <v>3</v>
      </c>
      <c r="CL7" s="282">
        <v>3</v>
      </c>
      <c r="CM7" s="276">
        <v>0</v>
      </c>
      <c r="CN7" s="280">
        <v>0</v>
      </c>
      <c r="CO7" s="277">
        <v>0</v>
      </c>
      <c r="CP7" s="279">
        <v>0</v>
      </c>
      <c r="CQ7" s="280">
        <v>2</v>
      </c>
      <c r="CR7" s="280">
        <v>5</v>
      </c>
      <c r="CS7" s="280">
        <v>6</v>
      </c>
      <c r="CT7" s="280">
        <v>7</v>
      </c>
      <c r="CU7" s="280">
        <v>13</v>
      </c>
      <c r="CV7" s="277">
        <v>33</v>
      </c>
      <c r="CW7" s="282">
        <v>33</v>
      </c>
    </row>
    <row r="8" spans="1:101" ht="21" customHeight="1" x14ac:dyDescent="0.2">
      <c r="B8" s="261" t="s">
        <v>6</v>
      </c>
      <c r="C8" s="276">
        <v>0</v>
      </c>
      <c r="D8" s="277">
        <v>0</v>
      </c>
      <c r="E8" s="278">
        <v>0</v>
      </c>
      <c r="F8" s="279">
        <v>0</v>
      </c>
      <c r="G8" s="280">
        <v>10</v>
      </c>
      <c r="H8" s="280">
        <v>5</v>
      </c>
      <c r="I8" s="280">
        <v>7</v>
      </c>
      <c r="J8" s="280">
        <v>5</v>
      </c>
      <c r="K8" s="280">
        <v>6</v>
      </c>
      <c r="L8" s="281">
        <v>33</v>
      </c>
      <c r="M8" s="282">
        <v>33</v>
      </c>
      <c r="N8" s="276">
        <v>0</v>
      </c>
      <c r="O8" s="280">
        <v>0</v>
      </c>
      <c r="P8" s="277">
        <v>0</v>
      </c>
      <c r="Q8" s="279">
        <v>0</v>
      </c>
      <c r="R8" s="280">
        <v>3</v>
      </c>
      <c r="S8" s="280">
        <v>5</v>
      </c>
      <c r="T8" s="280">
        <v>6</v>
      </c>
      <c r="U8" s="280">
        <v>7</v>
      </c>
      <c r="V8" s="280">
        <v>5</v>
      </c>
      <c r="W8" s="277">
        <v>26</v>
      </c>
      <c r="X8" s="282">
        <v>26</v>
      </c>
      <c r="Y8" s="276">
        <v>0</v>
      </c>
      <c r="Z8" s="280">
        <v>0</v>
      </c>
      <c r="AA8" s="277">
        <v>0</v>
      </c>
      <c r="AB8" s="279">
        <v>0</v>
      </c>
      <c r="AC8" s="280">
        <v>135</v>
      </c>
      <c r="AD8" s="280">
        <v>83</v>
      </c>
      <c r="AE8" s="280">
        <v>43</v>
      </c>
      <c r="AF8" s="280">
        <v>19</v>
      </c>
      <c r="AG8" s="280">
        <v>8</v>
      </c>
      <c r="AH8" s="277">
        <v>288</v>
      </c>
      <c r="AI8" s="282">
        <v>288</v>
      </c>
      <c r="AJ8" s="276">
        <v>0</v>
      </c>
      <c r="AK8" s="280">
        <v>0</v>
      </c>
      <c r="AL8" s="277">
        <v>0</v>
      </c>
      <c r="AM8" s="279">
        <v>0</v>
      </c>
      <c r="AN8" s="280">
        <v>12</v>
      </c>
      <c r="AO8" s="280">
        <v>15</v>
      </c>
      <c r="AP8" s="280">
        <v>21</v>
      </c>
      <c r="AQ8" s="280">
        <v>4</v>
      </c>
      <c r="AR8" s="280">
        <v>5</v>
      </c>
      <c r="AS8" s="277">
        <v>57</v>
      </c>
      <c r="AT8" s="282">
        <v>57</v>
      </c>
      <c r="AU8" s="276">
        <v>2</v>
      </c>
      <c r="AV8" s="280">
        <v>4</v>
      </c>
      <c r="AW8" s="277">
        <v>6</v>
      </c>
      <c r="AX8" s="279">
        <v>0</v>
      </c>
      <c r="AY8" s="280">
        <v>16</v>
      </c>
      <c r="AZ8" s="280">
        <v>4</v>
      </c>
      <c r="BA8" s="280">
        <v>7</v>
      </c>
      <c r="BB8" s="280">
        <v>3</v>
      </c>
      <c r="BC8" s="280">
        <v>3</v>
      </c>
      <c r="BD8" s="277">
        <v>33</v>
      </c>
      <c r="BE8" s="282">
        <v>39</v>
      </c>
      <c r="BF8" s="276">
        <v>0</v>
      </c>
      <c r="BG8" s="280">
        <v>0</v>
      </c>
      <c r="BH8" s="277">
        <v>0</v>
      </c>
      <c r="BI8" s="279">
        <v>0</v>
      </c>
      <c r="BJ8" s="280">
        <v>15</v>
      </c>
      <c r="BK8" s="280">
        <v>22</v>
      </c>
      <c r="BL8" s="280">
        <v>31</v>
      </c>
      <c r="BM8" s="280">
        <v>20</v>
      </c>
      <c r="BN8" s="280">
        <v>15</v>
      </c>
      <c r="BO8" s="281">
        <v>103</v>
      </c>
      <c r="BP8" s="282">
        <v>103</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1</v>
      </c>
      <c r="CG8" s="280">
        <v>0</v>
      </c>
      <c r="CH8" s="280">
        <v>8</v>
      </c>
      <c r="CI8" s="280">
        <v>5</v>
      </c>
      <c r="CJ8" s="280">
        <v>3</v>
      </c>
      <c r="CK8" s="277">
        <v>17</v>
      </c>
      <c r="CL8" s="282">
        <v>17</v>
      </c>
      <c r="CM8" s="276">
        <v>0</v>
      </c>
      <c r="CN8" s="280">
        <v>0</v>
      </c>
      <c r="CO8" s="277">
        <v>0</v>
      </c>
      <c r="CP8" s="279">
        <v>0</v>
      </c>
      <c r="CQ8" s="280">
        <v>7</v>
      </c>
      <c r="CR8" s="280">
        <v>5</v>
      </c>
      <c r="CS8" s="280">
        <v>7</v>
      </c>
      <c r="CT8" s="280">
        <v>7</v>
      </c>
      <c r="CU8" s="280">
        <v>7</v>
      </c>
      <c r="CV8" s="277">
        <v>33</v>
      </c>
      <c r="CW8" s="282">
        <v>33</v>
      </c>
    </row>
    <row r="9" spans="1:101" ht="21" customHeight="1" x14ac:dyDescent="0.2">
      <c r="B9" s="261" t="s">
        <v>14</v>
      </c>
      <c r="C9" s="276">
        <v>0</v>
      </c>
      <c r="D9" s="277">
        <v>0</v>
      </c>
      <c r="E9" s="278">
        <v>0</v>
      </c>
      <c r="F9" s="279">
        <v>0</v>
      </c>
      <c r="G9" s="280">
        <v>1</v>
      </c>
      <c r="H9" s="280">
        <v>0</v>
      </c>
      <c r="I9" s="280">
        <v>0</v>
      </c>
      <c r="J9" s="280">
        <v>1</v>
      </c>
      <c r="K9" s="280">
        <v>1</v>
      </c>
      <c r="L9" s="281">
        <v>3</v>
      </c>
      <c r="M9" s="282">
        <v>3</v>
      </c>
      <c r="N9" s="276">
        <v>0</v>
      </c>
      <c r="O9" s="280">
        <v>0</v>
      </c>
      <c r="P9" s="277">
        <v>0</v>
      </c>
      <c r="Q9" s="279">
        <v>0</v>
      </c>
      <c r="R9" s="280">
        <v>0</v>
      </c>
      <c r="S9" s="280">
        <v>0</v>
      </c>
      <c r="T9" s="280">
        <v>0</v>
      </c>
      <c r="U9" s="280">
        <v>0</v>
      </c>
      <c r="V9" s="280">
        <v>0</v>
      </c>
      <c r="W9" s="277">
        <v>0</v>
      </c>
      <c r="X9" s="282">
        <v>0</v>
      </c>
      <c r="Y9" s="276">
        <v>0</v>
      </c>
      <c r="Z9" s="280">
        <v>0</v>
      </c>
      <c r="AA9" s="277">
        <v>0</v>
      </c>
      <c r="AB9" s="279">
        <v>0</v>
      </c>
      <c r="AC9" s="280">
        <v>52</v>
      </c>
      <c r="AD9" s="280">
        <v>58</v>
      </c>
      <c r="AE9" s="280">
        <v>21</v>
      </c>
      <c r="AF9" s="280">
        <v>8</v>
      </c>
      <c r="AG9" s="280">
        <v>3</v>
      </c>
      <c r="AH9" s="277">
        <v>142</v>
      </c>
      <c r="AI9" s="282">
        <v>142</v>
      </c>
      <c r="AJ9" s="276">
        <v>0</v>
      </c>
      <c r="AK9" s="280">
        <v>0</v>
      </c>
      <c r="AL9" s="277">
        <v>0</v>
      </c>
      <c r="AM9" s="279">
        <v>0</v>
      </c>
      <c r="AN9" s="280">
        <v>1</v>
      </c>
      <c r="AO9" s="280">
        <v>1</v>
      </c>
      <c r="AP9" s="280">
        <v>0</v>
      </c>
      <c r="AQ9" s="280">
        <v>0</v>
      </c>
      <c r="AR9" s="280">
        <v>1</v>
      </c>
      <c r="AS9" s="277">
        <v>3</v>
      </c>
      <c r="AT9" s="282">
        <v>3</v>
      </c>
      <c r="AU9" s="276">
        <v>0</v>
      </c>
      <c r="AV9" s="280">
        <v>1</v>
      </c>
      <c r="AW9" s="277">
        <v>1</v>
      </c>
      <c r="AX9" s="279">
        <v>0</v>
      </c>
      <c r="AY9" s="280">
        <v>2</v>
      </c>
      <c r="AZ9" s="280">
        <v>7</v>
      </c>
      <c r="BA9" s="280">
        <v>4</v>
      </c>
      <c r="BB9" s="280">
        <v>5</v>
      </c>
      <c r="BC9" s="280">
        <v>1</v>
      </c>
      <c r="BD9" s="277">
        <v>19</v>
      </c>
      <c r="BE9" s="282">
        <v>20</v>
      </c>
      <c r="BF9" s="276">
        <v>0</v>
      </c>
      <c r="BG9" s="280">
        <v>0</v>
      </c>
      <c r="BH9" s="277">
        <v>0</v>
      </c>
      <c r="BI9" s="279">
        <v>0</v>
      </c>
      <c r="BJ9" s="280">
        <v>4</v>
      </c>
      <c r="BK9" s="280">
        <v>6</v>
      </c>
      <c r="BL9" s="280">
        <v>11</v>
      </c>
      <c r="BM9" s="280">
        <v>8</v>
      </c>
      <c r="BN9" s="280">
        <v>5</v>
      </c>
      <c r="BO9" s="281">
        <v>34</v>
      </c>
      <c r="BP9" s="282">
        <v>34</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1</v>
      </c>
      <c r="CH9" s="280">
        <v>1</v>
      </c>
      <c r="CI9" s="280">
        <v>0</v>
      </c>
      <c r="CJ9" s="280">
        <v>0</v>
      </c>
      <c r="CK9" s="277">
        <v>2</v>
      </c>
      <c r="CL9" s="282">
        <v>2</v>
      </c>
      <c r="CM9" s="276">
        <v>0</v>
      </c>
      <c r="CN9" s="280">
        <v>0</v>
      </c>
      <c r="CO9" s="277">
        <v>0</v>
      </c>
      <c r="CP9" s="279">
        <v>0</v>
      </c>
      <c r="CQ9" s="280">
        <v>1</v>
      </c>
      <c r="CR9" s="280">
        <v>1</v>
      </c>
      <c r="CS9" s="280">
        <v>1</v>
      </c>
      <c r="CT9" s="280">
        <v>1</v>
      </c>
      <c r="CU9" s="280">
        <v>1</v>
      </c>
      <c r="CV9" s="277">
        <v>5</v>
      </c>
      <c r="CW9" s="282">
        <v>5</v>
      </c>
    </row>
    <row r="10" spans="1:101" ht="21" customHeight="1" x14ac:dyDescent="0.2">
      <c r="B10" s="261" t="s">
        <v>7</v>
      </c>
      <c r="C10" s="276">
        <v>0</v>
      </c>
      <c r="D10" s="277">
        <v>0</v>
      </c>
      <c r="E10" s="278">
        <v>0</v>
      </c>
      <c r="F10" s="279">
        <v>0</v>
      </c>
      <c r="G10" s="280">
        <v>1</v>
      </c>
      <c r="H10" s="280">
        <v>0</v>
      </c>
      <c r="I10" s="280">
        <v>2</v>
      </c>
      <c r="J10" s="280">
        <v>1</v>
      </c>
      <c r="K10" s="280">
        <v>0</v>
      </c>
      <c r="L10" s="281">
        <v>4</v>
      </c>
      <c r="M10" s="282">
        <v>4</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35</v>
      </c>
      <c r="AD10" s="280">
        <v>19</v>
      </c>
      <c r="AE10" s="280">
        <v>11</v>
      </c>
      <c r="AF10" s="280">
        <v>5</v>
      </c>
      <c r="AG10" s="280">
        <v>1</v>
      </c>
      <c r="AH10" s="277">
        <v>71</v>
      </c>
      <c r="AI10" s="282">
        <v>71</v>
      </c>
      <c r="AJ10" s="276">
        <v>0</v>
      </c>
      <c r="AK10" s="280">
        <v>0</v>
      </c>
      <c r="AL10" s="277">
        <v>0</v>
      </c>
      <c r="AM10" s="279">
        <v>0</v>
      </c>
      <c r="AN10" s="280">
        <v>3</v>
      </c>
      <c r="AO10" s="280">
        <v>6</v>
      </c>
      <c r="AP10" s="280">
        <v>6</v>
      </c>
      <c r="AQ10" s="280">
        <v>4</v>
      </c>
      <c r="AR10" s="280">
        <v>0</v>
      </c>
      <c r="AS10" s="277">
        <v>19</v>
      </c>
      <c r="AT10" s="282">
        <v>19</v>
      </c>
      <c r="AU10" s="276">
        <v>1</v>
      </c>
      <c r="AV10" s="280">
        <v>0</v>
      </c>
      <c r="AW10" s="277">
        <v>1</v>
      </c>
      <c r="AX10" s="279">
        <v>0</v>
      </c>
      <c r="AY10" s="280">
        <v>1</v>
      </c>
      <c r="AZ10" s="280">
        <v>1</v>
      </c>
      <c r="BA10" s="280">
        <v>1</v>
      </c>
      <c r="BB10" s="280">
        <v>0</v>
      </c>
      <c r="BC10" s="280">
        <v>0</v>
      </c>
      <c r="BD10" s="277">
        <v>3</v>
      </c>
      <c r="BE10" s="282">
        <v>4</v>
      </c>
      <c r="BF10" s="276">
        <v>0</v>
      </c>
      <c r="BG10" s="280">
        <v>0</v>
      </c>
      <c r="BH10" s="277">
        <v>0</v>
      </c>
      <c r="BI10" s="279">
        <v>0</v>
      </c>
      <c r="BJ10" s="280">
        <v>2</v>
      </c>
      <c r="BK10" s="280">
        <v>1</v>
      </c>
      <c r="BL10" s="280">
        <v>6</v>
      </c>
      <c r="BM10" s="280">
        <v>4</v>
      </c>
      <c r="BN10" s="280">
        <v>1</v>
      </c>
      <c r="BO10" s="281">
        <v>14</v>
      </c>
      <c r="BP10" s="282">
        <v>14</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0</v>
      </c>
      <c r="CS10" s="280">
        <v>0</v>
      </c>
      <c r="CT10" s="280">
        <v>0</v>
      </c>
      <c r="CU10" s="280">
        <v>0</v>
      </c>
      <c r="CV10" s="277">
        <v>0</v>
      </c>
      <c r="CW10" s="282">
        <v>0</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37</v>
      </c>
      <c r="AD11" s="280">
        <v>19</v>
      </c>
      <c r="AE11" s="280">
        <v>7</v>
      </c>
      <c r="AF11" s="280">
        <v>6</v>
      </c>
      <c r="AG11" s="280">
        <v>0</v>
      </c>
      <c r="AH11" s="277">
        <v>69</v>
      </c>
      <c r="AI11" s="282">
        <v>69</v>
      </c>
      <c r="AJ11" s="276">
        <v>0</v>
      </c>
      <c r="AK11" s="280">
        <v>0</v>
      </c>
      <c r="AL11" s="277">
        <v>0</v>
      </c>
      <c r="AM11" s="279">
        <v>0</v>
      </c>
      <c r="AN11" s="280">
        <v>0</v>
      </c>
      <c r="AO11" s="280">
        <v>1</v>
      </c>
      <c r="AP11" s="280">
        <v>0</v>
      </c>
      <c r="AQ11" s="280">
        <v>0</v>
      </c>
      <c r="AR11" s="280">
        <v>0</v>
      </c>
      <c r="AS11" s="277">
        <v>1</v>
      </c>
      <c r="AT11" s="282">
        <v>1</v>
      </c>
      <c r="AU11" s="276">
        <v>0</v>
      </c>
      <c r="AV11" s="280">
        <v>0</v>
      </c>
      <c r="AW11" s="277">
        <v>0</v>
      </c>
      <c r="AX11" s="279">
        <v>0</v>
      </c>
      <c r="AY11" s="280">
        <v>2</v>
      </c>
      <c r="AZ11" s="280">
        <v>0</v>
      </c>
      <c r="BA11" s="280">
        <v>1</v>
      </c>
      <c r="BB11" s="280">
        <v>1</v>
      </c>
      <c r="BC11" s="280">
        <v>2</v>
      </c>
      <c r="BD11" s="277">
        <v>6</v>
      </c>
      <c r="BE11" s="282">
        <v>6</v>
      </c>
      <c r="BF11" s="276">
        <v>0</v>
      </c>
      <c r="BG11" s="280">
        <v>0</v>
      </c>
      <c r="BH11" s="277">
        <v>0</v>
      </c>
      <c r="BI11" s="279">
        <v>0</v>
      </c>
      <c r="BJ11" s="280">
        <v>0</v>
      </c>
      <c r="BK11" s="280">
        <v>1</v>
      </c>
      <c r="BL11" s="280">
        <v>2</v>
      </c>
      <c r="BM11" s="280">
        <v>4</v>
      </c>
      <c r="BN11" s="280">
        <v>1</v>
      </c>
      <c r="BO11" s="281">
        <v>8</v>
      </c>
      <c r="BP11" s="282">
        <v>8</v>
      </c>
      <c r="BQ11" s="276">
        <v>0</v>
      </c>
      <c r="BR11" s="280">
        <v>0</v>
      </c>
      <c r="BS11" s="277">
        <v>0</v>
      </c>
      <c r="BT11" s="279">
        <v>0</v>
      </c>
      <c r="BU11" s="280">
        <v>0</v>
      </c>
      <c r="BV11" s="280">
        <v>0</v>
      </c>
      <c r="BW11" s="280">
        <v>0</v>
      </c>
      <c r="BX11" s="280">
        <v>1</v>
      </c>
      <c r="BY11" s="280">
        <v>0</v>
      </c>
      <c r="BZ11" s="277">
        <v>1</v>
      </c>
      <c r="CA11" s="282">
        <v>1</v>
      </c>
      <c r="CB11" s="276">
        <v>0</v>
      </c>
      <c r="CC11" s="280">
        <v>0</v>
      </c>
      <c r="CD11" s="277">
        <v>0</v>
      </c>
      <c r="CE11" s="279">
        <v>0</v>
      </c>
      <c r="CF11" s="280">
        <v>0</v>
      </c>
      <c r="CG11" s="280">
        <v>0</v>
      </c>
      <c r="CH11" s="280">
        <v>0</v>
      </c>
      <c r="CI11" s="280">
        <v>0</v>
      </c>
      <c r="CJ11" s="280">
        <v>1</v>
      </c>
      <c r="CK11" s="277">
        <v>1</v>
      </c>
      <c r="CL11" s="282">
        <v>1</v>
      </c>
      <c r="CM11" s="276">
        <v>0</v>
      </c>
      <c r="CN11" s="280">
        <v>0</v>
      </c>
      <c r="CO11" s="277">
        <v>0</v>
      </c>
      <c r="CP11" s="279">
        <v>0</v>
      </c>
      <c r="CQ11" s="280">
        <v>0</v>
      </c>
      <c r="CR11" s="280">
        <v>0</v>
      </c>
      <c r="CS11" s="280">
        <v>0</v>
      </c>
      <c r="CT11" s="280">
        <v>1</v>
      </c>
      <c r="CU11" s="280">
        <v>0</v>
      </c>
      <c r="CV11" s="277">
        <v>1</v>
      </c>
      <c r="CW11" s="282">
        <v>1</v>
      </c>
    </row>
    <row r="12" spans="1:101" ht="21" customHeight="1" x14ac:dyDescent="0.2">
      <c r="B12" s="261" t="s">
        <v>9</v>
      </c>
      <c r="C12" s="276">
        <v>0</v>
      </c>
      <c r="D12" s="277">
        <v>0</v>
      </c>
      <c r="E12" s="278">
        <v>0</v>
      </c>
      <c r="F12" s="279">
        <v>0</v>
      </c>
      <c r="G12" s="280">
        <v>0</v>
      </c>
      <c r="H12" s="280">
        <v>1</v>
      </c>
      <c r="I12" s="280">
        <v>1</v>
      </c>
      <c r="J12" s="280">
        <v>3</v>
      </c>
      <c r="K12" s="280">
        <v>0</v>
      </c>
      <c r="L12" s="281">
        <v>5</v>
      </c>
      <c r="M12" s="282">
        <v>5</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1</v>
      </c>
      <c r="AD12" s="280">
        <v>32</v>
      </c>
      <c r="AE12" s="280">
        <v>13</v>
      </c>
      <c r="AF12" s="280">
        <v>9</v>
      </c>
      <c r="AG12" s="280">
        <v>2</v>
      </c>
      <c r="AH12" s="277">
        <v>97</v>
      </c>
      <c r="AI12" s="282">
        <v>97</v>
      </c>
      <c r="AJ12" s="276">
        <v>0</v>
      </c>
      <c r="AK12" s="280">
        <v>0</v>
      </c>
      <c r="AL12" s="277">
        <v>0</v>
      </c>
      <c r="AM12" s="279">
        <v>0</v>
      </c>
      <c r="AN12" s="280">
        <v>0</v>
      </c>
      <c r="AO12" s="280">
        <v>0</v>
      </c>
      <c r="AP12" s="280">
        <v>2</v>
      </c>
      <c r="AQ12" s="280">
        <v>0</v>
      </c>
      <c r="AR12" s="280">
        <v>1</v>
      </c>
      <c r="AS12" s="277">
        <v>3</v>
      </c>
      <c r="AT12" s="282">
        <v>3</v>
      </c>
      <c r="AU12" s="276">
        <v>1</v>
      </c>
      <c r="AV12" s="280">
        <v>1</v>
      </c>
      <c r="AW12" s="277">
        <v>2</v>
      </c>
      <c r="AX12" s="279">
        <v>0</v>
      </c>
      <c r="AY12" s="280">
        <v>4</v>
      </c>
      <c r="AZ12" s="280">
        <v>0</v>
      </c>
      <c r="BA12" s="280">
        <v>2</v>
      </c>
      <c r="BB12" s="280">
        <v>2</v>
      </c>
      <c r="BC12" s="280">
        <v>1</v>
      </c>
      <c r="BD12" s="277">
        <v>9</v>
      </c>
      <c r="BE12" s="282">
        <v>11</v>
      </c>
      <c r="BF12" s="276">
        <v>0</v>
      </c>
      <c r="BG12" s="280">
        <v>0</v>
      </c>
      <c r="BH12" s="277">
        <v>0</v>
      </c>
      <c r="BI12" s="279">
        <v>0</v>
      </c>
      <c r="BJ12" s="280">
        <v>0</v>
      </c>
      <c r="BK12" s="280">
        <v>6</v>
      </c>
      <c r="BL12" s="280">
        <v>9</v>
      </c>
      <c r="BM12" s="280">
        <v>1</v>
      </c>
      <c r="BN12" s="280">
        <v>1</v>
      </c>
      <c r="BO12" s="281">
        <v>17</v>
      </c>
      <c r="BP12" s="282">
        <v>17</v>
      </c>
      <c r="BQ12" s="276">
        <v>0</v>
      </c>
      <c r="BR12" s="280">
        <v>0</v>
      </c>
      <c r="BS12" s="277">
        <v>0</v>
      </c>
      <c r="BT12" s="279">
        <v>0</v>
      </c>
      <c r="BU12" s="280">
        <v>0</v>
      </c>
      <c r="BV12" s="280">
        <v>3</v>
      </c>
      <c r="BW12" s="280">
        <v>0</v>
      </c>
      <c r="BX12" s="280">
        <v>1</v>
      </c>
      <c r="BY12" s="280">
        <v>0</v>
      </c>
      <c r="BZ12" s="277">
        <v>4</v>
      </c>
      <c r="CA12" s="282">
        <v>4</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1</v>
      </c>
      <c r="CT12" s="280">
        <v>0</v>
      </c>
      <c r="CU12" s="280">
        <v>2</v>
      </c>
      <c r="CV12" s="277">
        <v>4</v>
      </c>
      <c r="CW12" s="282">
        <v>4</v>
      </c>
    </row>
    <row r="13" spans="1:101" ht="21" customHeight="1" x14ac:dyDescent="0.2">
      <c r="B13" s="261" t="s">
        <v>10</v>
      </c>
      <c r="C13" s="276">
        <v>0</v>
      </c>
      <c r="D13" s="277">
        <v>0</v>
      </c>
      <c r="E13" s="278">
        <v>0</v>
      </c>
      <c r="F13" s="279">
        <v>0</v>
      </c>
      <c r="G13" s="280">
        <v>1</v>
      </c>
      <c r="H13" s="280">
        <v>1</v>
      </c>
      <c r="I13" s="280">
        <v>3</v>
      </c>
      <c r="J13" s="280">
        <v>0</v>
      </c>
      <c r="K13" s="280">
        <v>0</v>
      </c>
      <c r="L13" s="281">
        <v>5</v>
      </c>
      <c r="M13" s="282">
        <v>5</v>
      </c>
      <c r="N13" s="276">
        <v>0</v>
      </c>
      <c r="O13" s="280">
        <v>0</v>
      </c>
      <c r="P13" s="277">
        <v>0</v>
      </c>
      <c r="Q13" s="279">
        <v>0</v>
      </c>
      <c r="R13" s="280">
        <v>0</v>
      </c>
      <c r="S13" s="280">
        <v>1</v>
      </c>
      <c r="T13" s="280">
        <v>1</v>
      </c>
      <c r="U13" s="280">
        <v>0</v>
      </c>
      <c r="V13" s="280">
        <v>0</v>
      </c>
      <c r="W13" s="277">
        <v>2</v>
      </c>
      <c r="X13" s="282">
        <v>2</v>
      </c>
      <c r="Y13" s="276">
        <v>0</v>
      </c>
      <c r="Z13" s="280">
        <v>0</v>
      </c>
      <c r="AA13" s="277">
        <v>0</v>
      </c>
      <c r="AB13" s="279">
        <v>0</v>
      </c>
      <c r="AC13" s="280">
        <v>39</v>
      </c>
      <c r="AD13" s="280">
        <v>21</v>
      </c>
      <c r="AE13" s="280">
        <v>5</v>
      </c>
      <c r="AF13" s="280">
        <v>3</v>
      </c>
      <c r="AG13" s="280">
        <v>1</v>
      </c>
      <c r="AH13" s="277">
        <v>69</v>
      </c>
      <c r="AI13" s="282">
        <v>69</v>
      </c>
      <c r="AJ13" s="276">
        <v>0</v>
      </c>
      <c r="AK13" s="280">
        <v>0</v>
      </c>
      <c r="AL13" s="277">
        <v>0</v>
      </c>
      <c r="AM13" s="279">
        <v>0</v>
      </c>
      <c r="AN13" s="280">
        <v>0</v>
      </c>
      <c r="AO13" s="280">
        <v>3</v>
      </c>
      <c r="AP13" s="280">
        <v>5</v>
      </c>
      <c r="AQ13" s="280">
        <v>0</v>
      </c>
      <c r="AR13" s="280">
        <v>0</v>
      </c>
      <c r="AS13" s="277">
        <v>8</v>
      </c>
      <c r="AT13" s="282">
        <v>8</v>
      </c>
      <c r="AU13" s="276">
        <v>1</v>
      </c>
      <c r="AV13" s="280">
        <v>1</v>
      </c>
      <c r="AW13" s="277">
        <v>2</v>
      </c>
      <c r="AX13" s="279">
        <v>0</v>
      </c>
      <c r="AY13" s="280">
        <v>5</v>
      </c>
      <c r="AZ13" s="280">
        <v>1</v>
      </c>
      <c r="BA13" s="280">
        <v>3</v>
      </c>
      <c r="BB13" s="280">
        <v>1</v>
      </c>
      <c r="BC13" s="280">
        <v>2</v>
      </c>
      <c r="BD13" s="277">
        <v>12</v>
      </c>
      <c r="BE13" s="282">
        <v>14</v>
      </c>
      <c r="BF13" s="276">
        <v>0</v>
      </c>
      <c r="BG13" s="280">
        <v>0</v>
      </c>
      <c r="BH13" s="277">
        <v>0</v>
      </c>
      <c r="BI13" s="279">
        <v>0</v>
      </c>
      <c r="BJ13" s="280">
        <v>3</v>
      </c>
      <c r="BK13" s="280">
        <v>5</v>
      </c>
      <c r="BL13" s="280">
        <v>9</v>
      </c>
      <c r="BM13" s="280">
        <v>6</v>
      </c>
      <c r="BN13" s="280">
        <v>7</v>
      </c>
      <c r="BO13" s="281">
        <v>30</v>
      </c>
      <c r="BP13" s="282">
        <v>30</v>
      </c>
      <c r="BQ13" s="276">
        <v>0</v>
      </c>
      <c r="BR13" s="280">
        <v>0</v>
      </c>
      <c r="BS13" s="277">
        <v>0</v>
      </c>
      <c r="BT13" s="279">
        <v>0</v>
      </c>
      <c r="BU13" s="280">
        <v>5</v>
      </c>
      <c r="BV13" s="280">
        <v>0</v>
      </c>
      <c r="BW13" s="280">
        <v>5</v>
      </c>
      <c r="BX13" s="280">
        <v>2</v>
      </c>
      <c r="BY13" s="280">
        <v>3</v>
      </c>
      <c r="BZ13" s="277">
        <v>15</v>
      </c>
      <c r="CA13" s="282">
        <v>15</v>
      </c>
      <c r="CB13" s="276">
        <v>0</v>
      </c>
      <c r="CC13" s="280">
        <v>0</v>
      </c>
      <c r="CD13" s="277">
        <v>0</v>
      </c>
      <c r="CE13" s="279">
        <v>0</v>
      </c>
      <c r="CF13" s="280">
        <v>0</v>
      </c>
      <c r="CG13" s="280">
        <v>0</v>
      </c>
      <c r="CH13" s="280">
        <v>0</v>
      </c>
      <c r="CI13" s="280">
        <v>3</v>
      </c>
      <c r="CJ13" s="280">
        <v>0</v>
      </c>
      <c r="CK13" s="277">
        <v>3</v>
      </c>
      <c r="CL13" s="282">
        <v>3</v>
      </c>
      <c r="CM13" s="276">
        <v>0</v>
      </c>
      <c r="CN13" s="280">
        <v>0</v>
      </c>
      <c r="CO13" s="277">
        <v>0</v>
      </c>
      <c r="CP13" s="279">
        <v>0</v>
      </c>
      <c r="CQ13" s="280">
        <v>1</v>
      </c>
      <c r="CR13" s="280">
        <v>0</v>
      </c>
      <c r="CS13" s="280">
        <v>2</v>
      </c>
      <c r="CT13" s="280">
        <v>0</v>
      </c>
      <c r="CU13" s="280">
        <v>1</v>
      </c>
      <c r="CV13" s="277">
        <v>4</v>
      </c>
      <c r="CW13" s="282">
        <v>4</v>
      </c>
    </row>
    <row r="14" spans="1:101" ht="21" customHeight="1" x14ac:dyDescent="0.2">
      <c r="B14" s="261" t="s">
        <v>11</v>
      </c>
      <c r="C14" s="276">
        <v>0</v>
      </c>
      <c r="D14" s="277">
        <v>0</v>
      </c>
      <c r="E14" s="278">
        <v>0</v>
      </c>
      <c r="F14" s="279">
        <v>0</v>
      </c>
      <c r="G14" s="280">
        <v>1</v>
      </c>
      <c r="H14" s="280">
        <v>1</v>
      </c>
      <c r="I14" s="280">
        <v>1</v>
      </c>
      <c r="J14" s="280">
        <v>1</v>
      </c>
      <c r="K14" s="280">
        <v>0</v>
      </c>
      <c r="L14" s="281">
        <v>4</v>
      </c>
      <c r="M14" s="282">
        <v>4</v>
      </c>
      <c r="N14" s="276">
        <v>0</v>
      </c>
      <c r="O14" s="280">
        <v>0</v>
      </c>
      <c r="P14" s="277">
        <v>0</v>
      </c>
      <c r="Q14" s="279">
        <v>0</v>
      </c>
      <c r="R14" s="280">
        <v>2</v>
      </c>
      <c r="S14" s="280">
        <v>1</v>
      </c>
      <c r="T14" s="280">
        <v>0</v>
      </c>
      <c r="U14" s="280">
        <v>0</v>
      </c>
      <c r="V14" s="280">
        <v>0</v>
      </c>
      <c r="W14" s="277">
        <v>3</v>
      </c>
      <c r="X14" s="282">
        <v>3</v>
      </c>
      <c r="Y14" s="276">
        <v>0</v>
      </c>
      <c r="Z14" s="280">
        <v>0</v>
      </c>
      <c r="AA14" s="277">
        <v>0</v>
      </c>
      <c r="AB14" s="279">
        <v>0</v>
      </c>
      <c r="AC14" s="280">
        <v>29</v>
      </c>
      <c r="AD14" s="280">
        <v>8</v>
      </c>
      <c r="AE14" s="280">
        <v>6</v>
      </c>
      <c r="AF14" s="280">
        <v>4</v>
      </c>
      <c r="AG14" s="280">
        <v>1</v>
      </c>
      <c r="AH14" s="277">
        <v>48</v>
      </c>
      <c r="AI14" s="282">
        <v>48</v>
      </c>
      <c r="AJ14" s="276">
        <v>0</v>
      </c>
      <c r="AK14" s="280">
        <v>0</v>
      </c>
      <c r="AL14" s="277">
        <v>0</v>
      </c>
      <c r="AM14" s="279">
        <v>0</v>
      </c>
      <c r="AN14" s="280">
        <v>1</v>
      </c>
      <c r="AO14" s="280">
        <v>0</v>
      </c>
      <c r="AP14" s="280">
        <v>0</v>
      </c>
      <c r="AQ14" s="280">
        <v>0</v>
      </c>
      <c r="AR14" s="280">
        <v>0</v>
      </c>
      <c r="AS14" s="277">
        <v>1</v>
      </c>
      <c r="AT14" s="282">
        <v>1</v>
      </c>
      <c r="AU14" s="276">
        <v>0</v>
      </c>
      <c r="AV14" s="280">
        <v>1</v>
      </c>
      <c r="AW14" s="277">
        <v>1</v>
      </c>
      <c r="AX14" s="279">
        <v>0</v>
      </c>
      <c r="AY14" s="280">
        <v>1</v>
      </c>
      <c r="AZ14" s="280">
        <v>0</v>
      </c>
      <c r="BA14" s="280">
        <v>2</v>
      </c>
      <c r="BB14" s="280">
        <v>0</v>
      </c>
      <c r="BC14" s="280">
        <v>0</v>
      </c>
      <c r="BD14" s="277">
        <v>3</v>
      </c>
      <c r="BE14" s="282">
        <v>4</v>
      </c>
      <c r="BF14" s="276">
        <v>0</v>
      </c>
      <c r="BG14" s="280">
        <v>0</v>
      </c>
      <c r="BH14" s="277">
        <v>0</v>
      </c>
      <c r="BI14" s="279">
        <v>0</v>
      </c>
      <c r="BJ14" s="280">
        <v>0</v>
      </c>
      <c r="BK14" s="280">
        <v>3</v>
      </c>
      <c r="BL14" s="280">
        <v>1</v>
      </c>
      <c r="BM14" s="280">
        <v>5</v>
      </c>
      <c r="BN14" s="280">
        <v>0</v>
      </c>
      <c r="BO14" s="281">
        <v>9</v>
      </c>
      <c r="BP14" s="282">
        <v>9</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0</v>
      </c>
      <c r="CS14" s="280">
        <v>0</v>
      </c>
      <c r="CT14" s="280">
        <v>0</v>
      </c>
      <c r="CU14" s="280">
        <v>0</v>
      </c>
      <c r="CV14" s="277">
        <v>0</v>
      </c>
      <c r="CW14" s="282">
        <v>0</v>
      </c>
    </row>
    <row r="15" spans="1:101" ht="21" customHeight="1" x14ac:dyDescent="0.2">
      <c r="B15" s="261" t="s">
        <v>12</v>
      </c>
      <c r="C15" s="276">
        <v>0</v>
      </c>
      <c r="D15" s="277">
        <v>0</v>
      </c>
      <c r="E15" s="278">
        <v>0</v>
      </c>
      <c r="F15" s="279">
        <v>0</v>
      </c>
      <c r="G15" s="280">
        <v>0</v>
      </c>
      <c r="H15" s="280">
        <v>0</v>
      </c>
      <c r="I15" s="280">
        <v>0</v>
      </c>
      <c r="J15" s="280">
        <v>0</v>
      </c>
      <c r="K15" s="280">
        <v>0</v>
      </c>
      <c r="L15" s="281">
        <v>0</v>
      </c>
      <c r="M15" s="282">
        <v>0</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20</v>
      </c>
      <c r="AD15" s="280">
        <v>16</v>
      </c>
      <c r="AE15" s="280">
        <v>9</v>
      </c>
      <c r="AF15" s="280">
        <v>8</v>
      </c>
      <c r="AG15" s="280">
        <v>1</v>
      </c>
      <c r="AH15" s="277">
        <v>54</v>
      </c>
      <c r="AI15" s="282">
        <v>54</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1</v>
      </c>
      <c r="AZ15" s="280">
        <v>3</v>
      </c>
      <c r="BA15" s="280">
        <v>0</v>
      </c>
      <c r="BB15" s="280">
        <v>3</v>
      </c>
      <c r="BC15" s="280">
        <v>0</v>
      </c>
      <c r="BD15" s="277">
        <v>7</v>
      </c>
      <c r="BE15" s="282">
        <v>7</v>
      </c>
      <c r="BF15" s="276">
        <v>0</v>
      </c>
      <c r="BG15" s="280">
        <v>0</v>
      </c>
      <c r="BH15" s="277">
        <v>0</v>
      </c>
      <c r="BI15" s="279">
        <v>0</v>
      </c>
      <c r="BJ15" s="280">
        <v>0</v>
      </c>
      <c r="BK15" s="280">
        <v>1</v>
      </c>
      <c r="BL15" s="280">
        <v>1</v>
      </c>
      <c r="BM15" s="280">
        <v>2</v>
      </c>
      <c r="BN15" s="280">
        <v>1</v>
      </c>
      <c r="BO15" s="281">
        <v>5</v>
      </c>
      <c r="BP15" s="282">
        <v>5</v>
      </c>
      <c r="BQ15" s="276">
        <v>0</v>
      </c>
      <c r="BR15" s="280">
        <v>0</v>
      </c>
      <c r="BS15" s="277">
        <v>0</v>
      </c>
      <c r="BT15" s="279">
        <v>0</v>
      </c>
      <c r="BU15" s="280">
        <v>0</v>
      </c>
      <c r="BV15" s="280">
        <v>1</v>
      </c>
      <c r="BW15" s="280">
        <v>0</v>
      </c>
      <c r="BX15" s="280">
        <v>2</v>
      </c>
      <c r="BY15" s="280">
        <v>0</v>
      </c>
      <c r="BZ15" s="277">
        <v>3</v>
      </c>
      <c r="CA15" s="282">
        <v>3</v>
      </c>
      <c r="CB15" s="276">
        <v>0</v>
      </c>
      <c r="CC15" s="280">
        <v>0</v>
      </c>
      <c r="CD15" s="277">
        <v>0</v>
      </c>
      <c r="CE15" s="279">
        <v>0</v>
      </c>
      <c r="CF15" s="280">
        <v>0</v>
      </c>
      <c r="CG15" s="280">
        <v>0</v>
      </c>
      <c r="CH15" s="280">
        <v>1</v>
      </c>
      <c r="CI15" s="280">
        <v>0</v>
      </c>
      <c r="CJ15" s="280">
        <v>1</v>
      </c>
      <c r="CK15" s="277">
        <v>2</v>
      </c>
      <c r="CL15" s="282">
        <v>2</v>
      </c>
      <c r="CM15" s="276">
        <v>0</v>
      </c>
      <c r="CN15" s="280">
        <v>0</v>
      </c>
      <c r="CO15" s="277">
        <v>0</v>
      </c>
      <c r="CP15" s="279">
        <v>0</v>
      </c>
      <c r="CQ15" s="280">
        <v>0</v>
      </c>
      <c r="CR15" s="280">
        <v>1</v>
      </c>
      <c r="CS15" s="280">
        <v>1</v>
      </c>
      <c r="CT15" s="280">
        <v>3</v>
      </c>
      <c r="CU15" s="280">
        <v>1</v>
      </c>
      <c r="CV15" s="277">
        <v>6</v>
      </c>
      <c r="CW15" s="282">
        <v>6</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9</v>
      </c>
      <c r="AD16" s="280">
        <v>9</v>
      </c>
      <c r="AE16" s="280">
        <v>5</v>
      </c>
      <c r="AF16" s="280">
        <v>2</v>
      </c>
      <c r="AG16" s="280">
        <v>1</v>
      </c>
      <c r="AH16" s="277">
        <v>26</v>
      </c>
      <c r="AI16" s="282">
        <v>26</v>
      </c>
      <c r="AJ16" s="276">
        <v>0</v>
      </c>
      <c r="AK16" s="280">
        <v>0</v>
      </c>
      <c r="AL16" s="277">
        <v>0</v>
      </c>
      <c r="AM16" s="279">
        <v>0</v>
      </c>
      <c r="AN16" s="280">
        <v>0</v>
      </c>
      <c r="AO16" s="280">
        <v>0</v>
      </c>
      <c r="AP16" s="280">
        <v>0</v>
      </c>
      <c r="AQ16" s="280">
        <v>0</v>
      </c>
      <c r="AR16" s="280">
        <v>0</v>
      </c>
      <c r="AS16" s="277">
        <v>0</v>
      </c>
      <c r="AT16" s="282">
        <v>0</v>
      </c>
      <c r="AU16" s="276">
        <v>0</v>
      </c>
      <c r="AV16" s="280">
        <v>0</v>
      </c>
      <c r="AW16" s="277">
        <v>0</v>
      </c>
      <c r="AX16" s="279">
        <v>0</v>
      </c>
      <c r="AY16" s="280">
        <v>0</v>
      </c>
      <c r="AZ16" s="280">
        <v>1</v>
      </c>
      <c r="BA16" s="280">
        <v>1</v>
      </c>
      <c r="BB16" s="280">
        <v>0</v>
      </c>
      <c r="BC16" s="280">
        <v>0</v>
      </c>
      <c r="BD16" s="277">
        <v>2</v>
      </c>
      <c r="BE16" s="282">
        <v>2</v>
      </c>
      <c r="BF16" s="276">
        <v>0</v>
      </c>
      <c r="BG16" s="280">
        <v>0</v>
      </c>
      <c r="BH16" s="277">
        <v>0</v>
      </c>
      <c r="BI16" s="279">
        <v>0</v>
      </c>
      <c r="BJ16" s="280">
        <v>0</v>
      </c>
      <c r="BK16" s="280">
        <v>1</v>
      </c>
      <c r="BL16" s="280">
        <v>0</v>
      </c>
      <c r="BM16" s="280">
        <v>1</v>
      </c>
      <c r="BN16" s="280">
        <v>0</v>
      </c>
      <c r="BO16" s="281">
        <v>2</v>
      </c>
      <c r="BP16" s="282">
        <v>2</v>
      </c>
      <c r="BQ16" s="276">
        <v>0</v>
      </c>
      <c r="BR16" s="280">
        <v>0</v>
      </c>
      <c r="BS16" s="277">
        <v>0</v>
      </c>
      <c r="BT16" s="279">
        <v>0</v>
      </c>
      <c r="BU16" s="280">
        <v>0</v>
      </c>
      <c r="BV16" s="280">
        <v>0</v>
      </c>
      <c r="BW16" s="280">
        <v>0</v>
      </c>
      <c r="BX16" s="280">
        <v>0</v>
      </c>
      <c r="BY16" s="280">
        <v>1</v>
      </c>
      <c r="BZ16" s="277">
        <v>1</v>
      </c>
      <c r="CA16" s="282">
        <v>1</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1</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6</v>
      </c>
      <c r="AD17" s="280">
        <v>5</v>
      </c>
      <c r="AE17" s="280">
        <v>3</v>
      </c>
      <c r="AF17" s="280">
        <v>2</v>
      </c>
      <c r="AG17" s="280">
        <v>2</v>
      </c>
      <c r="AH17" s="277">
        <v>18</v>
      </c>
      <c r="AI17" s="282">
        <v>18</v>
      </c>
      <c r="AJ17" s="276">
        <v>0</v>
      </c>
      <c r="AK17" s="280">
        <v>0</v>
      </c>
      <c r="AL17" s="277">
        <v>0</v>
      </c>
      <c r="AM17" s="279">
        <v>0</v>
      </c>
      <c r="AN17" s="280">
        <v>0</v>
      </c>
      <c r="AO17" s="280">
        <v>0</v>
      </c>
      <c r="AP17" s="280">
        <v>0</v>
      </c>
      <c r="AQ17" s="280">
        <v>0</v>
      </c>
      <c r="AR17" s="280">
        <v>0</v>
      </c>
      <c r="AS17" s="277">
        <v>0</v>
      </c>
      <c r="AT17" s="282">
        <v>0</v>
      </c>
      <c r="AU17" s="276">
        <v>0</v>
      </c>
      <c r="AV17" s="280">
        <v>0</v>
      </c>
      <c r="AW17" s="277">
        <v>0</v>
      </c>
      <c r="AX17" s="279">
        <v>0</v>
      </c>
      <c r="AY17" s="280">
        <v>0</v>
      </c>
      <c r="AZ17" s="280">
        <v>1</v>
      </c>
      <c r="BA17" s="280">
        <v>0</v>
      </c>
      <c r="BB17" s="280">
        <v>0</v>
      </c>
      <c r="BC17" s="280">
        <v>0</v>
      </c>
      <c r="BD17" s="277">
        <v>1</v>
      </c>
      <c r="BE17" s="282">
        <v>1</v>
      </c>
      <c r="BF17" s="276">
        <v>0</v>
      </c>
      <c r="BG17" s="280">
        <v>0</v>
      </c>
      <c r="BH17" s="277">
        <v>0</v>
      </c>
      <c r="BI17" s="279">
        <v>0</v>
      </c>
      <c r="BJ17" s="280">
        <v>0</v>
      </c>
      <c r="BK17" s="280">
        <v>3</v>
      </c>
      <c r="BL17" s="280">
        <v>0</v>
      </c>
      <c r="BM17" s="280">
        <v>1</v>
      </c>
      <c r="BN17" s="280">
        <v>0</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1</v>
      </c>
      <c r="CJ17" s="280">
        <v>0</v>
      </c>
      <c r="CK17" s="277">
        <v>1</v>
      </c>
      <c r="CL17" s="282">
        <v>1</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0</v>
      </c>
      <c r="J18" s="280">
        <v>1</v>
      </c>
      <c r="K18" s="280">
        <v>2</v>
      </c>
      <c r="L18" s="281">
        <v>3</v>
      </c>
      <c r="M18" s="282">
        <v>3</v>
      </c>
      <c r="N18" s="276">
        <v>0</v>
      </c>
      <c r="O18" s="280">
        <v>0</v>
      </c>
      <c r="P18" s="277">
        <v>0</v>
      </c>
      <c r="Q18" s="279">
        <v>0</v>
      </c>
      <c r="R18" s="280">
        <v>0</v>
      </c>
      <c r="S18" s="280">
        <v>0</v>
      </c>
      <c r="T18" s="280">
        <v>0</v>
      </c>
      <c r="U18" s="280">
        <v>1</v>
      </c>
      <c r="V18" s="280">
        <v>1</v>
      </c>
      <c r="W18" s="277">
        <v>2</v>
      </c>
      <c r="X18" s="282">
        <v>2</v>
      </c>
      <c r="Y18" s="276">
        <v>0</v>
      </c>
      <c r="Z18" s="280">
        <v>0</v>
      </c>
      <c r="AA18" s="277">
        <v>0</v>
      </c>
      <c r="AB18" s="279">
        <v>0</v>
      </c>
      <c r="AC18" s="280">
        <v>6</v>
      </c>
      <c r="AD18" s="280">
        <v>8</v>
      </c>
      <c r="AE18" s="280">
        <v>9</v>
      </c>
      <c r="AF18" s="280">
        <v>2</v>
      </c>
      <c r="AG18" s="280">
        <v>1</v>
      </c>
      <c r="AH18" s="277">
        <v>26</v>
      </c>
      <c r="AI18" s="282">
        <v>26</v>
      </c>
      <c r="AJ18" s="276">
        <v>0</v>
      </c>
      <c r="AK18" s="280">
        <v>0</v>
      </c>
      <c r="AL18" s="277">
        <v>0</v>
      </c>
      <c r="AM18" s="279">
        <v>0</v>
      </c>
      <c r="AN18" s="280">
        <v>0</v>
      </c>
      <c r="AO18" s="280">
        <v>3</v>
      </c>
      <c r="AP18" s="280">
        <v>0</v>
      </c>
      <c r="AQ18" s="280">
        <v>0</v>
      </c>
      <c r="AR18" s="280">
        <v>0</v>
      </c>
      <c r="AS18" s="277">
        <v>3</v>
      </c>
      <c r="AT18" s="282">
        <v>3</v>
      </c>
      <c r="AU18" s="276">
        <v>0</v>
      </c>
      <c r="AV18" s="280">
        <v>0</v>
      </c>
      <c r="AW18" s="277">
        <v>0</v>
      </c>
      <c r="AX18" s="279">
        <v>0</v>
      </c>
      <c r="AY18" s="280">
        <v>0</v>
      </c>
      <c r="AZ18" s="280">
        <v>1</v>
      </c>
      <c r="BA18" s="280">
        <v>0</v>
      </c>
      <c r="BB18" s="280">
        <v>1</v>
      </c>
      <c r="BC18" s="280">
        <v>1</v>
      </c>
      <c r="BD18" s="277">
        <v>3</v>
      </c>
      <c r="BE18" s="282">
        <v>3</v>
      </c>
      <c r="BF18" s="276">
        <v>0</v>
      </c>
      <c r="BG18" s="280">
        <v>0</v>
      </c>
      <c r="BH18" s="277">
        <v>0</v>
      </c>
      <c r="BI18" s="279">
        <v>0</v>
      </c>
      <c r="BJ18" s="280">
        <v>0</v>
      </c>
      <c r="BK18" s="280">
        <v>2</v>
      </c>
      <c r="BL18" s="280">
        <v>3</v>
      </c>
      <c r="BM18" s="280">
        <v>1</v>
      </c>
      <c r="BN18" s="280">
        <v>2</v>
      </c>
      <c r="BO18" s="281">
        <v>8</v>
      </c>
      <c r="BP18" s="282">
        <v>8</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0</v>
      </c>
      <c r="CS18" s="280">
        <v>0</v>
      </c>
      <c r="CT18" s="280">
        <v>0</v>
      </c>
      <c r="CU18" s="280">
        <v>0</v>
      </c>
      <c r="CV18" s="277">
        <v>0</v>
      </c>
      <c r="CW18" s="282">
        <v>0</v>
      </c>
    </row>
    <row r="19" spans="2:101" ht="21" customHeight="1" x14ac:dyDescent="0.2">
      <c r="B19" s="261" t="s">
        <v>17</v>
      </c>
      <c r="C19" s="276">
        <v>0</v>
      </c>
      <c r="D19" s="277">
        <v>0</v>
      </c>
      <c r="E19" s="278">
        <v>0</v>
      </c>
      <c r="F19" s="279">
        <v>0</v>
      </c>
      <c r="G19" s="280">
        <v>1</v>
      </c>
      <c r="H19" s="280">
        <v>0</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7</v>
      </c>
      <c r="AD19" s="280">
        <v>19</v>
      </c>
      <c r="AE19" s="280">
        <v>7</v>
      </c>
      <c r="AF19" s="280">
        <v>7</v>
      </c>
      <c r="AG19" s="280">
        <v>1</v>
      </c>
      <c r="AH19" s="277">
        <v>51</v>
      </c>
      <c r="AI19" s="282">
        <v>51</v>
      </c>
      <c r="AJ19" s="276">
        <v>0</v>
      </c>
      <c r="AK19" s="280">
        <v>0</v>
      </c>
      <c r="AL19" s="277">
        <v>0</v>
      </c>
      <c r="AM19" s="279">
        <v>0</v>
      </c>
      <c r="AN19" s="280">
        <v>0</v>
      </c>
      <c r="AO19" s="280">
        <v>0</v>
      </c>
      <c r="AP19" s="280">
        <v>2</v>
      </c>
      <c r="AQ19" s="280">
        <v>0</v>
      </c>
      <c r="AR19" s="280">
        <v>0</v>
      </c>
      <c r="AS19" s="277">
        <v>2</v>
      </c>
      <c r="AT19" s="282">
        <v>2</v>
      </c>
      <c r="AU19" s="276">
        <v>0</v>
      </c>
      <c r="AV19" s="280">
        <v>0</v>
      </c>
      <c r="AW19" s="277">
        <v>0</v>
      </c>
      <c r="AX19" s="279">
        <v>0</v>
      </c>
      <c r="AY19" s="280">
        <v>0</v>
      </c>
      <c r="AZ19" s="280">
        <v>2</v>
      </c>
      <c r="BA19" s="280">
        <v>1</v>
      </c>
      <c r="BB19" s="280">
        <v>1</v>
      </c>
      <c r="BC19" s="280">
        <v>1</v>
      </c>
      <c r="BD19" s="277">
        <v>5</v>
      </c>
      <c r="BE19" s="282">
        <v>5</v>
      </c>
      <c r="BF19" s="276">
        <v>0</v>
      </c>
      <c r="BG19" s="280">
        <v>0</v>
      </c>
      <c r="BH19" s="277">
        <v>0</v>
      </c>
      <c r="BI19" s="279">
        <v>0</v>
      </c>
      <c r="BJ19" s="280">
        <v>2</v>
      </c>
      <c r="BK19" s="280">
        <v>4</v>
      </c>
      <c r="BL19" s="280">
        <v>2</v>
      </c>
      <c r="BM19" s="280">
        <v>4</v>
      </c>
      <c r="BN19" s="280">
        <v>5</v>
      </c>
      <c r="BO19" s="281">
        <v>17</v>
      </c>
      <c r="BP19" s="282">
        <v>17</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0</v>
      </c>
      <c r="CI19" s="280">
        <v>2</v>
      </c>
      <c r="CJ19" s="280">
        <v>2</v>
      </c>
      <c r="CK19" s="277">
        <v>4</v>
      </c>
      <c r="CL19" s="282">
        <v>4</v>
      </c>
      <c r="CM19" s="276">
        <v>0</v>
      </c>
      <c r="CN19" s="280">
        <v>0</v>
      </c>
      <c r="CO19" s="277">
        <v>0</v>
      </c>
      <c r="CP19" s="279">
        <v>0</v>
      </c>
      <c r="CQ19" s="280">
        <v>0</v>
      </c>
      <c r="CR19" s="280">
        <v>0</v>
      </c>
      <c r="CS19" s="280">
        <v>0</v>
      </c>
      <c r="CT19" s="280">
        <v>0</v>
      </c>
      <c r="CU19" s="280">
        <v>0</v>
      </c>
      <c r="CV19" s="277">
        <v>0</v>
      </c>
      <c r="CW19" s="282">
        <v>0</v>
      </c>
    </row>
    <row r="20" spans="2:101" ht="21" customHeight="1" x14ac:dyDescent="0.2">
      <c r="B20" s="261" t="s">
        <v>18</v>
      </c>
      <c r="C20" s="276">
        <v>0</v>
      </c>
      <c r="D20" s="277">
        <v>0</v>
      </c>
      <c r="E20" s="278">
        <v>0</v>
      </c>
      <c r="F20" s="279">
        <v>0</v>
      </c>
      <c r="G20" s="280">
        <v>0</v>
      </c>
      <c r="H20" s="280">
        <v>0</v>
      </c>
      <c r="I20" s="280">
        <v>0</v>
      </c>
      <c r="J20" s="280">
        <v>0</v>
      </c>
      <c r="K20" s="280">
        <v>1</v>
      </c>
      <c r="L20" s="281">
        <v>1</v>
      </c>
      <c r="M20" s="282">
        <v>1</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2</v>
      </c>
      <c r="AD20" s="280">
        <v>12</v>
      </c>
      <c r="AE20" s="280">
        <v>9</v>
      </c>
      <c r="AF20" s="280">
        <v>1</v>
      </c>
      <c r="AG20" s="280">
        <v>0</v>
      </c>
      <c r="AH20" s="277">
        <v>44</v>
      </c>
      <c r="AI20" s="282">
        <v>44</v>
      </c>
      <c r="AJ20" s="276">
        <v>0</v>
      </c>
      <c r="AK20" s="280">
        <v>0</v>
      </c>
      <c r="AL20" s="277">
        <v>0</v>
      </c>
      <c r="AM20" s="279">
        <v>0</v>
      </c>
      <c r="AN20" s="280">
        <v>1</v>
      </c>
      <c r="AO20" s="280">
        <v>0</v>
      </c>
      <c r="AP20" s="280">
        <v>2</v>
      </c>
      <c r="AQ20" s="280">
        <v>1</v>
      </c>
      <c r="AR20" s="280">
        <v>0</v>
      </c>
      <c r="AS20" s="277">
        <v>4</v>
      </c>
      <c r="AT20" s="282">
        <v>4</v>
      </c>
      <c r="AU20" s="276">
        <v>0</v>
      </c>
      <c r="AV20" s="280">
        <v>0</v>
      </c>
      <c r="AW20" s="277">
        <v>0</v>
      </c>
      <c r="AX20" s="279">
        <v>0</v>
      </c>
      <c r="AY20" s="280">
        <v>0</v>
      </c>
      <c r="AZ20" s="280">
        <v>1</v>
      </c>
      <c r="BA20" s="280">
        <v>0</v>
      </c>
      <c r="BB20" s="280">
        <v>0</v>
      </c>
      <c r="BC20" s="280">
        <v>0</v>
      </c>
      <c r="BD20" s="277">
        <v>1</v>
      </c>
      <c r="BE20" s="282">
        <v>1</v>
      </c>
      <c r="BF20" s="276">
        <v>0</v>
      </c>
      <c r="BG20" s="280">
        <v>0</v>
      </c>
      <c r="BH20" s="277">
        <v>0</v>
      </c>
      <c r="BI20" s="279">
        <v>0</v>
      </c>
      <c r="BJ20" s="280">
        <v>2</v>
      </c>
      <c r="BK20" s="280">
        <v>2</v>
      </c>
      <c r="BL20" s="280">
        <v>5</v>
      </c>
      <c r="BM20" s="280">
        <v>2</v>
      </c>
      <c r="BN20" s="280">
        <v>1</v>
      </c>
      <c r="BO20" s="281">
        <v>12</v>
      </c>
      <c r="BP20" s="282">
        <v>12</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1</v>
      </c>
      <c r="CJ20" s="280">
        <v>0</v>
      </c>
      <c r="CK20" s="277">
        <v>1</v>
      </c>
      <c r="CL20" s="282">
        <v>1</v>
      </c>
      <c r="CM20" s="276">
        <v>0</v>
      </c>
      <c r="CN20" s="280">
        <v>0</v>
      </c>
      <c r="CO20" s="277">
        <v>0</v>
      </c>
      <c r="CP20" s="279">
        <v>0</v>
      </c>
      <c r="CQ20" s="280">
        <v>0</v>
      </c>
      <c r="CR20" s="280">
        <v>1</v>
      </c>
      <c r="CS20" s="280">
        <v>0</v>
      </c>
      <c r="CT20" s="280">
        <v>2</v>
      </c>
      <c r="CU20" s="280">
        <v>3</v>
      </c>
      <c r="CV20" s="277">
        <v>6</v>
      </c>
      <c r="CW20" s="282">
        <v>6</v>
      </c>
    </row>
    <row r="21" spans="2:101" ht="21" customHeight="1" x14ac:dyDescent="0.2">
      <c r="B21" s="261" t="s">
        <v>19</v>
      </c>
      <c r="C21" s="276">
        <v>0</v>
      </c>
      <c r="D21" s="277">
        <v>0</v>
      </c>
      <c r="E21" s="278">
        <v>0</v>
      </c>
      <c r="F21" s="279">
        <v>0</v>
      </c>
      <c r="G21" s="280">
        <v>0</v>
      </c>
      <c r="H21" s="280">
        <v>1</v>
      </c>
      <c r="I21" s="280">
        <v>0</v>
      </c>
      <c r="J21" s="280">
        <v>2</v>
      </c>
      <c r="K21" s="280">
        <v>0</v>
      </c>
      <c r="L21" s="281">
        <v>3</v>
      </c>
      <c r="M21" s="282">
        <v>3</v>
      </c>
      <c r="N21" s="276">
        <v>0</v>
      </c>
      <c r="O21" s="280">
        <v>0</v>
      </c>
      <c r="P21" s="277">
        <v>0</v>
      </c>
      <c r="Q21" s="279">
        <v>0</v>
      </c>
      <c r="R21" s="280">
        <v>0</v>
      </c>
      <c r="S21" s="280">
        <v>0</v>
      </c>
      <c r="T21" s="280">
        <v>0</v>
      </c>
      <c r="U21" s="280">
        <v>1</v>
      </c>
      <c r="V21" s="280">
        <v>0</v>
      </c>
      <c r="W21" s="277">
        <v>1</v>
      </c>
      <c r="X21" s="282">
        <v>1</v>
      </c>
      <c r="Y21" s="276">
        <v>0</v>
      </c>
      <c r="Z21" s="280">
        <v>0</v>
      </c>
      <c r="AA21" s="277">
        <v>0</v>
      </c>
      <c r="AB21" s="279">
        <v>0</v>
      </c>
      <c r="AC21" s="280">
        <v>4</v>
      </c>
      <c r="AD21" s="280">
        <v>6</v>
      </c>
      <c r="AE21" s="280">
        <v>3</v>
      </c>
      <c r="AF21" s="280">
        <v>1</v>
      </c>
      <c r="AG21" s="280">
        <v>0</v>
      </c>
      <c r="AH21" s="277">
        <v>14</v>
      </c>
      <c r="AI21" s="282">
        <v>14</v>
      </c>
      <c r="AJ21" s="276">
        <v>0</v>
      </c>
      <c r="AK21" s="280">
        <v>0</v>
      </c>
      <c r="AL21" s="277">
        <v>0</v>
      </c>
      <c r="AM21" s="279">
        <v>0</v>
      </c>
      <c r="AN21" s="280">
        <v>1</v>
      </c>
      <c r="AO21" s="280">
        <v>2</v>
      </c>
      <c r="AP21" s="280">
        <v>0</v>
      </c>
      <c r="AQ21" s="280">
        <v>0</v>
      </c>
      <c r="AR21" s="280">
        <v>0</v>
      </c>
      <c r="AS21" s="277">
        <v>3</v>
      </c>
      <c r="AT21" s="282">
        <v>3</v>
      </c>
      <c r="AU21" s="276">
        <v>0</v>
      </c>
      <c r="AV21" s="280">
        <v>0</v>
      </c>
      <c r="AW21" s="277">
        <v>0</v>
      </c>
      <c r="AX21" s="279">
        <v>0</v>
      </c>
      <c r="AY21" s="280">
        <v>1</v>
      </c>
      <c r="AZ21" s="280">
        <v>0</v>
      </c>
      <c r="BA21" s="280">
        <v>2</v>
      </c>
      <c r="BB21" s="280">
        <v>0</v>
      </c>
      <c r="BC21" s="280">
        <v>0</v>
      </c>
      <c r="BD21" s="277">
        <v>3</v>
      </c>
      <c r="BE21" s="282">
        <v>3</v>
      </c>
      <c r="BF21" s="276">
        <v>0</v>
      </c>
      <c r="BG21" s="280">
        <v>0</v>
      </c>
      <c r="BH21" s="277">
        <v>0</v>
      </c>
      <c r="BI21" s="279">
        <v>0</v>
      </c>
      <c r="BJ21" s="280">
        <v>0</v>
      </c>
      <c r="BK21" s="280">
        <v>0</v>
      </c>
      <c r="BL21" s="280">
        <v>1</v>
      </c>
      <c r="BM21" s="280">
        <v>0</v>
      </c>
      <c r="BN21" s="280">
        <v>1</v>
      </c>
      <c r="BO21" s="281">
        <v>2</v>
      </c>
      <c r="BP21" s="282">
        <v>2</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row>
    <row r="22" spans="2:101" ht="21" customHeight="1" x14ac:dyDescent="0.2">
      <c r="B22" s="261" t="s">
        <v>20</v>
      </c>
      <c r="C22" s="276">
        <v>0</v>
      </c>
      <c r="D22" s="277">
        <v>0</v>
      </c>
      <c r="E22" s="278">
        <v>0</v>
      </c>
      <c r="F22" s="279">
        <v>0</v>
      </c>
      <c r="G22" s="280">
        <v>0</v>
      </c>
      <c r="H22" s="280">
        <v>1</v>
      </c>
      <c r="I22" s="280">
        <v>0</v>
      </c>
      <c r="J22" s="280">
        <v>0</v>
      </c>
      <c r="K22" s="280">
        <v>0</v>
      </c>
      <c r="L22" s="281">
        <v>1</v>
      </c>
      <c r="M22" s="282">
        <v>1</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7</v>
      </c>
      <c r="AD22" s="280">
        <v>9</v>
      </c>
      <c r="AE22" s="280">
        <v>1</v>
      </c>
      <c r="AF22" s="280">
        <v>0</v>
      </c>
      <c r="AG22" s="280">
        <v>0</v>
      </c>
      <c r="AH22" s="277">
        <v>17</v>
      </c>
      <c r="AI22" s="282">
        <v>17</v>
      </c>
      <c r="AJ22" s="276">
        <v>0</v>
      </c>
      <c r="AK22" s="280">
        <v>0</v>
      </c>
      <c r="AL22" s="277">
        <v>0</v>
      </c>
      <c r="AM22" s="279">
        <v>0</v>
      </c>
      <c r="AN22" s="280">
        <v>0</v>
      </c>
      <c r="AO22" s="280">
        <v>0</v>
      </c>
      <c r="AP22" s="280">
        <v>0</v>
      </c>
      <c r="AQ22" s="280">
        <v>0</v>
      </c>
      <c r="AR22" s="280">
        <v>0</v>
      </c>
      <c r="AS22" s="277">
        <v>0</v>
      </c>
      <c r="AT22" s="282">
        <v>0</v>
      </c>
      <c r="AU22" s="276">
        <v>0</v>
      </c>
      <c r="AV22" s="280">
        <v>1</v>
      </c>
      <c r="AW22" s="277">
        <v>1</v>
      </c>
      <c r="AX22" s="279">
        <v>0</v>
      </c>
      <c r="AY22" s="280">
        <v>2</v>
      </c>
      <c r="AZ22" s="280">
        <v>0</v>
      </c>
      <c r="BA22" s="280">
        <v>2</v>
      </c>
      <c r="BB22" s="280">
        <v>0</v>
      </c>
      <c r="BC22" s="280">
        <v>0</v>
      </c>
      <c r="BD22" s="277">
        <v>4</v>
      </c>
      <c r="BE22" s="282">
        <v>5</v>
      </c>
      <c r="BF22" s="276">
        <v>0</v>
      </c>
      <c r="BG22" s="280">
        <v>0</v>
      </c>
      <c r="BH22" s="277">
        <v>0</v>
      </c>
      <c r="BI22" s="279">
        <v>0</v>
      </c>
      <c r="BJ22" s="280">
        <v>2</v>
      </c>
      <c r="BK22" s="280">
        <v>1</v>
      </c>
      <c r="BL22" s="280">
        <v>2</v>
      </c>
      <c r="BM22" s="280">
        <v>0</v>
      </c>
      <c r="BN22" s="280">
        <v>1</v>
      </c>
      <c r="BO22" s="281">
        <v>6</v>
      </c>
      <c r="BP22" s="282">
        <v>6</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1</v>
      </c>
      <c r="H23" s="280">
        <v>0</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1</v>
      </c>
      <c r="AD23" s="280">
        <v>5</v>
      </c>
      <c r="AE23" s="280">
        <v>2</v>
      </c>
      <c r="AF23" s="280">
        <v>2</v>
      </c>
      <c r="AG23" s="280">
        <v>0</v>
      </c>
      <c r="AH23" s="277">
        <v>20</v>
      </c>
      <c r="AI23" s="282">
        <v>20</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1</v>
      </c>
      <c r="AZ23" s="280">
        <v>0</v>
      </c>
      <c r="BA23" s="280">
        <v>0</v>
      </c>
      <c r="BB23" s="280">
        <v>1</v>
      </c>
      <c r="BC23" s="280">
        <v>0</v>
      </c>
      <c r="BD23" s="277">
        <v>2</v>
      </c>
      <c r="BE23" s="282">
        <v>2</v>
      </c>
      <c r="BF23" s="276">
        <v>0</v>
      </c>
      <c r="BG23" s="280">
        <v>0</v>
      </c>
      <c r="BH23" s="277">
        <v>0</v>
      </c>
      <c r="BI23" s="279">
        <v>0</v>
      </c>
      <c r="BJ23" s="280">
        <v>0</v>
      </c>
      <c r="BK23" s="280">
        <v>3</v>
      </c>
      <c r="BL23" s="280">
        <v>2</v>
      </c>
      <c r="BM23" s="280">
        <v>2</v>
      </c>
      <c r="BN23" s="280">
        <v>0</v>
      </c>
      <c r="BO23" s="281">
        <v>7</v>
      </c>
      <c r="BP23" s="282">
        <v>7</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2</v>
      </c>
      <c r="H24" s="280">
        <v>0</v>
      </c>
      <c r="I24" s="280">
        <v>1</v>
      </c>
      <c r="J24" s="280">
        <v>0</v>
      </c>
      <c r="K24" s="280">
        <v>0</v>
      </c>
      <c r="L24" s="281">
        <v>3</v>
      </c>
      <c r="M24" s="282">
        <v>3</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8</v>
      </c>
      <c r="AD24" s="280">
        <v>3</v>
      </c>
      <c r="AE24" s="280">
        <v>0</v>
      </c>
      <c r="AF24" s="280">
        <v>1</v>
      </c>
      <c r="AG24" s="280">
        <v>0</v>
      </c>
      <c r="AH24" s="277">
        <v>12</v>
      </c>
      <c r="AI24" s="282">
        <v>12</v>
      </c>
      <c r="AJ24" s="276">
        <v>0</v>
      </c>
      <c r="AK24" s="280">
        <v>0</v>
      </c>
      <c r="AL24" s="277">
        <v>0</v>
      </c>
      <c r="AM24" s="279">
        <v>0</v>
      </c>
      <c r="AN24" s="280">
        <v>0</v>
      </c>
      <c r="AO24" s="280">
        <v>0</v>
      </c>
      <c r="AP24" s="280">
        <v>1</v>
      </c>
      <c r="AQ24" s="280">
        <v>0</v>
      </c>
      <c r="AR24" s="280">
        <v>0</v>
      </c>
      <c r="AS24" s="277">
        <v>1</v>
      </c>
      <c r="AT24" s="282">
        <v>1</v>
      </c>
      <c r="AU24" s="276">
        <v>0</v>
      </c>
      <c r="AV24" s="280">
        <v>0</v>
      </c>
      <c r="AW24" s="277">
        <v>0</v>
      </c>
      <c r="AX24" s="279">
        <v>0</v>
      </c>
      <c r="AY24" s="280">
        <v>1</v>
      </c>
      <c r="AZ24" s="280">
        <v>2</v>
      </c>
      <c r="BA24" s="280">
        <v>0</v>
      </c>
      <c r="BB24" s="280">
        <v>0</v>
      </c>
      <c r="BC24" s="280">
        <v>0</v>
      </c>
      <c r="BD24" s="277">
        <v>3</v>
      </c>
      <c r="BE24" s="282">
        <v>3</v>
      </c>
      <c r="BF24" s="276">
        <v>0</v>
      </c>
      <c r="BG24" s="280">
        <v>0</v>
      </c>
      <c r="BH24" s="277">
        <v>0</v>
      </c>
      <c r="BI24" s="279">
        <v>0</v>
      </c>
      <c r="BJ24" s="280">
        <v>0</v>
      </c>
      <c r="BK24" s="280">
        <v>0</v>
      </c>
      <c r="BL24" s="280">
        <v>0</v>
      </c>
      <c r="BM24" s="280">
        <v>0</v>
      </c>
      <c r="BN24" s="280">
        <v>0</v>
      </c>
      <c r="BO24" s="281">
        <v>0</v>
      </c>
      <c r="BP24" s="282">
        <v>0</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0</v>
      </c>
      <c r="CJ24" s="280">
        <v>0</v>
      </c>
      <c r="CK24" s="277">
        <v>0</v>
      </c>
      <c r="CL24" s="282">
        <v>0</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1</v>
      </c>
      <c r="L25" s="281">
        <v>1</v>
      </c>
      <c r="M25" s="282">
        <v>1</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1</v>
      </c>
      <c r="AD25" s="280">
        <v>3</v>
      </c>
      <c r="AE25" s="280">
        <v>1</v>
      </c>
      <c r="AF25" s="280">
        <v>0</v>
      </c>
      <c r="AG25" s="280">
        <v>1</v>
      </c>
      <c r="AH25" s="277">
        <v>6</v>
      </c>
      <c r="AI25" s="282">
        <v>6</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0</v>
      </c>
      <c r="BK25" s="280">
        <v>0</v>
      </c>
      <c r="BL25" s="280">
        <v>3</v>
      </c>
      <c r="BM25" s="280">
        <v>1</v>
      </c>
      <c r="BN25" s="280">
        <v>0</v>
      </c>
      <c r="BO25" s="281">
        <v>4</v>
      </c>
      <c r="BP25" s="282">
        <v>4</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1</v>
      </c>
      <c r="K26" s="280">
        <v>0</v>
      </c>
      <c r="L26" s="281">
        <v>2</v>
      </c>
      <c r="M26" s="282">
        <v>2</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0</v>
      </c>
      <c r="AD26" s="280">
        <v>0</v>
      </c>
      <c r="AE26" s="280">
        <v>0</v>
      </c>
      <c r="AF26" s="280">
        <v>0</v>
      </c>
      <c r="AG26" s="280">
        <v>0</v>
      </c>
      <c r="AH26" s="277">
        <v>0</v>
      </c>
      <c r="AI26" s="282">
        <v>0</v>
      </c>
      <c r="AJ26" s="276">
        <v>0</v>
      </c>
      <c r="AK26" s="280">
        <v>0</v>
      </c>
      <c r="AL26" s="277">
        <v>0</v>
      </c>
      <c r="AM26" s="279">
        <v>0</v>
      </c>
      <c r="AN26" s="280">
        <v>0</v>
      </c>
      <c r="AO26" s="280">
        <v>0</v>
      </c>
      <c r="AP26" s="280">
        <v>2</v>
      </c>
      <c r="AQ26" s="280">
        <v>0</v>
      </c>
      <c r="AR26" s="280">
        <v>1</v>
      </c>
      <c r="AS26" s="277">
        <v>3</v>
      </c>
      <c r="AT26" s="282">
        <v>3</v>
      </c>
      <c r="AU26" s="276">
        <v>0</v>
      </c>
      <c r="AV26" s="280">
        <v>0</v>
      </c>
      <c r="AW26" s="277">
        <v>0</v>
      </c>
      <c r="AX26" s="279">
        <v>0</v>
      </c>
      <c r="AY26" s="280">
        <v>3</v>
      </c>
      <c r="AZ26" s="280">
        <v>0</v>
      </c>
      <c r="BA26" s="280">
        <v>1</v>
      </c>
      <c r="BB26" s="280">
        <v>0</v>
      </c>
      <c r="BC26" s="280">
        <v>0</v>
      </c>
      <c r="BD26" s="277">
        <v>4</v>
      </c>
      <c r="BE26" s="282">
        <v>4</v>
      </c>
      <c r="BF26" s="276">
        <v>0</v>
      </c>
      <c r="BG26" s="280">
        <v>0</v>
      </c>
      <c r="BH26" s="277">
        <v>0</v>
      </c>
      <c r="BI26" s="279">
        <v>0</v>
      </c>
      <c r="BJ26" s="280">
        <v>0</v>
      </c>
      <c r="BK26" s="280">
        <v>0</v>
      </c>
      <c r="BL26" s="280">
        <v>1</v>
      </c>
      <c r="BM26" s="280">
        <v>0</v>
      </c>
      <c r="BN26" s="280">
        <v>1</v>
      </c>
      <c r="BO26" s="281">
        <v>2</v>
      </c>
      <c r="BP26" s="282">
        <v>2</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5</v>
      </c>
      <c r="AD27" s="280">
        <v>1</v>
      </c>
      <c r="AE27" s="280">
        <v>0</v>
      </c>
      <c r="AF27" s="280">
        <v>0</v>
      </c>
      <c r="AG27" s="280">
        <v>0</v>
      </c>
      <c r="AH27" s="277">
        <v>6</v>
      </c>
      <c r="AI27" s="282">
        <v>6</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0</v>
      </c>
      <c r="AZ27" s="280">
        <v>0</v>
      </c>
      <c r="BA27" s="280">
        <v>0</v>
      </c>
      <c r="BB27" s="280">
        <v>0</v>
      </c>
      <c r="BC27" s="280">
        <v>0</v>
      </c>
      <c r="BD27" s="277">
        <v>0</v>
      </c>
      <c r="BE27" s="282">
        <v>0</v>
      </c>
      <c r="BF27" s="276">
        <v>0</v>
      </c>
      <c r="BG27" s="280">
        <v>0</v>
      </c>
      <c r="BH27" s="277">
        <v>0</v>
      </c>
      <c r="BI27" s="279">
        <v>0</v>
      </c>
      <c r="BJ27" s="280">
        <v>1</v>
      </c>
      <c r="BK27" s="280">
        <v>0</v>
      </c>
      <c r="BL27" s="280">
        <v>0</v>
      </c>
      <c r="BM27" s="280">
        <v>0</v>
      </c>
      <c r="BN27" s="280">
        <v>0</v>
      </c>
      <c r="BO27" s="281">
        <v>1</v>
      </c>
      <c r="BP27" s="282">
        <v>1</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3</v>
      </c>
      <c r="AD28" s="280">
        <v>1</v>
      </c>
      <c r="AE28" s="280">
        <v>1</v>
      </c>
      <c r="AF28" s="280">
        <v>0</v>
      </c>
      <c r="AG28" s="280">
        <v>0</v>
      </c>
      <c r="AH28" s="277">
        <v>5</v>
      </c>
      <c r="AI28" s="282">
        <v>5</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1</v>
      </c>
      <c r="AZ28" s="280">
        <v>0</v>
      </c>
      <c r="BA28" s="280">
        <v>0</v>
      </c>
      <c r="BB28" s="280">
        <v>0</v>
      </c>
      <c r="BC28" s="280">
        <v>0</v>
      </c>
      <c r="BD28" s="277">
        <v>1</v>
      </c>
      <c r="BE28" s="282">
        <v>1</v>
      </c>
      <c r="BF28" s="276">
        <v>0</v>
      </c>
      <c r="BG28" s="280">
        <v>0</v>
      </c>
      <c r="BH28" s="277">
        <v>0</v>
      </c>
      <c r="BI28" s="279">
        <v>0</v>
      </c>
      <c r="BJ28" s="280">
        <v>0</v>
      </c>
      <c r="BK28" s="280">
        <v>0</v>
      </c>
      <c r="BL28" s="280">
        <v>2</v>
      </c>
      <c r="BM28" s="280">
        <v>1</v>
      </c>
      <c r="BN28" s="280">
        <v>0</v>
      </c>
      <c r="BO28" s="281">
        <v>3</v>
      </c>
      <c r="BP28" s="282">
        <v>3</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0</v>
      </c>
      <c r="J29" s="280">
        <v>0</v>
      </c>
      <c r="K29" s="280">
        <v>0</v>
      </c>
      <c r="L29" s="281">
        <v>0</v>
      </c>
      <c r="M29" s="282">
        <v>0</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2</v>
      </c>
      <c r="AD29" s="280">
        <v>1</v>
      </c>
      <c r="AE29" s="280">
        <v>0</v>
      </c>
      <c r="AF29" s="280">
        <v>0</v>
      </c>
      <c r="AG29" s="280">
        <v>0</v>
      </c>
      <c r="AH29" s="277">
        <v>3</v>
      </c>
      <c r="AI29" s="282">
        <v>3</v>
      </c>
      <c r="AJ29" s="276">
        <v>0</v>
      </c>
      <c r="AK29" s="280">
        <v>0</v>
      </c>
      <c r="AL29" s="277">
        <v>0</v>
      </c>
      <c r="AM29" s="279">
        <v>0</v>
      </c>
      <c r="AN29" s="280">
        <v>1</v>
      </c>
      <c r="AO29" s="280">
        <v>0</v>
      </c>
      <c r="AP29" s="280">
        <v>1</v>
      </c>
      <c r="AQ29" s="280">
        <v>0</v>
      </c>
      <c r="AR29" s="280">
        <v>0</v>
      </c>
      <c r="AS29" s="277">
        <v>2</v>
      </c>
      <c r="AT29" s="282">
        <v>2</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0</v>
      </c>
      <c r="BM29" s="280">
        <v>0</v>
      </c>
      <c r="BN29" s="280">
        <v>0</v>
      </c>
      <c r="BO29" s="281">
        <v>0</v>
      </c>
      <c r="BP29" s="282">
        <v>0</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0</v>
      </c>
      <c r="BO30" s="281">
        <v>0</v>
      </c>
      <c r="BP30" s="282">
        <v>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1</v>
      </c>
      <c r="H31" s="280">
        <v>0</v>
      </c>
      <c r="I31" s="280">
        <v>0</v>
      </c>
      <c r="J31" s="280">
        <v>0</v>
      </c>
      <c r="K31" s="280">
        <v>0</v>
      </c>
      <c r="L31" s="281">
        <v>1</v>
      </c>
      <c r="M31" s="282">
        <v>1</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v>
      </c>
      <c r="AD31" s="280">
        <v>0</v>
      </c>
      <c r="AE31" s="280">
        <v>0</v>
      </c>
      <c r="AF31" s="280">
        <v>0</v>
      </c>
      <c r="AG31" s="280">
        <v>0</v>
      </c>
      <c r="AH31" s="277">
        <v>1</v>
      </c>
      <c r="AI31" s="282">
        <v>1</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3</v>
      </c>
      <c r="AZ31" s="280">
        <v>0</v>
      </c>
      <c r="BA31" s="280">
        <v>1</v>
      </c>
      <c r="BB31" s="280">
        <v>0</v>
      </c>
      <c r="BC31" s="280">
        <v>0</v>
      </c>
      <c r="BD31" s="277">
        <v>4</v>
      </c>
      <c r="BE31" s="282">
        <v>4</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1</v>
      </c>
      <c r="AD32" s="280">
        <v>0</v>
      </c>
      <c r="AE32" s="280">
        <v>0</v>
      </c>
      <c r="AF32" s="280">
        <v>0</v>
      </c>
      <c r="AG32" s="280">
        <v>0</v>
      </c>
      <c r="AH32" s="277">
        <v>1</v>
      </c>
      <c r="AI32" s="282">
        <v>1</v>
      </c>
      <c r="AJ32" s="276">
        <v>0</v>
      </c>
      <c r="AK32" s="280">
        <v>0</v>
      </c>
      <c r="AL32" s="277">
        <v>0</v>
      </c>
      <c r="AM32" s="279">
        <v>0</v>
      </c>
      <c r="AN32" s="280">
        <v>0</v>
      </c>
      <c r="AO32" s="280">
        <v>1</v>
      </c>
      <c r="AP32" s="280">
        <v>0</v>
      </c>
      <c r="AQ32" s="280">
        <v>0</v>
      </c>
      <c r="AR32" s="280">
        <v>0</v>
      </c>
      <c r="AS32" s="277">
        <v>1</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0</v>
      </c>
      <c r="BN32" s="280">
        <v>0</v>
      </c>
      <c r="BO32" s="281">
        <v>0</v>
      </c>
      <c r="BP32" s="282">
        <v>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1</v>
      </c>
      <c r="I33" s="280">
        <v>0</v>
      </c>
      <c r="J33" s="280">
        <v>0</v>
      </c>
      <c r="K33" s="280">
        <v>0</v>
      </c>
      <c r="L33" s="281">
        <v>1</v>
      </c>
      <c r="M33" s="282">
        <v>1</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1</v>
      </c>
      <c r="AD33" s="280">
        <v>0</v>
      </c>
      <c r="AE33" s="280">
        <v>1</v>
      </c>
      <c r="AF33" s="280">
        <v>0</v>
      </c>
      <c r="AG33" s="280">
        <v>0</v>
      </c>
      <c r="AH33" s="277">
        <v>2</v>
      </c>
      <c r="AI33" s="282">
        <v>2</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0</v>
      </c>
      <c r="BB33" s="280">
        <v>0</v>
      </c>
      <c r="BC33" s="280">
        <v>0</v>
      </c>
      <c r="BD33" s="277">
        <v>1</v>
      </c>
      <c r="BE33" s="282">
        <v>1</v>
      </c>
      <c r="BF33" s="276">
        <v>0</v>
      </c>
      <c r="BG33" s="280">
        <v>0</v>
      </c>
      <c r="BH33" s="277">
        <v>0</v>
      </c>
      <c r="BI33" s="279">
        <v>0</v>
      </c>
      <c r="BJ33" s="280">
        <v>0</v>
      </c>
      <c r="BK33" s="280">
        <v>0</v>
      </c>
      <c r="BL33" s="280">
        <v>1</v>
      </c>
      <c r="BM33" s="280">
        <v>0</v>
      </c>
      <c r="BN33" s="280">
        <v>1</v>
      </c>
      <c r="BO33" s="281">
        <v>2</v>
      </c>
      <c r="BP33" s="282">
        <v>2</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1</v>
      </c>
      <c r="I34" s="280">
        <v>0</v>
      </c>
      <c r="J34" s="280">
        <v>0</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1</v>
      </c>
      <c r="AD34" s="280">
        <v>1</v>
      </c>
      <c r="AE34" s="280">
        <v>1</v>
      </c>
      <c r="AF34" s="280">
        <v>0</v>
      </c>
      <c r="AG34" s="280">
        <v>0</v>
      </c>
      <c r="AH34" s="277">
        <v>3</v>
      </c>
      <c r="AI34" s="282">
        <v>3</v>
      </c>
      <c r="AJ34" s="276">
        <v>0</v>
      </c>
      <c r="AK34" s="280">
        <v>0</v>
      </c>
      <c r="AL34" s="277">
        <v>0</v>
      </c>
      <c r="AM34" s="279">
        <v>0</v>
      </c>
      <c r="AN34" s="280">
        <v>2</v>
      </c>
      <c r="AO34" s="280">
        <v>0</v>
      </c>
      <c r="AP34" s="280">
        <v>0</v>
      </c>
      <c r="AQ34" s="280">
        <v>0</v>
      </c>
      <c r="AR34" s="280">
        <v>0</v>
      </c>
      <c r="AS34" s="277">
        <v>2</v>
      </c>
      <c r="AT34" s="282">
        <v>2</v>
      </c>
      <c r="AU34" s="276">
        <v>0</v>
      </c>
      <c r="AV34" s="280">
        <v>0</v>
      </c>
      <c r="AW34" s="277">
        <v>0</v>
      </c>
      <c r="AX34" s="279">
        <v>0</v>
      </c>
      <c r="AY34" s="280">
        <v>0</v>
      </c>
      <c r="AZ34" s="280">
        <v>1</v>
      </c>
      <c r="BA34" s="280">
        <v>0</v>
      </c>
      <c r="BB34" s="280">
        <v>0</v>
      </c>
      <c r="BC34" s="280">
        <v>0</v>
      </c>
      <c r="BD34" s="277">
        <v>1</v>
      </c>
      <c r="BE34" s="282">
        <v>1</v>
      </c>
      <c r="BF34" s="276">
        <v>0</v>
      </c>
      <c r="BG34" s="280">
        <v>0</v>
      </c>
      <c r="BH34" s="277">
        <v>0</v>
      </c>
      <c r="BI34" s="279">
        <v>0</v>
      </c>
      <c r="BJ34" s="280">
        <v>0</v>
      </c>
      <c r="BK34" s="280">
        <v>0</v>
      </c>
      <c r="BL34" s="280">
        <v>1</v>
      </c>
      <c r="BM34" s="280">
        <v>0</v>
      </c>
      <c r="BN34" s="280">
        <v>1</v>
      </c>
      <c r="BO34" s="281">
        <v>2</v>
      </c>
      <c r="BP34" s="282">
        <v>2</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0</v>
      </c>
      <c r="CH34" s="280">
        <v>1</v>
      </c>
      <c r="CI34" s="280">
        <v>2</v>
      </c>
      <c r="CJ34" s="280">
        <v>0</v>
      </c>
      <c r="CK34" s="277">
        <v>3</v>
      </c>
      <c r="CL34" s="282">
        <v>3</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1</v>
      </c>
      <c r="AF35" s="280">
        <v>1</v>
      </c>
      <c r="AG35" s="280">
        <v>0</v>
      </c>
      <c r="AH35" s="277">
        <v>3</v>
      </c>
      <c r="AI35" s="282">
        <v>3</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1</v>
      </c>
      <c r="CT35" s="280">
        <v>0</v>
      </c>
      <c r="CU35" s="280">
        <v>1</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1</v>
      </c>
      <c r="CV36" s="277">
        <v>2</v>
      </c>
      <c r="CW36" s="282">
        <v>2</v>
      </c>
    </row>
    <row r="37" spans="2:101" ht="21" customHeight="1" x14ac:dyDescent="0.2">
      <c r="B37" s="261" t="s">
        <v>35</v>
      </c>
      <c r="C37" s="276">
        <v>0</v>
      </c>
      <c r="D37" s="277">
        <v>0</v>
      </c>
      <c r="E37" s="278">
        <v>0</v>
      </c>
      <c r="F37" s="279">
        <v>0</v>
      </c>
      <c r="G37" s="280">
        <v>0</v>
      </c>
      <c r="H37" s="280">
        <v>0</v>
      </c>
      <c r="I37" s="280">
        <v>0</v>
      </c>
      <c r="J37" s="280">
        <v>0</v>
      </c>
      <c r="K37" s="280">
        <v>0</v>
      </c>
      <c r="L37" s="281">
        <v>0</v>
      </c>
      <c r="M37" s="282">
        <v>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0</v>
      </c>
      <c r="BC37" s="280">
        <v>0</v>
      </c>
      <c r="BD37" s="277">
        <v>0</v>
      </c>
      <c r="BE37" s="282">
        <v>0</v>
      </c>
      <c r="BF37" s="276">
        <v>0</v>
      </c>
      <c r="BG37" s="280">
        <v>0</v>
      </c>
      <c r="BH37" s="277">
        <v>0</v>
      </c>
      <c r="BI37" s="279">
        <v>0</v>
      </c>
      <c r="BJ37" s="280">
        <v>0</v>
      </c>
      <c r="BK37" s="280">
        <v>0</v>
      </c>
      <c r="BL37" s="280">
        <v>0</v>
      </c>
      <c r="BM37" s="280">
        <v>1</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1</v>
      </c>
      <c r="AD38" s="280">
        <v>0</v>
      </c>
      <c r="AE38" s="280">
        <v>0</v>
      </c>
      <c r="AF38" s="280">
        <v>1</v>
      </c>
      <c r="AG38" s="280">
        <v>0</v>
      </c>
      <c r="AH38" s="277">
        <v>2</v>
      </c>
      <c r="AI38" s="282">
        <v>2</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1</v>
      </c>
      <c r="AZ38" s="280">
        <v>0</v>
      </c>
      <c r="BA38" s="280">
        <v>0</v>
      </c>
      <c r="BB38" s="280">
        <v>0</v>
      </c>
      <c r="BC38" s="280">
        <v>0</v>
      </c>
      <c r="BD38" s="277">
        <v>1</v>
      </c>
      <c r="BE38" s="282">
        <v>1</v>
      </c>
      <c r="BF38" s="276">
        <v>0</v>
      </c>
      <c r="BG38" s="280">
        <v>0</v>
      </c>
      <c r="BH38" s="277">
        <v>0</v>
      </c>
      <c r="BI38" s="279">
        <v>0</v>
      </c>
      <c r="BJ38" s="280">
        <v>1</v>
      </c>
      <c r="BK38" s="280">
        <v>1</v>
      </c>
      <c r="BL38" s="280">
        <v>0</v>
      </c>
      <c r="BM38" s="280">
        <v>0</v>
      </c>
      <c r="BN38" s="280">
        <v>1</v>
      </c>
      <c r="BO38" s="281">
        <v>3</v>
      </c>
      <c r="BP38" s="282">
        <v>3</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8" style="255" customWidth="1"/>
    <col min="18" max="16384" width="9" style="255"/>
  </cols>
  <sheetData>
    <row r="1" spans="2:24" ht="24" customHeight="1" x14ac:dyDescent="0.2">
      <c r="B1" s="290" t="s">
        <v>125</v>
      </c>
      <c r="H1" s="525">
        <f>第１表!F2</f>
        <v>5</v>
      </c>
      <c r="I1" s="525"/>
      <c r="J1" s="248">
        <f>第１表!G2</f>
        <v>7</v>
      </c>
      <c r="K1" s="529">
        <f>IF(J1&lt;3,J1+12-2,J1-2)</f>
        <v>5</v>
      </c>
      <c r="L1" s="529"/>
    </row>
    <row r="2" spans="2:24" ht="24" customHeight="1" thickBot="1" x14ac:dyDescent="0.25">
      <c r="B2" s="290" t="s">
        <v>132</v>
      </c>
    </row>
    <row r="3" spans="2:24" ht="21" customHeight="1" x14ac:dyDescent="0.2">
      <c r="B3" s="541"/>
      <c r="C3" s="537" t="s">
        <v>142</v>
      </c>
      <c r="D3" s="537"/>
      <c r="E3" s="537"/>
      <c r="F3" s="537"/>
      <c r="G3" s="537"/>
      <c r="H3" s="537"/>
      <c r="I3" s="537"/>
      <c r="J3" s="537"/>
      <c r="K3" s="537"/>
      <c r="L3" s="537"/>
      <c r="M3" s="567"/>
      <c r="N3" s="537" t="s">
        <v>113</v>
      </c>
      <c r="O3" s="537"/>
      <c r="P3" s="537"/>
      <c r="Q3" s="537"/>
      <c r="R3" s="537"/>
      <c r="S3" s="537"/>
      <c r="T3" s="537"/>
      <c r="U3" s="537"/>
      <c r="V3" s="537"/>
      <c r="W3" s="537"/>
      <c r="X3" s="567"/>
    </row>
    <row r="4" spans="2:24" ht="21" customHeight="1" x14ac:dyDescent="0.2">
      <c r="B4" s="565"/>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30" customHeight="1" thickBot="1" x14ac:dyDescent="0.25">
      <c r="B5" s="566"/>
      <c r="C5" s="259" t="s">
        <v>43</v>
      </c>
      <c r="D5" s="259" t="s">
        <v>44</v>
      </c>
      <c r="E5" s="265" t="s">
        <v>45</v>
      </c>
      <c r="F5" s="267" t="s">
        <v>83</v>
      </c>
      <c r="G5" s="259" t="s">
        <v>47</v>
      </c>
      <c r="H5" s="259" t="s">
        <v>48</v>
      </c>
      <c r="I5" s="259" t="s">
        <v>49</v>
      </c>
      <c r="J5" s="259" t="s">
        <v>50</v>
      </c>
      <c r="K5" s="259" t="s">
        <v>51</v>
      </c>
      <c r="L5" s="265" t="s">
        <v>45</v>
      </c>
      <c r="M5" s="540"/>
      <c r="N5" s="259" t="s">
        <v>43</v>
      </c>
      <c r="O5" s="259" t="s">
        <v>44</v>
      </c>
      <c r="P5" s="265" t="s">
        <v>45</v>
      </c>
      <c r="Q5" s="267" t="s">
        <v>83</v>
      </c>
      <c r="R5" s="259" t="s">
        <v>47</v>
      </c>
      <c r="S5" s="259" t="s">
        <v>48</v>
      </c>
      <c r="T5" s="259" t="s">
        <v>49</v>
      </c>
      <c r="U5" s="259" t="s">
        <v>50</v>
      </c>
      <c r="V5" s="259" t="s">
        <v>51</v>
      </c>
      <c r="W5" s="265" t="s">
        <v>45</v>
      </c>
      <c r="X5" s="540"/>
    </row>
    <row r="6" spans="2:24" ht="21" customHeight="1" x14ac:dyDescent="0.2">
      <c r="B6" s="258" t="s">
        <v>4</v>
      </c>
      <c r="C6" s="273">
        <v>0</v>
      </c>
      <c r="D6" s="273">
        <v>0</v>
      </c>
      <c r="E6" s="270">
        <v>0</v>
      </c>
      <c r="F6" s="272">
        <v>0</v>
      </c>
      <c r="G6" s="273">
        <v>106399</v>
      </c>
      <c r="H6" s="273">
        <v>104895</v>
      </c>
      <c r="I6" s="273">
        <v>64106</v>
      </c>
      <c r="J6" s="273">
        <v>33966</v>
      </c>
      <c r="K6" s="273">
        <v>14260</v>
      </c>
      <c r="L6" s="270">
        <v>323626</v>
      </c>
      <c r="M6" s="275">
        <v>323626</v>
      </c>
      <c r="N6" s="273">
        <v>27</v>
      </c>
      <c r="O6" s="273">
        <v>31</v>
      </c>
      <c r="P6" s="270">
        <v>58</v>
      </c>
      <c r="Q6" s="272">
        <v>0</v>
      </c>
      <c r="R6" s="273">
        <v>6832</v>
      </c>
      <c r="S6" s="273">
        <v>9591</v>
      </c>
      <c r="T6" s="273">
        <v>12443</v>
      </c>
      <c r="U6" s="273">
        <v>7028</v>
      </c>
      <c r="V6" s="273">
        <v>5411</v>
      </c>
      <c r="W6" s="270">
        <v>41305</v>
      </c>
      <c r="X6" s="275">
        <v>41363</v>
      </c>
    </row>
    <row r="7" spans="2:24" ht="21" customHeight="1" x14ac:dyDescent="0.2">
      <c r="B7" s="256" t="s">
        <v>5</v>
      </c>
      <c r="C7" s="280">
        <v>0</v>
      </c>
      <c r="D7" s="280">
        <v>0</v>
      </c>
      <c r="E7" s="277">
        <v>0</v>
      </c>
      <c r="F7" s="279">
        <v>0</v>
      </c>
      <c r="G7" s="280">
        <v>36812</v>
      </c>
      <c r="H7" s="280">
        <v>49361</v>
      </c>
      <c r="I7" s="280">
        <v>29155</v>
      </c>
      <c r="J7" s="280">
        <v>15643</v>
      </c>
      <c r="K7" s="280">
        <v>6330</v>
      </c>
      <c r="L7" s="277">
        <v>137301</v>
      </c>
      <c r="M7" s="282">
        <v>137301</v>
      </c>
      <c r="N7" s="280">
        <v>9</v>
      </c>
      <c r="O7" s="280">
        <v>15</v>
      </c>
      <c r="P7" s="277">
        <v>24</v>
      </c>
      <c r="Q7" s="279">
        <v>0</v>
      </c>
      <c r="R7" s="280">
        <v>3366</v>
      </c>
      <c r="S7" s="280">
        <v>4973</v>
      </c>
      <c r="T7" s="280">
        <v>6414</v>
      </c>
      <c r="U7" s="280">
        <v>3893</v>
      </c>
      <c r="V7" s="280">
        <v>2942</v>
      </c>
      <c r="W7" s="277">
        <v>21588</v>
      </c>
      <c r="X7" s="282">
        <v>21612</v>
      </c>
    </row>
    <row r="8" spans="2:24" ht="21" customHeight="1" x14ac:dyDescent="0.2">
      <c r="B8" s="256" t="s">
        <v>6</v>
      </c>
      <c r="C8" s="280">
        <v>0</v>
      </c>
      <c r="D8" s="280">
        <v>0</v>
      </c>
      <c r="E8" s="277">
        <v>0</v>
      </c>
      <c r="F8" s="279">
        <v>0</v>
      </c>
      <c r="G8" s="280">
        <v>15422</v>
      </c>
      <c r="H8" s="280">
        <v>10745</v>
      </c>
      <c r="I8" s="280">
        <v>7597</v>
      </c>
      <c r="J8" s="280">
        <v>4468</v>
      </c>
      <c r="K8" s="280">
        <v>2018</v>
      </c>
      <c r="L8" s="277">
        <v>40250</v>
      </c>
      <c r="M8" s="282">
        <v>40250</v>
      </c>
      <c r="N8" s="280">
        <v>0</v>
      </c>
      <c r="O8" s="280">
        <v>2</v>
      </c>
      <c r="P8" s="277">
        <v>2</v>
      </c>
      <c r="Q8" s="279">
        <v>0</v>
      </c>
      <c r="R8" s="280">
        <v>1573</v>
      </c>
      <c r="S8" s="280">
        <v>2153</v>
      </c>
      <c r="T8" s="280">
        <v>2726</v>
      </c>
      <c r="U8" s="280">
        <v>1461</v>
      </c>
      <c r="V8" s="280">
        <v>1193</v>
      </c>
      <c r="W8" s="277">
        <v>9106</v>
      </c>
      <c r="X8" s="282">
        <v>9108</v>
      </c>
    </row>
    <row r="9" spans="2:24" ht="21" customHeight="1" x14ac:dyDescent="0.2">
      <c r="B9" s="256" t="s">
        <v>14</v>
      </c>
      <c r="C9" s="280">
        <v>0</v>
      </c>
      <c r="D9" s="280">
        <v>0</v>
      </c>
      <c r="E9" s="277">
        <v>0</v>
      </c>
      <c r="F9" s="279">
        <v>0</v>
      </c>
      <c r="G9" s="280">
        <v>7768</v>
      </c>
      <c r="H9" s="280">
        <v>9675</v>
      </c>
      <c r="I9" s="280">
        <v>5837</v>
      </c>
      <c r="J9" s="280">
        <v>3007</v>
      </c>
      <c r="K9" s="280">
        <v>1414</v>
      </c>
      <c r="L9" s="277">
        <v>27701</v>
      </c>
      <c r="M9" s="282">
        <v>27701</v>
      </c>
      <c r="N9" s="280">
        <v>5</v>
      </c>
      <c r="O9" s="280">
        <v>0</v>
      </c>
      <c r="P9" s="277">
        <v>5</v>
      </c>
      <c r="Q9" s="279">
        <v>0</v>
      </c>
      <c r="R9" s="280">
        <v>138</v>
      </c>
      <c r="S9" s="280">
        <v>196</v>
      </c>
      <c r="T9" s="280">
        <v>491</v>
      </c>
      <c r="U9" s="280">
        <v>334</v>
      </c>
      <c r="V9" s="280">
        <v>241</v>
      </c>
      <c r="W9" s="277">
        <v>1400</v>
      </c>
      <c r="X9" s="282">
        <v>1405</v>
      </c>
    </row>
    <row r="10" spans="2:24" ht="21" customHeight="1" x14ac:dyDescent="0.2">
      <c r="B10" s="256" t="s">
        <v>7</v>
      </c>
      <c r="C10" s="280">
        <v>0</v>
      </c>
      <c r="D10" s="280">
        <v>0</v>
      </c>
      <c r="E10" s="277">
        <v>0</v>
      </c>
      <c r="F10" s="279">
        <v>0</v>
      </c>
      <c r="G10" s="280">
        <v>8491</v>
      </c>
      <c r="H10" s="280">
        <v>5503</v>
      </c>
      <c r="I10" s="280">
        <v>2872</v>
      </c>
      <c r="J10" s="280">
        <v>1228</v>
      </c>
      <c r="K10" s="280">
        <v>437</v>
      </c>
      <c r="L10" s="277">
        <v>18531</v>
      </c>
      <c r="M10" s="282">
        <v>18531</v>
      </c>
      <c r="N10" s="280">
        <v>0</v>
      </c>
      <c r="O10" s="280">
        <v>0</v>
      </c>
      <c r="P10" s="277">
        <v>0</v>
      </c>
      <c r="Q10" s="279">
        <v>0</v>
      </c>
      <c r="R10" s="280">
        <v>780</v>
      </c>
      <c r="S10" s="280">
        <v>1030</v>
      </c>
      <c r="T10" s="280">
        <v>1063</v>
      </c>
      <c r="U10" s="280">
        <v>530</v>
      </c>
      <c r="V10" s="280">
        <v>219</v>
      </c>
      <c r="W10" s="277">
        <v>3622</v>
      </c>
      <c r="X10" s="282">
        <v>3622</v>
      </c>
    </row>
    <row r="11" spans="2:24" ht="21" customHeight="1" x14ac:dyDescent="0.2">
      <c r="B11" s="256" t="s">
        <v>8</v>
      </c>
      <c r="C11" s="280">
        <v>0</v>
      </c>
      <c r="D11" s="280">
        <v>0</v>
      </c>
      <c r="E11" s="277">
        <v>0</v>
      </c>
      <c r="F11" s="279">
        <v>0</v>
      </c>
      <c r="G11" s="280">
        <v>5093</v>
      </c>
      <c r="H11" s="280">
        <v>4855</v>
      </c>
      <c r="I11" s="280">
        <v>2636</v>
      </c>
      <c r="J11" s="280">
        <v>1252</v>
      </c>
      <c r="K11" s="280">
        <v>498</v>
      </c>
      <c r="L11" s="277">
        <v>14334</v>
      </c>
      <c r="M11" s="282">
        <v>14334</v>
      </c>
      <c r="N11" s="280">
        <v>0</v>
      </c>
      <c r="O11" s="280">
        <v>0</v>
      </c>
      <c r="P11" s="277">
        <v>0</v>
      </c>
      <c r="Q11" s="279">
        <v>0</v>
      </c>
      <c r="R11" s="280">
        <v>72</v>
      </c>
      <c r="S11" s="280">
        <v>133</v>
      </c>
      <c r="T11" s="280">
        <v>126</v>
      </c>
      <c r="U11" s="280">
        <v>110</v>
      </c>
      <c r="V11" s="280">
        <v>82</v>
      </c>
      <c r="W11" s="277">
        <v>523</v>
      </c>
      <c r="X11" s="282">
        <v>523</v>
      </c>
    </row>
    <row r="12" spans="2:24" ht="21" customHeight="1" x14ac:dyDescent="0.2">
      <c r="B12" s="256" t="s">
        <v>9</v>
      </c>
      <c r="C12" s="280">
        <v>0</v>
      </c>
      <c r="D12" s="280">
        <v>0</v>
      </c>
      <c r="E12" s="277">
        <v>0</v>
      </c>
      <c r="F12" s="279">
        <v>0</v>
      </c>
      <c r="G12" s="280">
        <v>3477</v>
      </c>
      <c r="H12" s="280">
        <v>2209</v>
      </c>
      <c r="I12" s="280">
        <v>1951</v>
      </c>
      <c r="J12" s="280">
        <v>985</v>
      </c>
      <c r="K12" s="280">
        <v>325</v>
      </c>
      <c r="L12" s="277">
        <v>8947</v>
      </c>
      <c r="M12" s="282">
        <v>8947</v>
      </c>
      <c r="N12" s="280">
        <v>0</v>
      </c>
      <c r="O12" s="280">
        <v>0</v>
      </c>
      <c r="P12" s="277">
        <v>0</v>
      </c>
      <c r="Q12" s="279">
        <v>0</v>
      </c>
      <c r="R12" s="280">
        <v>31</v>
      </c>
      <c r="S12" s="280">
        <v>35</v>
      </c>
      <c r="T12" s="280">
        <v>74</v>
      </c>
      <c r="U12" s="280">
        <v>17</v>
      </c>
      <c r="V12" s="280">
        <v>67</v>
      </c>
      <c r="W12" s="277">
        <v>224</v>
      </c>
      <c r="X12" s="282">
        <v>224</v>
      </c>
    </row>
    <row r="13" spans="2:24" ht="21" customHeight="1" x14ac:dyDescent="0.2">
      <c r="B13" s="256" t="s">
        <v>10</v>
      </c>
      <c r="C13" s="280">
        <v>0</v>
      </c>
      <c r="D13" s="280">
        <v>0</v>
      </c>
      <c r="E13" s="277">
        <v>0</v>
      </c>
      <c r="F13" s="279">
        <v>0</v>
      </c>
      <c r="G13" s="280">
        <v>4327</v>
      </c>
      <c r="H13" s="280">
        <v>2561</v>
      </c>
      <c r="I13" s="280">
        <v>1413</v>
      </c>
      <c r="J13" s="280">
        <v>668</v>
      </c>
      <c r="K13" s="280">
        <v>227</v>
      </c>
      <c r="L13" s="277">
        <v>9196</v>
      </c>
      <c r="M13" s="282">
        <v>9196</v>
      </c>
      <c r="N13" s="280">
        <v>0</v>
      </c>
      <c r="O13" s="280">
        <v>5</v>
      </c>
      <c r="P13" s="277">
        <v>5</v>
      </c>
      <c r="Q13" s="279">
        <v>0</v>
      </c>
      <c r="R13" s="280">
        <v>81</v>
      </c>
      <c r="S13" s="280">
        <v>140</v>
      </c>
      <c r="T13" s="280">
        <v>267</v>
      </c>
      <c r="U13" s="280">
        <v>82</v>
      </c>
      <c r="V13" s="280">
        <v>156</v>
      </c>
      <c r="W13" s="277">
        <v>726</v>
      </c>
      <c r="X13" s="282">
        <v>731</v>
      </c>
    </row>
    <row r="14" spans="2:24" ht="21" customHeight="1" x14ac:dyDescent="0.2">
      <c r="B14" s="256" t="s">
        <v>11</v>
      </c>
      <c r="C14" s="280">
        <v>0</v>
      </c>
      <c r="D14" s="280">
        <v>0</v>
      </c>
      <c r="E14" s="277">
        <v>0</v>
      </c>
      <c r="F14" s="279">
        <v>0</v>
      </c>
      <c r="G14" s="280">
        <v>4394</v>
      </c>
      <c r="H14" s="280">
        <v>2734</v>
      </c>
      <c r="I14" s="280">
        <v>1711</v>
      </c>
      <c r="J14" s="280">
        <v>763</v>
      </c>
      <c r="K14" s="280">
        <v>441</v>
      </c>
      <c r="L14" s="277">
        <v>10043</v>
      </c>
      <c r="M14" s="282">
        <v>10043</v>
      </c>
      <c r="N14" s="280">
        <v>3</v>
      </c>
      <c r="O14" s="280">
        <v>0</v>
      </c>
      <c r="P14" s="277">
        <v>3</v>
      </c>
      <c r="Q14" s="279">
        <v>0</v>
      </c>
      <c r="R14" s="280">
        <v>126</v>
      </c>
      <c r="S14" s="280">
        <v>102</v>
      </c>
      <c r="T14" s="280">
        <v>182</v>
      </c>
      <c r="U14" s="280">
        <v>1</v>
      </c>
      <c r="V14" s="280">
        <v>8</v>
      </c>
      <c r="W14" s="277">
        <v>419</v>
      </c>
      <c r="X14" s="282">
        <v>422</v>
      </c>
    </row>
    <row r="15" spans="2:24" ht="21" customHeight="1" x14ac:dyDescent="0.2">
      <c r="B15" s="256" t="s">
        <v>12</v>
      </c>
      <c r="C15" s="280">
        <v>0</v>
      </c>
      <c r="D15" s="280">
        <v>0</v>
      </c>
      <c r="E15" s="277">
        <v>0</v>
      </c>
      <c r="F15" s="279">
        <v>0</v>
      </c>
      <c r="G15" s="280">
        <v>3294</v>
      </c>
      <c r="H15" s="280">
        <v>2061</v>
      </c>
      <c r="I15" s="280">
        <v>1464</v>
      </c>
      <c r="J15" s="280">
        <v>783</v>
      </c>
      <c r="K15" s="280">
        <v>195</v>
      </c>
      <c r="L15" s="277">
        <v>7797</v>
      </c>
      <c r="M15" s="282">
        <v>7797</v>
      </c>
      <c r="N15" s="280">
        <v>0</v>
      </c>
      <c r="O15" s="280">
        <v>0</v>
      </c>
      <c r="P15" s="277">
        <v>0</v>
      </c>
      <c r="Q15" s="279">
        <v>0</v>
      </c>
      <c r="R15" s="280">
        <v>31</v>
      </c>
      <c r="S15" s="280">
        <v>15</v>
      </c>
      <c r="T15" s="280">
        <v>11</v>
      </c>
      <c r="U15" s="280">
        <v>4</v>
      </c>
      <c r="V15" s="280">
        <v>14</v>
      </c>
      <c r="W15" s="277">
        <v>75</v>
      </c>
      <c r="X15" s="282">
        <v>75</v>
      </c>
    </row>
    <row r="16" spans="2:24" ht="21" customHeight="1" x14ac:dyDescent="0.2">
      <c r="B16" s="256" t="s">
        <v>13</v>
      </c>
      <c r="C16" s="280">
        <v>0</v>
      </c>
      <c r="D16" s="280">
        <v>0</v>
      </c>
      <c r="E16" s="277">
        <v>0</v>
      </c>
      <c r="F16" s="279">
        <v>0</v>
      </c>
      <c r="G16" s="280">
        <v>971</v>
      </c>
      <c r="H16" s="280">
        <v>901</v>
      </c>
      <c r="I16" s="280">
        <v>608</v>
      </c>
      <c r="J16" s="280">
        <v>284</v>
      </c>
      <c r="K16" s="280">
        <v>166</v>
      </c>
      <c r="L16" s="277">
        <v>2930</v>
      </c>
      <c r="M16" s="282">
        <v>2930</v>
      </c>
      <c r="N16" s="280">
        <v>0</v>
      </c>
      <c r="O16" s="280">
        <v>0</v>
      </c>
      <c r="P16" s="277">
        <v>0</v>
      </c>
      <c r="Q16" s="279">
        <v>0</v>
      </c>
      <c r="R16" s="280">
        <v>14</v>
      </c>
      <c r="S16" s="280">
        <v>34</v>
      </c>
      <c r="T16" s="280">
        <v>67</v>
      </c>
      <c r="U16" s="280">
        <v>40</v>
      </c>
      <c r="V16" s="280">
        <v>27</v>
      </c>
      <c r="W16" s="277">
        <v>182</v>
      </c>
      <c r="X16" s="282">
        <v>182</v>
      </c>
    </row>
    <row r="17" spans="2:24" ht="21" customHeight="1" x14ac:dyDescent="0.2">
      <c r="B17" s="256" t="s">
        <v>15</v>
      </c>
      <c r="C17" s="280">
        <v>0</v>
      </c>
      <c r="D17" s="280">
        <v>0</v>
      </c>
      <c r="E17" s="277">
        <v>0</v>
      </c>
      <c r="F17" s="279">
        <v>0</v>
      </c>
      <c r="G17" s="280">
        <v>1267</v>
      </c>
      <c r="H17" s="280">
        <v>1408</v>
      </c>
      <c r="I17" s="280">
        <v>906</v>
      </c>
      <c r="J17" s="280">
        <v>368</v>
      </c>
      <c r="K17" s="280">
        <v>150</v>
      </c>
      <c r="L17" s="277">
        <v>4099</v>
      </c>
      <c r="M17" s="282">
        <v>4099</v>
      </c>
      <c r="N17" s="280">
        <v>0</v>
      </c>
      <c r="O17" s="280">
        <v>0</v>
      </c>
      <c r="P17" s="277">
        <v>0</v>
      </c>
      <c r="Q17" s="279">
        <v>0</v>
      </c>
      <c r="R17" s="280">
        <v>34</v>
      </c>
      <c r="S17" s="280">
        <v>40</v>
      </c>
      <c r="T17" s="280">
        <v>47</v>
      </c>
      <c r="U17" s="280">
        <v>29</v>
      </c>
      <c r="V17" s="280">
        <v>43</v>
      </c>
      <c r="W17" s="277">
        <v>193</v>
      </c>
      <c r="X17" s="282">
        <v>193</v>
      </c>
    </row>
    <row r="18" spans="2:24" ht="21" customHeight="1" x14ac:dyDescent="0.2">
      <c r="B18" s="256" t="s">
        <v>16</v>
      </c>
      <c r="C18" s="280">
        <v>0</v>
      </c>
      <c r="D18" s="280">
        <v>0</v>
      </c>
      <c r="E18" s="277">
        <v>0</v>
      </c>
      <c r="F18" s="279">
        <v>0</v>
      </c>
      <c r="G18" s="280">
        <v>1329</v>
      </c>
      <c r="H18" s="280">
        <v>1418</v>
      </c>
      <c r="I18" s="280">
        <v>1056</v>
      </c>
      <c r="J18" s="280">
        <v>433</v>
      </c>
      <c r="K18" s="280">
        <v>255</v>
      </c>
      <c r="L18" s="277">
        <v>4491</v>
      </c>
      <c r="M18" s="282">
        <v>4491</v>
      </c>
      <c r="N18" s="280">
        <v>0</v>
      </c>
      <c r="O18" s="280">
        <v>0</v>
      </c>
      <c r="P18" s="277">
        <v>0</v>
      </c>
      <c r="Q18" s="279">
        <v>0</v>
      </c>
      <c r="R18" s="280">
        <v>22</v>
      </c>
      <c r="S18" s="280">
        <v>115</v>
      </c>
      <c r="T18" s="280">
        <v>85</v>
      </c>
      <c r="U18" s="280">
        <v>30</v>
      </c>
      <c r="V18" s="280">
        <v>49</v>
      </c>
      <c r="W18" s="277">
        <v>301</v>
      </c>
      <c r="X18" s="282">
        <v>301</v>
      </c>
    </row>
    <row r="19" spans="2:24" ht="21" customHeight="1" x14ac:dyDescent="0.2">
      <c r="B19" s="256" t="s">
        <v>17</v>
      </c>
      <c r="C19" s="280">
        <v>0</v>
      </c>
      <c r="D19" s="280">
        <v>0</v>
      </c>
      <c r="E19" s="277">
        <v>0</v>
      </c>
      <c r="F19" s="279">
        <v>0</v>
      </c>
      <c r="G19" s="280">
        <v>2098</v>
      </c>
      <c r="H19" s="280">
        <v>2667</v>
      </c>
      <c r="I19" s="280">
        <v>1675</v>
      </c>
      <c r="J19" s="280">
        <v>1440</v>
      </c>
      <c r="K19" s="280">
        <v>794</v>
      </c>
      <c r="L19" s="277">
        <v>8674</v>
      </c>
      <c r="M19" s="282">
        <v>8674</v>
      </c>
      <c r="N19" s="280">
        <v>5</v>
      </c>
      <c r="O19" s="280">
        <v>9</v>
      </c>
      <c r="P19" s="277">
        <v>14</v>
      </c>
      <c r="Q19" s="279">
        <v>0</v>
      </c>
      <c r="R19" s="280">
        <v>159</v>
      </c>
      <c r="S19" s="280">
        <v>207</v>
      </c>
      <c r="T19" s="280">
        <v>115</v>
      </c>
      <c r="U19" s="280">
        <v>157</v>
      </c>
      <c r="V19" s="280">
        <v>41</v>
      </c>
      <c r="W19" s="277">
        <v>679</v>
      </c>
      <c r="X19" s="282">
        <v>693</v>
      </c>
    </row>
    <row r="20" spans="2:24" ht="21" customHeight="1" x14ac:dyDescent="0.2">
      <c r="B20" s="256" t="s">
        <v>18</v>
      </c>
      <c r="C20" s="280">
        <v>0</v>
      </c>
      <c r="D20" s="280">
        <v>0</v>
      </c>
      <c r="E20" s="277">
        <v>0</v>
      </c>
      <c r="F20" s="279">
        <v>0</v>
      </c>
      <c r="G20" s="280">
        <v>2283</v>
      </c>
      <c r="H20" s="280">
        <v>1657</v>
      </c>
      <c r="I20" s="280">
        <v>895</v>
      </c>
      <c r="J20" s="280">
        <v>456</v>
      </c>
      <c r="K20" s="280">
        <v>169</v>
      </c>
      <c r="L20" s="277">
        <v>5460</v>
      </c>
      <c r="M20" s="282">
        <v>5460</v>
      </c>
      <c r="N20" s="280">
        <v>0</v>
      </c>
      <c r="O20" s="280">
        <v>0</v>
      </c>
      <c r="P20" s="277">
        <v>0</v>
      </c>
      <c r="Q20" s="279">
        <v>0</v>
      </c>
      <c r="R20" s="280">
        <v>117</v>
      </c>
      <c r="S20" s="280">
        <v>95</v>
      </c>
      <c r="T20" s="280">
        <v>289</v>
      </c>
      <c r="U20" s="280">
        <v>137</v>
      </c>
      <c r="V20" s="280">
        <v>107</v>
      </c>
      <c r="W20" s="277">
        <v>745</v>
      </c>
      <c r="X20" s="282">
        <v>745</v>
      </c>
    </row>
    <row r="21" spans="2:24" ht="21" customHeight="1" x14ac:dyDescent="0.2">
      <c r="B21" s="256" t="s">
        <v>19</v>
      </c>
      <c r="C21" s="280">
        <v>0</v>
      </c>
      <c r="D21" s="280">
        <v>0</v>
      </c>
      <c r="E21" s="277">
        <v>0</v>
      </c>
      <c r="F21" s="279">
        <v>0</v>
      </c>
      <c r="G21" s="280">
        <v>1018</v>
      </c>
      <c r="H21" s="280">
        <v>988</v>
      </c>
      <c r="I21" s="280">
        <v>591</v>
      </c>
      <c r="J21" s="280">
        <v>320</v>
      </c>
      <c r="K21" s="280">
        <v>106</v>
      </c>
      <c r="L21" s="277">
        <v>3023</v>
      </c>
      <c r="M21" s="282">
        <v>3023</v>
      </c>
      <c r="N21" s="280">
        <v>0</v>
      </c>
      <c r="O21" s="280">
        <v>0</v>
      </c>
      <c r="P21" s="277">
        <v>0</v>
      </c>
      <c r="Q21" s="279">
        <v>0</v>
      </c>
      <c r="R21" s="280">
        <v>96</v>
      </c>
      <c r="S21" s="280">
        <v>171</v>
      </c>
      <c r="T21" s="280">
        <v>230</v>
      </c>
      <c r="U21" s="280">
        <v>24</v>
      </c>
      <c r="V21" s="280">
        <v>33</v>
      </c>
      <c r="W21" s="277">
        <v>554</v>
      </c>
      <c r="X21" s="282">
        <v>554</v>
      </c>
    </row>
    <row r="22" spans="2:24" ht="21" customHeight="1" x14ac:dyDescent="0.2">
      <c r="B22" s="256" t="s">
        <v>20</v>
      </c>
      <c r="C22" s="280">
        <v>0</v>
      </c>
      <c r="D22" s="280">
        <v>0</v>
      </c>
      <c r="E22" s="277">
        <v>0</v>
      </c>
      <c r="F22" s="279">
        <v>0</v>
      </c>
      <c r="G22" s="280">
        <v>1584</v>
      </c>
      <c r="H22" s="280">
        <v>767</v>
      </c>
      <c r="I22" s="280">
        <v>676</v>
      </c>
      <c r="J22" s="280">
        <v>267</v>
      </c>
      <c r="K22" s="280">
        <v>17</v>
      </c>
      <c r="L22" s="277">
        <v>3311</v>
      </c>
      <c r="M22" s="282">
        <v>3311</v>
      </c>
      <c r="N22" s="280">
        <v>0</v>
      </c>
      <c r="O22" s="280">
        <v>0</v>
      </c>
      <c r="P22" s="277">
        <v>0</v>
      </c>
      <c r="Q22" s="279">
        <v>0</v>
      </c>
      <c r="R22" s="280">
        <v>0</v>
      </c>
      <c r="S22" s="280">
        <v>20</v>
      </c>
      <c r="T22" s="280">
        <v>9</v>
      </c>
      <c r="U22" s="280">
        <v>2</v>
      </c>
      <c r="V22" s="280">
        <v>27</v>
      </c>
      <c r="W22" s="277">
        <v>58</v>
      </c>
      <c r="X22" s="282">
        <v>58</v>
      </c>
    </row>
    <row r="23" spans="2:24" ht="21" customHeight="1" x14ac:dyDescent="0.2">
      <c r="B23" s="256" t="s">
        <v>21</v>
      </c>
      <c r="C23" s="280">
        <v>0</v>
      </c>
      <c r="D23" s="280">
        <v>0</v>
      </c>
      <c r="E23" s="277">
        <v>0</v>
      </c>
      <c r="F23" s="279">
        <v>0</v>
      </c>
      <c r="G23" s="280">
        <v>1433</v>
      </c>
      <c r="H23" s="280">
        <v>1483</v>
      </c>
      <c r="I23" s="280">
        <v>650</v>
      </c>
      <c r="J23" s="280">
        <v>271</v>
      </c>
      <c r="K23" s="280">
        <v>122</v>
      </c>
      <c r="L23" s="277">
        <v>3959</v>
      </c>
      <c r="M23" s="282">
        <v>3959</v>
      </c>
      <c r="N23" s="280">
        <v>0</v>
      </c>
      <c r="O23" s="280">
        <v>0</v>
      </c>
      <c r="P23" s="277">
        <v>0</v>
      </c>
      <c r="Q23" s="279">
        <v>0</v>
      </c>
      <c r="R23" s="280">
        <v>0</v>
      </c>
      <c r="S23" s="280">
        <v>0</v>
      </c>
      <c r="T23" s="280">
        <v>0</v>
      </c>
      <c r="U23" s="280">
        <v>24</v>
      </c>
      <c r="V23" s="280">
        <v>0</v>
      </c>
      <c r="W23" s="277">
        <v>24</v>
      </c>
      <c r="X23" s="282">
        <v>24</v>
      </c>
    </row>
    <row r="24" spans="2:24" ht="21" customHeight="1" x14ac:dyDescent="0.2">
      <c r="B24" s="256" t="s">
        <v>22</v>
      </c>
      <c r="C24" s="280">
        <v>0</v>
      </c>
      <c r="D24" s="280">
        <v>0</v>
      </c>
      <c r="E24" s="277">
        <v>0</v>
      </c>
      <c r="F24" s="279">
        <v>0</v>
      </c>
      <c r="G24" s="280">
        <v>1022</v>
      </c>
      <c r="H24" s="280">
        <v>915</v>
      </c>
      <c r="I24" s="280">
        <v>388</v>
      </c>
      <c r="J24" s="280">
        <v>325</v>
      </c>
      <c r="K24" s="280">
        <v>75</v>
      </c>
      <c r="L24" s="277">
        <v>2725</v>
      </c>
      <c r="M24" s="282">
        <v>2725</v>
      </c>
      <c r="N24" s="280">
        <v>0</v>
      </c>
      <c r="O24" s="280">
        <v>0</v>
      </c>
      <c r="P24" s="277">
        <v>0</v>
      </c>
      <c r="Q24" s="279">
        <v>0</v>
      </c>
      <c r="R24" s="280">
        <v>0</v>
      </c>
      <c r="S24" s="280">
        <v>34</v>
      </c>
      <c r="T24" s="280">
        <v>35</v>
      </c>
      <c r="U24" s="280">
        <v>34</v>
      </c>
      <c r="V24" s="280">
        <v>46</v>
      </c>
      <c r="W24" s="277">
        <v>149</v>
      </c>
      <c r="X24" s="282">
        <v>149</v>
      </c>
    </row>
    <row r="25" spans="2:24" ht="21" customHeight="1" x14ac:dyDescent="0.2">
      <c r="B25" s="256" t="s">
        <v>23</v>
      </c>
      <c r="C25" s="280">
        <v>0</v>
      </c>
      <c r="D25" s="280">
        <v>0</v>
      </c>
      <c r="E25" s="277">
        <v>0</v>
      </c>
      <c r="F25" s="279">
        <v>0</v>
      </c>
      <c r="G25" s="280">
        <v>477</v>
      </c>
      <c r="H25" s="280">
        <v>410</v>
      </c>
      <c r="I25" s="280">
        <v>272</v>
      </c>
      <c r="J25" s="280">
        <v>204</v>
      </c>
      <c r="K25" s="280">
        <v>108</v>
      </c>
      <c r="L25" s="277">
        <v>1471</v>
      </c>
      <c r="M25" s="282">
        <v>1471</v>
      </c>
      <c r="N25" s="280">
        <v>0</v>
      </c>
      <c r="O25" s="280">
        <v>0</v>
      </c>
      <c r="P25" s="277">
        <v>0</v>
      </c>
      <c r="Q25" s="279">
        <v>0</v>
      </c>
      <c r="R25" s="280">
        <v>0</v>
      </c>
      <c r="S25" s="280">
        <v>0</v>
      </c>
      <c r="T25" s="280">
        <v>25</v>
      </c>
      <c r="U25" s="280">
        <v>23</v>
      </c>
      <c r="V25" s="280">
        <v>10</v>
      </c>
      <c r="W25" s="277">
        <v>58</v>
      </c>
      <c r="X25" s="282">
        <v>58</v>
      </c>
    </row>
    <row r="26" spans="2:24" ht="21" customHeight="1" x14ac:dyDescent="0.2">
      <c r="B26" s="256" t="s">
        <v>24</v>
      </c>
      <c r="C26" s="280">
        <v>0</v>
      </c>
      <c r="D26" s="280">
        <v>0</v>
      </c>
      <c r="E26" s="277">
        <v>0</v>
      </c>
      <c r="F26" s="279">
        <v>0</v>
      </c>
      <c r="G26" s="280">
        <v>249</v>
      </c>
      <c r="H26" s="280">
        <v>130</v>
      </c>
      <c r="I26" s="280">
        <v>171</v>
      </c>
      <c r="J26" s="280">
        <v>38</v>
      </c>
      <c r="K26" s="280">
        <v>18</v>
      </c>
      <c r="L26" s="277">
        <v>606</v>
      </c>
      <c r="M26" s="282">
        <v>606</v>
      </c>
      <c r="N26" s="280">
        <v>0</v>
      </c>
      <c r="O26" s="280">
        <v>0</v>
      </c>
      <c r="P26" s="277">
        <v>0</v>
      </c>
      <c r="Q26" s="279">
        <v>0</v>
      </c>
      <c r="R26" s="280">
        <v>74</v>
      </c>
      <c r="S26" s="280">
        <v>39</v>
      </c>
      <c r="T26" s="280">
        <v>75</v>
      </c>
      <c r="U26" s="280">
        <v>13</v>
      </c>
      <c r="V26" s="280">
        <v>12</v>
      </c>
      <c r="W26" s="277">
        <v>213</v>
      </c>
      <c r="X26" s="282">
        <v>213</v>
      </c>
    </row>
    <row r="27" spans="2:24" ht="21" customHeight="1" x14ac:dyDescent="0.2">
      <c r="B27" s="256" t="s">
        <v>25</v>
      </c>
      <c r="C27" s="280">
        <v>0</v>
      </c>
      <c r="D27" s="280">
        <v>0</v>
      </c>
      <c r="E27" s="277">
        <v>0</v>
      </c>
      <c r="F27" s="279">
        <v>0</v>
      </c>
      <c r="G27" s="280">
        <v>757</v>
      </c>
      <c r="H27" s="280">
        <v>269</v>
      </c>
      <c r="I27" s="280">
        <v>197</v>
      </c>
      <c r="J27" s="280">
        <v>55</v>
      </c>
      <c r="K27" s="280">
        <v>3</v>
      </c>
      <c r="L27" s="277">
        <v>1281</v>
      </c>
      <c r="M27" s="282">
        <v>1281</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51</v>
      </c>
      <c r="H28" s="280">
        <v>399</v>
      </c>
      <c r="I28" s="280">
        <v>346</v>
      </c>
      <c r="J28" s="280">
        <v>45</v>
      </c>
      <c r="K28" s="280">
        <v>72</v>
      </c>
      <c r="L28" s="277">
        <v>1213</v>
      </c>
      <c r="M28" s="282">
        <v>1213</v>
      </c>
      <c r="N28" s="280">
        <v>0</v>
      </c>
      <c r="O28" s="280">
        <v>0</v>
      </c>
      <c r="P28" s="277">
        <v>0</v>
      </c>
      <c r="Q28" s="279">
        <v>0</v>
      </c>
      <c r="R28" s="280">
        <v>7</v>
      </c>
      <c r="S28" s="280">
        <v>24</v>
      </c>
      <c r="T28" s="280">
        <v>32</v>
      </c>
      <c r="U28" s="280">
        <v>20</v>
      </c>
      <c r="V28" s="280">
        <v>17</v>
      </c>
      <c r="W28" s="277">
        <v>100</v>
      </c>
      <c r="X28" s="282">
        <v>100</v>
      </c>
    </row>
    <row r="29" spans="2:24" ht="21" customHeight="1" x14ac:dyDescent="0.2">
      <c r="B29" s="256" t="s">
        <v>27</v>
      </c>
      <c r="C29" s="280">
        <v>0</v>
      </c>
      <c r="D29" s="280">
        <v>0</v>
      </c>
      <c r="E29" s="277">
        <v>0</v>
      </c>
      <c r="F29" s="279">
        <v>0</v>
      </c>
      <c r="G29" s="280">
        <v>282</v>
      </c>
      <c r="H29" s="280">
        <v>121</v>
      </c>
      <c r="I29" s="280">
        <v>68</v>
      </c>
      <c r="J29" s="280">
        <v>18</v>
      </c>
      <c r="K29" s="280">
        <v>0</v>
      </c>
      <c r="L29" s="277">
        <v>489</v>
      </c>
      <c r="M29" s="282">
        <v>489</v>
      </c>
      <c r="N29" s="280">
        <v>0</v>
      </c>
      <c r="O29" s="280">
        <v>0</v>
      </c>
      <c r="P29" s="277">
        <v>0</v>
      </c>
      <c r="Q29" s="279">
        <v>0</v>
      </c>
      <c r="R29" s="280">
        <v>27</v>
      </c>
      <c r="S29" s="280">
        <v>0</v>
      </c>
      <c r="T29" s="280">
        <v>9</v>
      </c>
      <c r="U29" s="280">
        <v>23</v>
      </c>
      <c r="V29" s="280">
        <v>25</v>
      </c>
      <c r="W29" s="277">
        <v>84</v>
      </c>
      <c r="X29" s="282">
        <v>84</v>
      </c>
    </row>
    <row r="30" spans="2:24" ht="21" customHeight="1" x14ac:dyDescent="0.2">
      <c r="B30" s="256" t="s">
        <v>28</v>
      </c>
      <c r="C30" s="280">
        <v>0</v>
      </c>
      <c r="D30" s="280">
        <v>0</v>
      </c>
      <c r="E30" s="277">
        <v>0</v>
      </c>
      <c r="F30" s="279">
        <v>0</v>
      </c>
      <c r="G30" s="280">
        <v>164</v>
      </c>
      <c r="H30" s="280">
        <v>139</v>
      </c>
      <c r="I30" s="280">
        <v>11</v>
      </c>
      <c r="J30" s="280">
        <v>17</v>
      </c>
      <c r="K30" s="280">
        <v>7</v>
      </c>
      <c r="L30" s="277">
        <v>338</v>
      </c>
      <c r="M30" s="282">
        <v>338</v>
      </c>
      <c r="N30" s="280">
        <v>0</v>
      </c>
      <c r="O30" s="280">
        <v>0</v>
      </c>
      <c r="P30" s="277">
        <v>0</v>
      </c>
      <c r="Q30" s="279">
        <v>0</v>
      </c>
      <c r="R30" s="280">
        <v>18</v>
      </c>
      <c r="S30" s="280">
        <v>9</v>
      </c>
      <c r="T30" s="280">
        <v>21</v>
      </c>
      <c r="U30" s="280">
        <v>0</v>
      </c>
      <c r="V30" s="280">
        <v>0</v>
      </c>
      <c r="W30" s="277">
        <v>48</v>
      </c>
      <c r="X30" s="282">
        <v>48</v>
      </c>
    </row>
    <row r="31" spans="2:24" ht="21" customHeight="1" x14ac:dyDescent="0.2">
      <c r="B31" s="256" t="s">
        <v>29</v>
      </c>
      <c r="C31" s="280">
        <v>0</v>
      </c>
      <c r="D31" s="280">
        <v>0</v>
      </c>
      <c r="E31" s="277">
        <v>0</v>
      </c>
      <c r="F31" s="279">
        <v>0</v>
      </c>
      <c r="G31" s="280">
        <v>192</v>
      </c>
      <c r="H31" s="280">
        <v>139</v>
      </c>
      <c r="I31" s="280">
        <v>35</v>
      </c>
      <c r="J31" s="280">
        <v>36</v>
      </c>
      <c r="K31" s="280">
        <v>0</v>
      </c>
      <c r="L31" s="277">
        <v>402</v>
      </c>
      <c r="M31" s="282">
        <v>402</v>
      </c>
      <c r="N31" s="280">
        <v>0</v>
      </c>
      <c r="O31" s="280">
        <v>0</v>
      </c>
      <c r="P31" s="277">
        <v>0</v>
      </c>
      <c r="Q31" s="279">
        <v>0</v>
      </c>
      <c r="R31" s="280">
        <v>7</v>
      </c>
      <c r="S31" s="280">
        <v>0</v>
      </c>
      <c r="T31" s="280">
        <v>0</v>
      </c>
      <c r="U31" s="280">
        <v>3</v>
      </c>
      <c r="V31" s="280">
        <v>0</v>
      </c>
      <c r="W31" s="277">
        <v>10</v>
      </c>
      <c r="X31" s="282">
        <v>10</v>
      </c>
    </row>
    <row r="32" spans="2:24" ht="21" customHeight="1" x14ac:dyDescent="0.2">
      <c r="B32" s="256" t="s">
        <v>30</v>
      </c>
      <c r="C32" s="280">
        <v>0</v>
      </c>
      <c r="D32" s="280">
        <v>0</v>
      </c>
      <c r="E32" s="277">
        <v>0</v>
      </c>
      <c r="F32" s="279">
        <v>0</v>
      </c>
      <c r="G32" s="280">
        <v>172</v>
      </c>
      <c r="H32" s="280">
        <v>79</v>
      </c>
      <c r="I32" s="280">
        <v>120</v>
      </c>
      <c r="J32" s="280">
        <v>27</v>
      </c>
      <c r="K32" s="280">
        <v>0</v>
      </c>
      <c r="L32" s="277">
        <v>398</v>
      </c>
      <c r="M32" s="282">
        <v>398</v>
      </c>
      <c r="N32" s="280">
        <v>5</v>
      </c>
      <c r="O32" s="280">
        <v>0</v>
      </c>
      <c r="P32" s="277">
        <v>5</v>
      </c>
      <c r="Q32" s="279">
        <v>0</v>
      </c>
      <c r="R32" s="280">
        <v>17</v>
      </c>
      <c r="S32" s="280">
        <v>17</v>
      </c>
      <c r="T32" s="280">
        <v>14</v>
      </c>
      <c r="U32" s="280">
        <v>0</v>
      </c>
      <c r="V32" s="280">
        <v>0</v>
      </c>
      <c r="W32" s="277">
        <v>48</v>
      </c>
      <c r="X32" s="282">
        <v>53</v>
      </c>
    </row>
    <row r="33" spans="2:24" ht="21" customHeight="1" x14ac:dyDescent="0.2">
      <c r="B33" s="256" t="s">
        <v>31</v>
      </c>
      <c r="C33" s="280">
        <v>0</v>
      </c>
      <c r="D33" s="280">
        <v>0</v>
      </c>
      <c r="E33" s="277">
        <v>0</v>
      </c>
      <c r="F33" s="279">
        <v>0</v>
      </c>
      <c r="G33" s="280">
        <v>233</v>
      </c>
      <c r="H33" s="280">
        <v>96</v>
      </c>
      <c r="I33" s="280">
        <v>61</v>
      </c>
      <c r="J33" s="280">
        <v>30</v>
      </c>
      <c r="K33" s="280">
        <v>0</v>
      </c>
      <c r="L33" s="277">
        <v>420</v>
      </c>
      <c r="M33" s="282">
        <v>420</v>
      </c>
      <c r="N33" s="280">
        <v>0</v>
      </c>
      <c r="O33" s="280">
        <v>0</v>
      </c>
      <c r="P33" s="277">
        <v>0</v>
      </c>
      <c r="Q33" s="279">
        <v>0</v>
      </c>
      <c r="R33" s="280">
        <v>0</v>
      </c>
      <c r="S33" s="280">
        <v>0</v>
      </c>
      <c r="T33" s="280">
        <v>0</v>
      </c>
      <c r="U33" s="280">
        <v>17</v>
      </c>
      <c r="V33" s="280">
        <v>18</v>
      </c>
      <c r="W33" s="277">
        <v>35</v>
      </c>
      <c r="X33" s="282">
        <v>35</v>
      </c>
    </row>
    <row r="34" spans="2:24" ht="21" customHeight="1" x14ac:dyDescent="0.2">
      <c r="B34" s="256" t="s">
        <v>32</v>
      </c>
      <c r="C34" s="280">
        <v>0</v>
      </c>
      <c r="D34" s="280">
        <v>0</v>
      </c>
      <c r="E34" s="277">
        <v>0</v>
      </c>
      <c r="F34" s="279">
        <v>0</v>
      </c>
      <c r="G34" s="280">
        <v>302</v>
      </c>
      <c r="H34" s="280">
        <v>258</v>
      </c>
      <c r="I34" s="280">
        <v>136</v>
      </c>
      <c r="J34" s="280">
        <v>43</v>
      </c>
      <c r="K34" s="280">
        <v>20</v>
      </c>
      <c r="L34" s="277">
        <v>759</v>
      </c>
      <c r="M34" s="282">
        <v>759</v>
      </c>
      <c r="N34" s="280">
        <v>0</v>
      </c>
      <c r="O34" s="280">
        <v>0</v>
      </c>
      <c r="P34" s="277">
        <v>0</v>
      </c>
      <c r="Q34" s="279">
        <v>0</v>
      </c>
      <c r="R34" s="280">
        <v>38</v>
      </c>
      <c r="S34" s="280">
        <v>9</v>
      </c>
      <c r="T34" s="280">
        <v>18</v>
      </c>
      <c r="U34" s="280">
        <v>0</v>
      </c>
      <c r="V34" s="280">
        <v>12</v>
      </c>
      <c r="W34" s="277">
        <v>77</v>
      </c>
      <c r="X34" s="282">
        <v>77</v>
      </c>
    </row>
    <row r="35" spans="2:24" ht="21" customHeight="1" x14ac:dyDescent="0.2">
      <c r="B35" s="256" t="s">
        <v>33</v>
      </c>
      <c r="C35" s="280">
        <v>0</v>
      </c>
      <c r="D35" s="280">
        <v>0</v>
      </c>
      <c r="E35" s="277">
        <v>0</v>
      </c>
      <c r="F35" s="279">
        <v>0</v>
      </c>
      <c r="G35" s="280">
        <v>203</v>
      </c>
      <c r="H35" s="280">
        <v>107</v>
      </c>
      <c r="I35" s="280">
        <v>65</v>
      </c>
      <c r="J35" s="280">
        <v>5</v>
      </c>
      <c r="K35" s="280">
        <v>5</v>
      </c>
      <c r="L35" s="277">
        <v>385</v>
      </c>
      <c r="M35" s="282">
        <v>385</v>
      </c>
      <c r="N35" s="280">
        <v>0</v>
      </c>
      <c r="O35" s="280">
        <v>0</v>
      </c>
      <c r="P35" s="277">
        <v>0</v>
      </c>
      <c r="Q35" s="279">
        <v>0</v>
      </c>
      <c r="R35" s="280">
        <v>0</v>
      </c>
      <c r="S35" s="280">
        <v>0</v>
      </c>
      <c r="T35" s="280">
        <v>18</v>
      </c>
      <c r="U35" s="280">
        <v>0</v>
      </c>
      <c r="V35" s="280">
        <v>0</v>
      </c>
      <c r="W35" s="277">
        <v>18</v>
      </c>
      <c r="X35" s="282">
        <v>18</v>
      </c>
    </row>
    <row r="36" spans="2:24" ht="21" customHeight="1" x14ac:dyDescent="0.2">
      <c r="B36" s="256" t="s">
        <v>34</v>
      </c>
      <c r="C36" s="280">
        <v>0</v>
      </c>
      <c r="D36" s="280">
        <v>0</v>
      </c>
      <c r="E36" s="277">
        <v>0</v>
      </c>
      <c r="F36" s="279">
        <v>0</v>
      </c>
      <c r="G36" s="280">
        <v>125</v>
      </c>
      <c r="H36" s="280">
        <v>76</v>
      </c>
      <c r="I36" s="280">
        <v>30</v>
      </c>
      <c r="J36" s="280">
        <v>19</v>
      </c>
      <c r="K36" s="280">
        <v>5</v>
      </c>
      <c r="L36" s="277">
        <v>255</v>
      </c>
      <c r="M36" s="282">
        <v>255</v>
      </c>
      <c r="N36" s="280">
        <v>0</v>
      </c>
      <c r="O36" s="280">
        <v>0</v>
      </c>
      <c r="P36" s="277">
        <v>0</v>
      </c>
      <c r="Q36" s="279">
        <v>0</v>
      </c>
      <c r="R36" s="280">
        <v>0</v>
      </c>
      <c r="S36" s="280">
        <v>0</v>
      </c>
      <c r="T36" s="280">
        <v>0</v>
      </c>
      <c r="U36" s="280">
        <v>0</v>
      </c>
      <c r="V36" s="280">
        <v>6</v>
      </c>
      <c r="W36" s="277">
        <v>6</v>
      </c>
      <c r="X36" s="282">
        <v>6</v>
      </c>
    </row>
    <row r="37" spans="2:24" ht="21" customHeight="1" x14ac:dyDescent="0.2">
      <c r="B37" s="256" t="s">
        <v>35</v>
      </c>
      <c r="C37" s="280">
        <v>0</v>
      </c>
      <c r="D37" s="280">
        <v>0</v>
      </c>
      <c r="E37" s="277">
        <v>0</v>
      </c>
      <c r="F37" s="279">
        <v>0</v>
      </c>
      <c r="G37" s="280">
        <v>222</v>
      </c>
      <c r="H37" s="280">
        <v>259</v>
      </c>
      <c r="I37" s="280">
        <v>76</v>
      </c>
      <c r="J37" s="280">
        <v>188</v>
      </c>
      <c r="K37" s="280">
        <v>78</v>
      </c>
      <c r="L37" s="277">
        <v>823</v>
      </c>
      <c r="M37" s="282">
        <v>823</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77</v>
      </c>
      <c r="H38" s="280">
        <v>427</v>
      </c>
      <c r="I38" s="280">
        <v>354</v>
      </c>
      <c r="J38" s="280">
        <v>280</v>
      </c>
      <c r="K38" s="280">
        <v>183</v>
      </c>
      <c r="L38" s="277">
        <v>1721</v>
      </c>
      <c r="M38" s="282">
        <v>1721</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110</v>
      </c>
      <c r="H39" s="287">
        <v>78</v>
      </c>
      <c r="I39" s="287">
        <v>83</v>
      </c>
      <c r="J39" s="287">
        <v>0</v>
      </c>
      <c r="K39" s="287">
        <v>22</v>
      </c>
      <c r="L39" s="284">
        <v>293</v>
      </c>
      <c r="M39" s="289">
        <v>293</v>
      </c>
      <c r="N39" s="287">
        <v>0</v>
      </c>
      <c r="O39" s="287">
        <v>0</v>
      </c>
      <c r="P39" s="284">
        <v>0</v>
      </c>
      <c r="Q39" s="286">
        <v>0</v>
      </c>
      <c r="R39" s="287">
        <v>4</v>
      </c>
      <c r="S39" s="287">
        <v>0</v>
      </c>
      <c r="T39" s="287">
        <v>0</v>
      </c>
      <c r="U39" s="287">
        <v>20</v>
      </c>
      <c r="V39" s="287">
        <v>16</v>
      </c>
      <c r="W39" s="284">
        <v>40</v>
      </c>
      <c r="X39" s="289">
        <v>4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5">
        <f>第１表!F2</f>
        <v>5</v>
      </c>
      <c r="I1" s="525"/>
      <c r="J1" s="248">
        <f>第１表!G2</f>
        <v>7</v>
      </c>
      <c r="K1" s="529">
        <f>IF(J1&lt;3,J1+12-2,J1-2)</f>
        <v>5</v>
      </c>
      <c r="L1" s="529"/>
    </row>
    <row r="2" spans="2:24" ht="24" customHeight="1" thickBot="1" x14ac:dyDescent="0.25">
      <c r="B2" s="290" t="s">
        <v>134</v>
      </c>
    </row>
    <row r="3" spans="2:24" ht="21" customHeight="1" x14ac:dyDescent="0.2">
      <c r="B3" s="541"/>
      <c r="C3" s="537" t="s">
        <v>142</v>
      </c>
      <c r="D3" s="537"/>
      <c r="E3" s="537"/>
      <c r="F3" s="537"/>
      <c r="G3" s="537"/>
      <c r="H3" s="537"/>
      <c r="I3" s="537"/>
      <c r="J3" s="537"/>
      <c r="K3" s="537"/>
      <c r="L3" s="537"/>
      <c r="M3" s="567"/>
      <c r="N3" s="537" t="s">
        <v>113</v>
      </c>
      <c r="O3" s="537"/>
      <c r="P3" s="537"/>
      <c r="Q3" s="537"/>
      <c r="R3" s="537"/>
      <c r="S3" s="537"/>
      <c r="T3" s="537"/>
      <c r="U3" s="537"/>
      <c r="V3" s="537"/>
      <c r="W3" s="537"/>
      <c r="X3" s="567"/>
    </row>
    <row r="4" spans="2:24" ht="21" customHeight="1" x14ac:dyDescent="0.2">
      <c r="B4" s="565"/>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30" customHeight="1" thickBot="1" x14ac:dyDescent="0.25">
      <c r="B5" s="566"/>
      <c r="C5" s="259" t="s">
        <v>43</v>
      </c>
      <c r="D5" s="259" t="s">
        <v>44</v>
      </c>
      <c r="E5" s="265" t="s">
        <v>45</v>
      </c>
      <c r="F5" s="267" t="s">
        <v>83</v>
      </c>
      <c r="G5" s="259" t="s">
        <v>47</v>
      </c>
      <c r="H5" s="259" t="s">
        <v>48</v>
      </c>
      <c r="I5" s="259" t="s">
        <v>49</v>
      </c>
      <c r="J5" s="259" t="s">
        <v>50</v>
      </c>
      <c r="K5" s="259" t="s">
        <v>51</v>
      </c>
      <c r="L5" s="265" t="s">
        <v>45</v>
      </c>
      <c r="M5" s="540"/>
      <c r="N5" s="259" t="s">
        <v>43</v>
      </c>
      <c r="O5" s="259" t="s">
        <v>44</v>
      </c>
      <c r="P5" s="265" t="s">
        <v>45</v>
      </c>
      <c r="Q5" s="267" t="s">
        <v>83</v>
      </c>
      <c r="R5" s="259" t="s">
        <v>47</v>
      </c>
      <c r="S5" s="259" t="s">
        <v>48</v>
      </c>
      <c r="T5" s="259" t="s">
        <v>49</v>
      </c>
      <c r="U5" s="259" t="s">
        <v>50</v>
      </c>
      <c r="V5" s="259" t="s">
        <v>51</v>
      </c>
      <c r="W5" s="265" t="s">
        <v>45</v>
      </c>
      <c r="X5" s="540"/>
    </row>
    <row r="6" spans="2:24" ht="21" customHeight="1" x14ac:dyDescent="0.2">
      <c r="B6" s="258" t="s">
        <v>4</v>
      </c>
      <c r="C6" s="273">
        <v>0</v>
      </c>
      <c r="D6" s="273">
        <v>0</v>
      </c>
      <c r="E6" s="270">
        <v>0</v>
      </c>
      <c r="F6" s="272">
        <v>0</v>
      </c>
      <c r="G6" s="273">
        <v>7307</v>
      </c>
      <c r="H6" s="273">
        <v>6094</v>
      </c>
      <c r="I6" s="273">
        <v>3694</v>
      </c>
      <c r="J6" s="273">
        <v>1369</v>
      </c>
      <c r="K6" s="273">
        <v>655</v>
      </c>
      <c r="L6" s="270">
        <v>19119</v>
      </c>
      <c r="M6" s="275">
        <v>19119</v>
      </c>
      <c r="N6" s="273">
        <v>8</v>
      </c>
      <c r="O6" s="273">
        <v>0</v>
      </c>
      <c r="P6" s="270">
        <v>8</v>
      </c>
      <c r="Q6" s="272">
        <v>0</v>
      </c>
      <c r="R6" s="273">
        <v>677</v>
      </c>
      <c r="S6" s="273">
        <v>680</v>
      </c>
      <c r="T6" s="273">
        <v>828</v>
      </c>
      <c r="U6" s="273">
        <v>395</v>
      </c>
      <c r="V6" s="273">
        <v>265</v>
      </c>
      <c r="W6" s="270">
        <v>2845</v>
      </c>
      <c r="X6" s="275">
        <v>2853</v>
      </c>
    </row>
    <row r="7" spans="2:24" ht="21" customHeight="1" x14ac:dyDescent="0.2">
      <c r="B7" s="256" t="s">
        <v>5</v>
      </c>
      <c r="C7" s="280">
        <v>0</v>
      </c>
      <c r="D7" s="280">
        <v>0</v>
      </c>
      <c r="E7" s="277">
        <v>0</v>
      </c>
      <c r="F7" s="279">
        <v>0</v>
      </c>
      <c r="G7" s="280">
        <v>2932</v>
      </c>
      <c r="H7" s="280">
        <v>2997</v>
      </c>
      <c r="I7" s="280">
        <v>1714</v>
      </c>
      <c r="J7" s="280">
        <v>695</v>
      </c>
      <c r="K7" s="280">
        <v>347</v>
      </c>
      <c r="L7" s="277">
        <v>8685</v>
      </c>
      <c r="M7" s="282">
        <v>8685</v>
      </c>
      <c r="N7" s="280">
        <v>0</v>
      </c>
      <c r="O7" s="280">
        <v>0</v>
      </c>
      <c r="P7" s="277">
        <v>0</v>
      </c>
      <c r="Q7" s="279">
        <v>0</v>
      </c>
      <c r="R7" s="280">
        <v>353</v>
      </c>
      <c r="S7" s="280">
        <v>306</v>
      </c>
      <c r="T7" s="280">
        <v>578</v>
      </c>
      <c r="U7" s="280">
        <v>169</v>
      </c>
      <c r="V7" s="280">
        <v>144</v>
      </c>
      <c r="W7" s="277">
        <v>1550</v>
      </c>
      <c r="X7" s="282">
        <v>1550</v>
      </c>
    </row>
    <row r="8" spans="2:24" ht="21" customHeight="1" x14ac:dyDescent="0.2">
      <c r="B8" s="256" t="s">
        <v>6</v>
      </c>
      <c r="C8" s="280">
        <v>0</v>
      </c>
      <c r="D8" s="280">
        <v>0</v>
      </c>
      <c r="E8" s="277">
        <v>0</v>
      </c>
      <c r="F8" s="279">
        <v>0</v>
      </c>
      <c r="G8" s="280">
        <v>820</v>
      </c>
      <c r="H8" s="280">
        <v>493</v>
      </c>
      <c r="I8" s="280">
        <v>289</v>
      </c>
      <c r="J8" s="280">
        <v>225</v>
      </c>
      <c r="K8" s="280">
        <v>36</v>
      </c>
      <c r="L8" s="277">
        <v>1863</v>
      </c>
      <c r="M8" s="282">
        <v>1863</v>
      </c>
      <c r="N8" s="280">
        <v>0</v>
      </c>
      <c r="O8" s="280">
        <v>0</v>
      </c>
      <c r="P8" s="277">
        <v>0</v>
      </c>
      <c r="Q8" s="279">
        <v>0</v>
      </c>
      <c r="R8" s="280">
        <v>120</v>
      </c>
      <c r="S8" s="280">
        <v>129</v>
      </c>
      <c r="T8" s="280">
        <v>70</v>
      </c>
      <c r="U8" s="280">
        <v>83</v>
      </c>
      <c r="V8" s="280">
        <v>64</v>
      </c>
      <c r="W8" s="277">
        <v>466</v>
      </c>
      <c r="X8" s="282">
        <v>466</v>
      </c>
    </row>
    <row r="9" spans="2:24" ht="21" customHeight="1" x14ac:dyDescent="0.2">
      <c r="B9" s="256" t="s">
        <v>14</v>
      </c>
      <c r="C9" s="280">
        <v>0</v>
      </c>
      <c r="D9" s="280">
        <v>0</v>
      </c>
      <c r="E9" s="277">
        <v>0</v>
      </c>
      <c r="F9" s="279">
        <v>0</v>
      </c>
      <c r="G9" s="280">
        <v>556</v>
      </c>
      <c r="H9" s="280">
        <v>608</v>
      </c>
      <c r="I9" s="280">
        <v>433</v>
      </c>
      <c r="J9" s="280">
        <v>102</v>
      </c>
      <c r="K9" s="280">
        <v>69</v>
      </c>
      <c r="L9" s="277">
        <v>1768</v>
      </c>
      <c r="M9" s="282">
        <v>1768</v>
      </c>
      <c r="N9" s="280">
        <v>0</v>
      </c>
      <c r="O9" s="280">
        <v>0</v>
      </c>
      <c r="P9" s="277">
        <v>0</v>
      </c>
      <c r="Q9" s="279">
        <v>0</v>
      </c>
      <c r="R9" s="280">
        <v>16</v>
      </c>
      <c r="S9" s="280">
        <v>30</v>
      </c>
      <c r="T9" s="280">
        <v>18</v>
      </c>
      <c r="U9" s="280">
        <v>0</v>
      </c>
      <c r="V9" s="280">
        <v>0</v>
      </c>
      <c r="W9" s="277">
        <v>64</v>
      </c>
      <c r="X9" s="282">
        <v>64</v>
      </c>
    </row>
    <row r="10" spans="2:24" ht="21" customHeight="1" x14ac:dyDescent="0.2">
      <c r="B10" s="256" t="s">
        <v>7</v>
      </c>
      <c r="C10" s="280">
        <v>0</v>
      </c>
      <c r="D10" s="280">
        <v>0</v>
      </c>
      <c r="E10" s="277">
        <v>0</v>
      </c>
      <c r="F10" s="279">
        <v>0</v>
      </c>
      <c r="G10" s="280">
        <v>671</v>
      </c>
      <c r="H10" s="280">
        <v>378</v>
      </c>
      <c r="I10" s="280">
        <v>209</v>
      </c>
      <c r="J10" s="280">
        <v>35</v>
      </c>
      <c r="K10" s="280">
        <v>25</v>
      </c>
      <c r="L10" s="277">
        <v>1318</v>
      </c>
      <c r="M10" s="282">
        <v>1318</v>
      </c>
      <c r="N10" s="280">
        <v>0</v>
      </c>
      <c r="O10" s="280">
        <v>0</v>
      </c>
      <c r="P10" s="277">
        <v>0</v>
      </c>
      <c r="Q10" s="279">
        <v>0</v>
      </c>
      <c r="R10" s="280">
        <v>80</v>
      </c>
      <c r="S10" s="280">
        <v>105</v>
      </c>
      <c r="T10" s="280">
        <v>38</v>
      </c>
      <c r="U10" s="280">
        <v>63</v>
      </c>
      <c r="V10" s="280">
        <v>17</v>
      </c>
      <c r="W10" s="277">
        <v>303</v>
      </c>
      <c r="X10" s="282">
        <v>303</v>
      </c>
    </row>
    <row r="11" spans="2:24" ht="21" customHeight="1" x14ac:dyDescent="0.2">
      <c r="B11" s="256" t="s">
        <v>8</v>
      </c>
      <c r="C11" s="280">
        <v>0</v>
      </c>
      <c r="D11" s="280">
        <v>0</v>
      </c>
      <c r="E11" s="277">
        <v>0</v>
      </c>
      <c r="F11" s="279">
        <v>0</v>
      </c>
      <c r="G11" s="280">
        <v>294</v>
      </c>
      <c r="H11" s="280">
        <v>204</v>
      </c>
      <c r="I11" s="280">
        <v>141</v>
      </c>
      <c r="J11" s="280">
        <v>55</v>
      </c>
      <c r="K11" s="280">
        <v>39</v>
      </c>
      <c r="L11" s="277">
        <v>733</v>
      </c>
      <c r="M11" s="282">
        <v>733</v>
      </c>
      <c r="N11" s="280">
        <v>0</v>
      </c>
      <c r="O11" s="280">
        <v>0</v>
      </c>
      <c r="P11" s="277">
        <v>0</v>
      </c>
      <c r="Q11" s="279">
        <v>0</v>
      </c>
      <c r="R11" s="280">
        <v>9</v>
      </c>
      <c r="S11" s="280">
        <v>0</v>
      </c>
      <c r="T11" s="280">
        <v>0</v>
      </c>
      <c r="U11" s="280">
        <v>0</v>
      </c>
      <c r="V11" s="280">
        <v>6</v>
      </c>
      <c r="W11" s="277">
        <v>15</v>
      </c>
      <c r="X11" s="282">
        <v>15</v>
      </c>
    </row>
    <row r="12" spans="2:24" ht="21" customHeight="1" x14ac:dyDescent="0.2">
      <c r="B12" s="256" t="s">
        <v>9</v>
      </c>
      <c r="C12" s="280">
        <v>0</v>
      </c>
      <c r="D12" s="280">
        <v>0</v>
      </c>
      <c r="E12" s="277">
        <v>0</v>
      </c>
      <c r="F12" s="279">
        <v>0</v>
      </c>
      <c r="G12" s="280">
        <v>430</v>
      </c>
      <c r="H12" s="280">
        <v>191</v>
      </c>
      <c r="I12" s="280">
        <v>167</v>
      </c>
      <c r="J12" s="280">
        <v>45</v>
      </c>
      <c r="K12" s="280">
        <v>32</v>
      </c>
      <c r="L12" s="277">
        <v>865</v>
      </c>
      <c r="M12" s="282">
        <v>865</v>
      </c>
      <c r="N12" s="280">
        <v>0</v>
      </c>
      <c r="O12" s="280">
        <v>0</v>
      </c>
      <c r="P12" s="277">
        <v>0</v>
      </c>
      <c r="Q12" s="279">
        <v>0</v>
      </c>
      <c r="R12" s="280">
        <v>0</v>
      </c>
      <c r="S12" s="280">
        <v>0</v>
      </c>
      <c r="T12" s="280">
        <v>0</v>
      </c>
      <c r="U12" s="280">
        <v>0</v>
      </c>
      <c r="V12" s="280">
        <v>13</v>
      </c>
      <c r="W12" s="277">
        <v>13</v>
      </c>
      <c r="X12" s="282">
        <v>13</v>
      </c>
    </row>
    <row r="13" spans="2:24" ht="21" customHeight="1" x14ac:dyDescent="0.2">
      <c r="B13" s="256" t="s">
        <v>10</v>
      </c>
      <c r="C13" s="280">
        <v>0</v>
      </c>
      <c r="D13" s="280">
        <v>0</v>
      </c>
      <c r="E13" s="277">
        <v>0</v>
      </c>
      <c r="F13" s="279">
        <v>0</v>
      </c>
      <c r="G13" s="280">
        <v>320</v>
      </c>
      <c r="H13" s="280">
        <v>237</v>
      </c>
      <c r="I13" s="280">
        <v>88</v>
      </c>
      <c r="J13" s="280">
        <v>55</v>
      </c>
      <c r="K13" s="280">
        <v>0</v>
      </c>
      <c r="L13" s="277">
        <v>700</v>
      </c>
      <c r="M13" s="282">
        <v>700</v>
      </c>
      <c r="N13" s="280">
        <v>0</v>
      </c>
      <c r="O13" s="280">
        <v>0</v>
      </c>
      <c r="P13" s="277">
        <v>0</v>
      </c>
      <c r="Q13" s="279">
        <v>0</v>
      </c>
      <c r="R13" s="280">
        <v>28</v>
      </c>
      <c r="S13" s="280">
        <v>7</v>
      </c>
      <c r="T13" s="280">
        <v>14</v>
      </c>
      <c r="U13" s="280">
        <v>13</v>
      </c>
      <c r="V13" s="280">
        <v>15</v>
      </c>
      <c r="W13" s="277">
        <v>77</v>
      </c>
      <c r="X13" s="282">
        <v>77</v>
      </c>
    </row>
    <row r="14" spans="2:24" ht="21" customHeight="1" x14ac:dyDescent="0.2">
      <c r="B14" s="256" t="s">
        <v>11</v>
      </c>
      <c r="C14" s="280">
        <v>0</v>
      </c>
      <c r="D14" s="280">
        <v>0</v>
      </c>
      <c r="E14" s="277">
        <v>0</v>
      </c>
      <c r="F14" s="279">
        <v>0</v>
      </c>
      <c r="G14" s="280">
        <v>128</v>
      </c>
      <c r="H14" s="280">
        <v>62</v>
      </c>
      <c r="I14" s="280">
        <v>37</v>
      </c>
      <c r="J14" s="280">
        <v>21</v>
      </c>
      <c r="K14" s="280">
        <v>28</v>
      </c>
      <c r="L14" s="277">
        <v>276</v>
      </c>
      <c r="M14" s="282">
        <v>276</v>
      </c>
      <c r="N14" s="280">
        <v>3</v>
      </c>
      <c r="O14" s="280">
        <v>0</v>
      </c>
      <c r="P14" s="277">
        <v>3</v>
      </c>
      <c r="Q14" s="279">
        <v>0</v>
      </c>
      <c r="R14" s="280">
        <v>0</v>
      </c>
      <c r="S14" s="280">
        <v>31</v>
      </c>
      <c r="T14" s="280">
        <v>18</v>
      </c>
      <c r="U14" s="280">
        <v>1</v>
      </c>
      <c r="V14" s="280">
        <v>0</v>
      </c>
      <c r="W14" s="277">
        <v>50</v>
      </c>
      <c r="X14" s="282">
        <v>53</v>
      </c>
    </row>
    <row r="15" spans="2:24" ht="21" customHeight="1" x14ac:dyDescent="0.2">
      <c r="B15" s="256" t="s">
        <v>12</v>
      </c>
      <c r="C15" s="280">
        <v>0</v>
      </c>
      <c r="D15" s="280">
        <v>0</v>
      </c>
      <c r="E15" s="277">
        <v>0</v>
      </c>
      <c r="F15" s="279">
        <v>0</v>
      </c>
      <c r="G15" s="280">
        <v>220</v>
      </c>
      <c r="H15" s="280">
        <v>56</v>
      </c>
      <c r="I15" s="280">
        <v>125</v>
      </c>
      <c r="J15" s="280">
        <v>11</v>
      </c>
      <c r="K15" s="280">
        <v>9</v>
      </c>
      <c r="L15" s="277">
        <v>421</v>
      </c>
      <c r="M15" s="282">
        <v>421</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67</v>
      </c>
      <c r="H16" s="280">
        <v>71</v>
      </c>
      <c r="I16" s="280">
        <v>65</v>
      </c>
      <c r="J16" s="280">
        <v>6</v>
      </c>
      <c r="K16" s="280">
        <v>17</v>
      </c>
      <c r="L16" s="277">
        <v>226</v>
      </c>
      <c r="M16" s="282">
        <v>226</v>
      </c>
      <c r="N16" s="280">
        <v>0</v>
      </c>
      <c r="O16" s="280">
        <v>0</v>
      </c>
      <c r="P16" s="277">
        <v>0</v>
      </c>
      <c r="Q16" s="279">
        <v>0</v>
      </c>
      <c r="R16" s="280">
        <v>0</v>
      </c>
      <c r="S16" s="280">
        <v>11</v>
      </c>
      <c r="T16" s="280">
        <v>1</v>
      </c>
      <c r="U16" s="280">
        <v>4</v>
      </c>
      <c r="V16" s="280">
        <v>4</v>
      </c>
      <c r="W16" s="277">
        <v>20</v>
      </c>
      <c r="X16" s="282">
        <v>20</v>
      </c>
    </row>
    <row r="17" spans="2:24" ht="21" customHeight="1" x14ac:dyDescent="0.2">
      <c r="B17" s="256" t="s">
        <v>15</v>
      </c>
      <c r="C17" s="280">
        <v>0</v>
      </c>
      <c r="D17" s="280">
        <v>0</v>
      </c>
      <c r="E17" s="277">
        <v>0</v>
      </c>
      <c r="F17" s="279">
        <v>0</v>
      </c>
      <c r="G17" s="280">
        <v>65</v>
      </c>
      <c r="H17" s="280">
        <v>58</v>
      </c>
      <c r="I17" s="280">
        <v>42</v>
      </c>
      <c r="J17" s="280">
        <v>13</v>
      </c>
      <c r="K17" s="280">
        <v>13</v>
      </c>
      <c r="L17" s="277">
        <v>191</v>
      </c>
      <c r="M17" s="282">
        <v>191</v>
      </c>
      <c r="N17" s="280">
        <v>0</v>
      </c>
      <c r="O17" s="280">
        <v>0</v>
      </c>
      <c r="P17" s="277">
        <v>0</v>
      </c>
      <c r="Q17" s="279">
        <v>0</v>
      </c>
      <c r="R17" s="280">
        <v>0</v>
      </c>
      <c r="S17" s="280">
        <v>0</v>
      </c>
      <c r="T17" s="280">
        <v>0</v>
      </c>
      <c r="U17" s="280">
        <v>9</v>
      </c>
      <c r="V17" s="280">
        <v>0</v>
      </c>
      <c r="W17" s="277">
        <v>9</v>
      </c>
      <c r="X17" s="282">
        <v>9</v>
      </c>
    </row>
    <row r="18" spans="2:24" ht="21" customHeight="1" x14ac:dyDescent="0.2">
      <c r="B18" s="256" t="s">
        <v>16</v>
      </c>
      <c r="C18" s="280">
        <v>0</v>
      </c>
      <c r="D18" s="280">
        <v>0</v>
      </c>
      <c r="E18" s="277">
        <v>0</v>
      </c>
      <c r="F18" s="279">
        <v>0</v>
      </c>
      <c r="G18" s="280">
        <v>87</v>
      </c>
      <c r="H18" s="280">
        <v>88</v>
      </c>
      <c r="I18" s="280">
        <v>60</v>
      </c>
      <c r="J18" s="280">
        <v>10</v>
      </c>
      <c r="K18" s="280">
        <v>0</v>
      </c>
      <c r="L18" s="277">
        <v>245</v>
      </c>
      <c r="M18" s="282">
        <v>245</v>
      </c>
      <c r="N18" s="280">
        <v>0</v>
      </c>
      <c r="O18" s="280">
        <v>0</v>
      </c>
      <c r="P18" s="277">
        <v>0</v>
      </c>
      <c r="Q18" s="279">
        <v>0</v>
      </c>
      <c r="R18" s="280">
        <v>0</v>
      </c>
      <c r="S18" s="280">
        <v>0</v>
      </c>
      <c r="T18" s="280">
        <v>9</v>
      </c>
      <c r="U18" s="280">
        <v>0</v>
      </c>
      <c r="V18" s="280">
        <v>0</v>
      </c>
      <c r="W18" s="277">
        <v>9</v>
      </c>
      <c r="X18" s="282">
        <v>9</v>
      </c>
    </row>
    <row r="19" spans="2:24" ht="21" customHeight="1" x14ac:dyDescent="0.2">
      <c r="B19" s="256" t="s">
        <v>17</v>
      </c>
      <c r="C19" s="280">
        <v>0</v>
      </c>
      <c r="D19" s="280">
        <v>0</v>
      </c>
      <c r="E19" s="277">
        <v>0</v>
      </c>
      <c r="F19" s="279">
        <v>0</v>
      </c>
      <c r="G19" s="280">
        <v>137</v>
      </c>
      <c r="H19" s="280">
        <v>128</v>
      </c>
      <c r="I19" s="280">
        <v>107</v>
      </c>
      <c r="J19" s="280">
        <v>18</v>
      </c>
      <c r="K19" s="280">
        <v>69</v>
      </c>
      <c r="L19" s="277">
        <v>459</v>
      </c>
      <c r="M19" s="282">
        <v>459</v>
      </c>
      <c r="N19" s="280">
        <v>0</v>
      </c>
      <c r="O19" s="280">
        <v>0</v>
      </c>
      <c r="P19" s="277">
        <v>0</v>
      </c>
      <c r="Q19" s="279">
        <v>0</v>
      </c>
      <c r="R19" s="280">
        <v>27</v>
      </c>
      <c r="S19" s="280">
        <v>7</v>
      </c>
      <c r="T19" s="280">
        <v>9</v>
      </c>
      <c r="U19" s="280">
        <v>0</v>
      </c>
      <c r="V19" s="280">
        <v>0</v>
      </c>
      <c r="W19" s="277">
        <v>43</v>
      </c>
      <c r="X19" s="282">
        <v>43</v>
      </c>
    </row>
    <row r="20" spans="2:24" ht="21" customHeight="1" x14ac:dyDescent="0.2">
      <c r="B20" s="256" t="s">
        <v>18</v>
      </c>
      <c r="C20" s="280">
        <v>0</v>
      </c>
      <c r="D20" s="280">
        <v>0</v>
      </c>
      <c r="E20" s="277">
        <v>0</v>
      </c>
      <c r="F20" s="279">
        <v>0</v>
      </c>
      <c r="G20" s="280">
        <v>180</v>
      </c>
      <c r="H20" s="280">
        <v>139</v>
      </c>
      <c r="I20" s="280">
        <v>56</v>
      </c>
      <c r="J20" s="280">
        <v>8</v>
      </c>
      <c r="K20" s="280">
        <v>0</v>
      </c>
      <c r="L20" s="277">
        <v>383</v>
      </c>
      <c r="M20" s="282">
        <v>383</v>
      </c>
      <c r="N20" s="280">
        <v>0</v>
      </c>
      <c r="O20" s="280">
        <v>0</v>
      </c>
      <c r="P20" s="277">
        <v>0</v>
      </c>
      <c r="Q20" s="279">
        <v>0</v>
      </c>
      <c r="R20" s="280">
        <v>19</v>
      </c>
      <c r="S20" s="280">
        <v>0</v>
      </c>
      <c r="T20" s="280">
        <v>49</v>
      </c>
      <c r="U20" s="280">
        <v>0</v>
      </c>
      <c r="V20" s="280">
        <v>2</v>
      </c>
      <c r="W20" s="277">
        <v>70</v>
      </c>
      <c r="X20" s="282">
        <v>70</v>
      </c>
    </row>
    <row r="21" spans="2:24" ht="21" customHeight="1" x14ac:dyDescent="0.2">
      <c r="B21" s="256" t="s">
        <v>19</v>
      </c>
      <c r="C21" s="280">
        <v>0</v>
      </c>
      <c r="D21" s="280">
        <v>0</v>
      </c>
      <c r="E21" s="277">
        <v>0</v>
      </c>
      <c r="F21" s="279">
        <v>0</v>
      </c>
      <c r="G21" s="280">
        <v>10</v>
      </c>
      <c r="H21" s="280">
        <v>58</v>
      </c>
      <c r="I21" s="280">
        <v>0</v>
      </c>
      <c r="J21" s="280">
        <v>0</v>
      </c>
      <c r="K21" s="280">
        <v>0</v>
      </c>
      <c r="L21" s="277">
        <v>68</v>
      </c>
      <c r="M21" s="282">
        <v>68</v>
      </c>
      <c r="N21" s="280">
        <v>0</v>
      </c>
      <c r="O21" s="280">
        <v>0</v>
      </c>
      <c r="P21" s="277">
        <v>0</v>
      </c>
      <c r="Q21" s="279">
        <v>0</v>
      </c>
      <c r="R21" s="280">
        <v>7</v>
      </c>
      <c r="S21" s="280">
        <v>44</v>
      </c>
      <c r="T21" s="280">
        <v>4</v>
      </c>
      <c r="U21" s="280">
        <v>0</v>
      </c>
      <c r="V21" s="280">
        <v>0</v>
      </c>
      <c r="W21" s="277">
        <v>55</v>
      </c>
      <c r="X21" s="282">
        <v>55</v>
      </c>
    </row>
    <row r="22" spans="2:24" ht="21" customHeight="1" x14ac:dyDescent="0.2">
      <c r="B22" s="256" t="s">
        <v>20</v>
      </c>
      <c r="C22" s="280">
        <v>0</v>
      </c>
      <c r="D22" s="280">
        <v>0</v>
      </c>
      <c r="E22" s="277">
        <v>0</v>
      </c>
      <c r="F22" s="279">
        <v>0</v>
      </c>
      <c r="G22" s="280">
        <v>81</v>
      </c>
      <c r="H22" s="280">
        <v>34</v>
      </c>
      <c r="I22" s="280">
        <v>70</v>
      </c>
      <c r="J22" s="280">
        <v>28</v>
      </c>
      <c r="K22" s="280">
        <v>1</v>
      </c>
      <c r="L22" s="277">
        <v>214</v>
      </c>
      <c r="M22" s="282">
        <v>214</v>
      </c>
      <c r="N22" s="280">
        <v>0</v>
      </c>
      <c r="O22" s="280">
        <v>0</v>
      </c>
      <c r="P22" s="277">
        <v>0</v>
      </c>
      <c r="Q22" s="279">
        <v>0</v>
      </c>
      <c r="R22" s="280">
        <v>0</v>
      </c>
      <c r="S22" s="280">
        <v>0</v>
      </c>
      <c r="T22" s="280">
        <v>0</v>
      </c>
      <c r="U22" s="280">
        <v>0</v>
      </c>
      <c r="V22" s="280">
        <v>0</v>
      </c>
      <c r="W22" s="277">
        <v>0</v>
      </c>
      <c r="X22" s="282">
        <v>0</v>
      </c>
    </row>
    <row r="23" spans="2:24" ht="21" customHeight="1" x14ac:dyDescent="0.2">
      <c r="B23" s="256" t="s">
        <v>21</v>
      </c>
      <c r="C23" s="280">
        <v>0</v>
      </c>
      <c r="D23" s="280">
        <v>0</v>
      </c>
      <c r="E23" s="277">
        <v>0</v>
      </c>
      <c r="F23" s="279">
        <v>0</v>
      </c>
      <c r="G23" s="280">
        <v>52</v>
      </c>
      <c r="H23" s="280">
        <v>94</v>
      </c>
      <c r="I23" s="280">
        <v>17</v>
      </c>
      <c r="J23" s="280">
        <v>9</v>
      </c>
      <c r="K23" s="280">
        <v>0</v>
      </c>
      <c r="L23" s="277">
        <v>172</v>
      </c>
      <c r="M23" s="282">
        <v>172</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29</v>
      </c>
      <c r="H24" s="280">
        <v>23</v>
      </c>
      <c r="I24" s="280">
        <v>3</v>
      </c>
      <c r="J24" s="280">
        <v>11</v>
      </c>
      <c r="K24" s="280">
        <v>0</v>
      </c>
      <c r="L24" s="277">
        <v>66</v>
      </c>
      <c r="M24" s="282">
        <v>66</v>
      </c>
      <c r="N24" s="280">
        <v>0</v>
      </c>
      <c r="O24" s="280">
        <v>0</v>
      </c>
      <c r="P24" s="277">
        <v>0</v>
      </c>
      <c r="Q24" s="279">
        <v>0</v>
      </c>
      <c r="R24" s="280">
        <v>0</v>
      </c>
      <c r="S24" s="280">
        <v>0</v>
      </c>
      <c r="T24" s="280">
        <v>0</v>
      </c>
      <c r="U24" s="280">
        <v>13</v>
      </c>
      <c r="V24" s="280">
        <v>0</v>
      </c>
      <c r="W24" s="277">
        <v>13</v>
      </c>
      <c r="X24" s="282">
        <v>13</v>
      </c>
    </row>
    <row r="25" spans="2:24" ht="21" customHeight="1" x14ac:dyDescent="0.2">
      <c r="B25" s="256" t="s">
        <v>23</v>
      </c>
      <c r="C25" s="280">
        <v>0</v>
      </c>
      <c r="D25" s="280">
        <v>0</v>
      </c>
      <c r="E25" s="277">
        <v>0</v>
      </c>
      <c r="F25" s="279">
        <v>0</v>
      </c>
      <c r="G25" s="280">
        <v>34</v>
      </c>
      <c r="H25" s="280">
        <v>7</v>
      </c>
      <c r="I25" s="280">
        <v>0</v>
      </c>
      <c r="J25" s="280">
        <v>9</v>
      </c>
      <c r="K25" s="280">
        <v>0</v>
      </c>
      <c r="L25" s="277">
        <v>50</v>
      </c>
      <c r="M25" s="282">
        <v>50</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9</v>
      </c>
      <c r="H26" s="280">
        <v>13</v>
      </c>
      <c r="I26" s="280">
        <v>36</v>
      </c>
      <c r="J26" s="280">
        <v>0</v>
      </c>
      <c r="K26" s="280">
        <v>0</v>
      </c>
      <c r="L26" s="277">
        <v>58</v>
      </c>
      <c r="M26" s="282">
        <v>58</v>
      </c>
      <c r="N26" s="280">
        <v>0</v>
      </c>
      <c r="O26" s="280">
        <v>0</v>
      </c>
      <c r="P26" s="277">
        <v>0</v>
      </c>
      <c r="Q26" s="279">
        <v>0</v>
      </c>
      <c r="R26" s="280">
        <v>6</v>
      </c>
      <c r="S26" s="280">
        <v>0</v>
      </c>
      <c r="T26" s="280">
        <v>15</v>
      </c>
      <c r="U26" s="280">
        <v>0</v>
      </c>
      <c r="V26" s="280">
        <v>0</v>
      </c>
      <c r="W26" s="277">
        <v>21</v>
      </c>
      <c r="X26" s="282">
        <v>21</v>
      </c>
    </row>
    <row r="27" spans="2:24" ht="21" customHeight="1" x14ac:dyDescent="0.2">
      <c r="B27" s="256" t="s">
        <v>25</v>
      </c>
      <c r="C27" s="280">
        <v>0</v>
      </c>
      <c r="D27" s="280">
        <v>0</v>
      </c>
      <c r="E27" s="277">
        <v>0</v>
      </c>
      <c r="F27" s="279">
        <v>0</v>
      </c>
      <c r="G27" s="280">
        <v>44</v>
      </c>
      <c r="H27" s="280">
        <v>6</v>
      </c>
      <c r="I27" s="280">
        <v>0</v>
      </c>
      <c r="J27" s="280">
        <v>0</v>
      </c>
      <c r="K27" s="280">
        <v>0</v>
      </c>
      <c r="L27" s="277">
        <v>50</v>
      </c>
      <c r="M27" s="282">
        <v>50</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24</v>
      </c>
      <c r="H28" s="280">
        <v>78</v>
      </c>
      <c r="I28" s="280">
        <v>9</v>
      </c>
      <c r="J28" s="280">
        <v>0</v>
      </c>
      <c r="K28" s="280">
        <v>-33</v>
      </c>
      <c r="L28" s="277">
        <v>78</v>
      </c>
      <c r="M28" s="282">
        <v>78</v>
      </c>
      <c r="N28" s="280">
        <v>0</v>
      </c>
      <c r="O28" s="280">
        <v>0</v>
      </c>
      <c r="P28" s="277">
        <v>0</v>
      </c>
      <c r="Q28" s="279">
        <v>0</v>
      </c>
      <c r="R28" s="280">
        <v>0</v>
      </c>
      <c r="S28" s="280">
        <v>10</v>
      </c>
      <c r="T28" s="280">
        <v>0</v>
      </c>
      <c r="U28" s="280">
        <v>0</v>
      </c>
      <c r="V28" s="280">
        <v>0</v>
      </c>
      <c r="W28" s="277">
        <v>10</v>
      </c>
      <c r="X28" s="282">
        <v>10</v>
      </c>
    </row>
    <row r="29" spans="2:24" ht="21" customHeight="1" x14ac:dyDescent="0.2">
      <c r="B29" s="256" t="s">
        <v>27</v>
      </c>
      <c r="C29" s="280">
        <v>0</v>
      </c>
      <c r="D29" s="280">
        <v>0</v>
      </c>
      <c r="E29" s="277">
        <v>0</v>
      </c>
      <c r="F29" s="279">
        <v>0</v>
      </c>
      <c r="G29" s="280">
        <v>0</v>
      </c>
      <c r="H29" s="280">
        <v>5</v>
      </c>
      <c r="I29" s="280">
        <v>0</v>
      </c>
      <c r="J29" s="280">
        <v>0</v>
      </c>
      <c r="K29" s="280">
        <v>0</v>
      </c>
      <c r="L29" s="277">
        <v>5</v>
      </c>
      <c r="M29" s="282">
        <v>5</v>
      </c>
      <c r="N29" s="280">
        <v>0</v>
      </c>
      <c r="O29" s="280">
        <v>0</v>
      </c>
      <c r="P29" s="277">
        <v>0</v>
      </c>
      <c r="Q29" s="279">
        <v>0</v>
      </c>
      <c r="R29" s="280">
        <v>12</v>
      </c>
      <c r="S29" s="280">
        <v>0</v>
      </c>
      <c r="T29" s="280">
        <v>5</v>
      </c>
      <c r="U29" s="280">
        <v>23</v>
      </c>
      <c r="V29" s="280">
        <v>0</v>
      </c>
      <c r="W29" s="277">
        <v>40</v>
      </c>
      <c r="X29" s="282">
        <v>40</v>
      </c>
    </row>
    <row r="30" spans="2:24" ht="21" customHeight="1" x14ac:dyDescent="0.2">
      <c r="B30" s="256" t="s">
        <v>28</v>
      </c>
      <c r="C30" s="280">
        <v>0</v>
      </c>
      <c r="D30" s="280">
        <v>0</v>
      </c>
      <c r="E30" s="277">
        <v>0</v>
      </c>
      <c r="F30" s="279">
        <v>0</v>
      </c>
      <c r="G30" s="280">
        <v>30</v>
      </c>
      <c r="H30" s="280">
        <v>10</v>
      </c>
      <c r="I30" s="280">
        <v>0</v>
      </c>
      <c r="J30" s="280">
        <v>0</v>
      </c>
      <c r="K30" s="280">
        <v>0</v>
      </c>
      <c r="L30" s="277">
        <v>40</v>
      </c>
      <c r="M30" s="282">
        <v>40</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24</v>
      </c>
      <c r="H31" s="280">
        <v>9</v>
      </c>
      <c r="I31" s="280">
        <v>0</v>
      </c>
      <c r="J31" s="280">
        <v>0</v>
      </c>
      <c r="K31" s="280">
        <v>0</v>
      </c>
      <c r="L31" s="277">
        <v>33</v>
      </c>
      <c r="M31" s="282">
        <v>33</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10</v>
      </c>
      <c r="H32" s="280">
        <v>0</v>
      </c>
      <c r="I32" s="280">
        <v>14</v>
      </c>
      <c r="J32" s="280">
        <v>0</v>
      </c>
      <c r="K32" s="280">
        <v>0</v>
      </c>
      <c r="L32" s="277">
        <v>24</v>
      </c>
      <c r="M32" s="282">
        <v>24</v>
      </c>
      <c r="N32" s="280">
        <v>5</v>
      </c>
      <c r="O32" s="280">
        <v>0</v>
      </c>
      <c r="P32" s="277">
        <v>5</v>
      </c>
      <c r="Q32" s="279">
        <v>0</v>
      </c>
      <c r="R32" s="280">
        <v>0</v>
      </c>
      <c r="S32" s="280">
        <v>0</v>
      </c>
      <c r="T32" s="280">
        <v>0</v>
      </c>
      <c r="U32" s="280">
        <v>0</v>
      </c>
      <c r="V32" s="280">
        <v>0</v>
      </c>
      <c r="W32" s="277">
        <v>0</v>
      </c>
      <c r="X32" s="282">
        <v>5</v>
      </c>
    </row>
    <row r="33" spans="2:24" ht="21" customHeight="1" x14ac:dyDescent="0.2">
      <c r="B33" s="256" t="s">
        <v>31</v>
      </c>
      <c r="C33" s="280">
        <v>0</v>
      </c>
      <c r="D33" s="280">
        <v>0</v>
      </c>
      <c r="E33" s="277">
        <v>0</v>
      </c>
      <c r="F33" s="279">
        <v>0</v>
      </c>
      <c r="G33" s="280">
        <v>0</v>
      </c>
      <c r="H33" s="280">
        <v>9</v>
      </c>
      <c r="I33" s="280">
        <v>0</v>
      </c>
      <c r="J33" s="280">
        <v>0</v>
      </c>
      <c r="K33" s="280">
        <v>0</v>
      </c>
      <c r="L33" s="277">
        <v>9</v>
      </c>
      <c r="M33" s="282">
        <v>9</v>
      </c>
      <c r="N33" s="280">
        <v>0</v>
      </c>
      <c r="O33" s="280">
        <v>0</v>
      </c>
      <c r="P33" s="277">
        <v>0</v>
      </c>
      <c r="Q33" s="279">
        <v>0</v>
      </c>
      <c r="R33" s="280">
        <v>0</v>
      </c>
      <c r="S33" s="280">
        <v>0</v>
      </c>
      <c r="T33" s="280">
        <v>0</v>
      </c>
      <c r="U33" s="280">
        <v>17</v>
      </c>
      <c r="V33" s="280">
        <v>0</v>
      </c>
      <c r="W33" s="277">
        <v>17</v>
      </c>
      <c r="X33" s="282">
        <v>17</v>
      </c>
    </row>
    <row r="34" spans="2:24" ht="21" customHeight="1" x14ac:dyDescent="0.2">
      <c r="B34" s="256" t="s">
        <v>32</v>
      </c>
      <c r="C34" s="280">
        <v>0</v>
      </c>
      <c r="D34" s="280">
        <v>0</v>
      </c>
      <c r="E34" s="277">
        <v>0</v>
      </c>
      <c r="F34" s="279">
        <v>0</v>
      </c>
      <c r="G34" s="280">
        <v>15</v>
      </c>
      <c r="H34" s="280">
        <v>19</v>
      </c>
      <c r="I34" s="280">
        <v>3</v>
      </c>
      <c r="J34" s="280">
        <v>0</v>
      </c>
      <c r="K34" s="280">
        <v>3</v>
      </c>
      <c r="L34" s="277">
        <v>40</v>
      </c>
      <c r="M34" s="282">
        <v>40</v>
      </c>
      <c r="N34" s="280">
        <v>0</v>
      </c>
      <c r="O34" s="280">
        <v>0</v>
      </c>
      <c r="P34" s="277">
        <v>0</v>
      </c>
      <c r="Q34" s="279">
        <v>0</v>
      </c>
      <c r="R34" s="280">
        <v>0</v>
      </c>
      <c r="S34" s="280">
        <v>0</v>
      </c>
      <c r="T34" s="280">
        <v>0</v>
      </c>
      <c r="U34" s="280">
        <v>0</v>
      </c>
      <c r="V34" s="280">
        <v>0</v>
      </c>
      <c r="W34" s="277">
        <v>0</v>
      </c>
      <c r="X34" s="282">
        <v>0</v>
      </c>
    </row>
    <row r="35" spans="2:24" ht="21" customHeight="1" x14ac:dyDescent="0.2">
      <c r="B35" s="256" t="s">
        <v>33</v>
      </c>
      <c r="C35" s="280">
        <v>0</v>
      </c>
      <c r="D35" s="280">
        <v>0</v>
      </c>
      <c r="E35" s="277">
        <v>0</v>
      </c>
      <c r="F35" s="279">
        <v>0</v>
      </c>
      <c r="G35" s="280">
        <v>8</v>
      </c>
      <c r="H35" s="280">
        <v>0</v>
      </c>
      <c r="I35" s="280">
        <v>0</v>
      </c>
      <c r="J35" s="280">
        <v>0</v>
      </c>
      <c r="K35" s="280">
        <v>0</v>
      </c>
      <c r="L35" s="277">
        <v>8</v>
      </c>
      <c r="M35" s="282">
        <v>8</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14</v>
      </c>
      <c r="H36" s="280">
        <v>14</v>
      </c>
      <c r="I36" s="280">
        <v>0</v>
      </c>
      <c r="J36" s="280">
        <v>0</v>
      </c>
      <c r="K36" s="280">
        <v>0</v>
      </c>
      <c r="L36" s="277">
        <v>28</v>
      </c>
      <c r="M36" s="282">
        <v>28</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16</v>
      </c>
      <c r="H38" s="280">
        <v>5</v>
      </c>
      <c r="I38" s="280">
        <v>9</v>
      </c>
      <c r="J38" s="280">
        <v>13</v>
      </c>
      <c r="K38" s="280">
        <v>0</v>
      </c>
      <c r="L38" s="277">
        <v>43</v>
      </c>
      <c r="M38" s="282">
        <v>43</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0</v>
      </c>
      <c r="L39" s="284">
        <v>0</v>
      </c>
      <c r="M39" s="289">
        <v>0</v>
      </c>
      <c r="N39" s="287">
        <v>0</v>
      </c>
      <c r="O39" s="287">
        <v>0</v>
      </c>
      <c r="P39" s="284">
        <v>0</v>
      </c>
      <c r="Q39" s="286">
        <v>0</v>
      </c>
      <c r="R39" s="287">
        <v>0</v>
      </c>
      <c r="S39" s="287">
        <v>0</v>
      </c>
      <c r="T39" s="287">
        <v>0</v>
      </c>
      <c r="U39" s="287">
        <v>0</v>
      </c>
      <c r="V39" s="287">
        <v>0</v>
      </c>
      <c r="W39" s="284">
        <v>0</v>
      </c>
      <c r="X39" s="289">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5">
        <f>第１表!F2</f>
        <v>5</v>
      </c>
      <c r="I1" s="525"/>
      <c r="J1" s="248">
        <f>第１表!G2</f>
        <v>7</v>
      </c>
      <c r="K1" s="529">
        <f>IF(J1&lt;3,J1+12-2,J1-2)</f>
        <v>5</v>
      </c>
      <c r="L1" s="529"/>
    </row>
    <row r="2" spans="2:24" ht="24" customHeight="1" thickBot="1" x14ac:dyDescent="0.25">
      <c r="B2" s="290" t="s">
        <v>154</v>
      </c>
    </row>
    <row r="3" spans="2:24" ht="21" customHeight="1" x14ac:dyDescent="0.2">
      <c r="B3" s="541"/>
      <c r="C3" s="537" t="s">
        <v>141</v>
      </c>
      <c r="D3" s="537"/>
      <c r="E3" s="537"/>
      <c r="F3" s="537"/>
      <c r="G3" s="537"/>
      <c r="H3" s="537"/>
      <c r="I3" s="537"/>
      <c r="J3" s="537"/>
      <c r="K3" s="537"/>
      <c r="L3" s="537"/>
      <c r="M3" s="567"/>
      <c r="N3" s="537" t="s">
        <v>113</v>
      </c>
      <c r="O3" s="537"/>
      <c r="P3" s="537"/>
      <c r="Q3" s="537"/>
      <c r="R3" s="537"/>
      <c r="S3" s="537"/>
      <c r="T3" s="537"/>
      <c r="U3" s="537"/>
      <c r="V3" s="537"/>
      <c r="W3" s="537"/>
      <c r="X3" s="567"/>
    </row>
    <row r="4" spans="2:24" ht="21" customHeight="1" x14ac:dyDescent="0.2">
      <c r="B4" s="565"/>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30" customHeight="1" thickBot="1" x14ac:dyDescent="0.25">
      <c r="B5" s="566"/>
      <c r="C5" s="259" t="s">
        <v>43</v>
      </c>
      <c r="D5" s="259" t="s">
        <v>44</v>
      </c>
      <c r="E5" s="265" t="s">
        <v>45</v>
      </c>
      <c r="F5" s="267" t="s">
        <v>83</v>
      </c>
      <c r="G5" s="259" t="s">
        <v>47</v>
      </c>
      <c r="H5" s="259" t="s">
        <v>48</v>
      </c>
      <c r="I5" s="259" t="s">
        <v>49</v>
      </c>
      <c r="J5" s="259" t="s">
        <v>50</v>
      </c>
      <c r="K5" s="259" t="s">
        <v>51</v>
      </c>
      <c r="L5" s="265" t="s">
        <v>45</v>
      </c>
      <c r="M5" s="540"/>
      <c r="N5" s="259" t="s">
        <v>43</v>
      </c>
      <c r="O5" s="259" t="s">
        <v>44</v>
      </c>
      <c r="P5" s="265" t="s">
        <v>45</v>
      </c>
      <c r="Q5" s="267" t="s">
        <v>83</v>
      </c>
      <c r="R5" s="259" t="s">
        <v>47</v>
      </c>
      <c r="S5" s="259" t="s">
        <v>48</v>
      </c>
      <c r="T5" s="259" t="s">
        <v>49</v>
      </c>
      <c r="U5" s="259" t="s">
        <v>50</v>
      </c>
      <c r="V5" s="259" t="s">
        <v>51</v>
      </c>
      <c r="W5" s="265" t="s">
        <v>45</v>
      </c>
      <c r="X5" s="540"/>
    </row>
    <row r="6" spans="2:24" ht="21" customHeight="1" x14ac:dyDescent="0.2">
      <c r="B6" s="258" t="s">
        <v>4</v>
      </c>
      <c r="C6" s="273">
        <v>0</v>
      </c>
      <c r="D6" s="273">
        <v>0</v>
      </c>
      <c r="E6" s="270">
        <v>0</v>
      </c>
      <c r="F6" s="272">
        <v>0</v>
      </c>
      <c r="G6" s="273">
        <v>5808</v>
      </c>
      <c r="H6" s="273">
        <v>5272</v>
      </c>
      <c r="I6" s="273">
        <v>2863</v>
      </c>
      <c r="J6" s="273">
        <v>1654</v>
      </c>
      <c r="K6" s="273">
        <v>628</v>
      </c>
      <c r="L6" s="270">
        <v>16225</v>
      </c>
      <c r="M6" s="275">
        <v>16225</v>
      </c>
      <c r="N6" s="273">
        <v>1</v>
      </c>
      <c r="O6" s="273">
        <v>0</v>
      </c>
      <c r="P6" s="270">
        <v>1</v>
      </c>
      <c r="Q6" s="272">
        <v>0</v>
      </c>
      <c r="R6" s="273">
        <v>456</v>
      </c>
      <c r="S6" s="273">
        <v>625</v>
      </c>
      <c r="T6" s="273">
        <v>785</v>
      </c>
      <c r="U6" s="273">
        <v>345</v>
      </c>
      <c r="V6" s="273">
        <v>222</v>
      </c>
      <c r="W6" s="270">
        <v>2433</v>
      </c>
      <c r="X6" s="275">
        <v>2434</v>
      </c>
    </row>
    <row r="7" spans="2:24" ht="21" customHeight="1" x14ac:dyDescent="0.2">
      <c r="B7" s="256" t="s">
        <v>5</v>
      </c>
      <c r="C7" s="280">
        <v>0</v>
      </c>
      <c r="D7" s="280">
        <v>0</v>
      </c>
      <c r="E7" s="277">
        <v>0</v>
      </c>
      <c r="F7" s="279">
        <v>0</v>
      </c>
      <c r="G7" s="280">
        <v>2185</v>
      </c>
      <c r="H7" s="280">
        <v>2669</v>
      </c>
      <c r="I7" s="280">
        <v>1421</v>
      </c>
      <c r="J7" s="280">
        <v>854</v>
      </c>
      <c r="K7" s="280">
        <v>368</v>
      </c>
      <c r="L7" s="277">
        <v>7497</v>
      </c>
      <c r="M7" s="282">
        <v>7497</v>
      </c>
      <c r="N7" s="280">
        <v>1</v>
      </c>
      <c r="O7" s="280">
        <v>0</v>
      </c>
      <c r="P7" s="277">
        <v>1</v>
      </c>
      <c r="Q7" s="279">
        <v>0</v>
      </c>
      <c r="R7" s="280">
        <v>264</v>
      </c>
      <c r="S7" s="280">
        <v>288</v>
      </c>
      <c r="T7" s="280">
        <v>383</v>
      </c>
      <c r="U7" s="280">
        <v>258</v>
      </c>
      <c r="V7" s="280">
        <v>150</v>
      </c>
      <c r="W7" s="277">
        <v>1343</v>
      </c>
      <c r="X7" s="282">
        <v>1344</v>
      </c>
    </row>
    <row r="8" spans="2:24" ht="21" customHeight="1" x14ac:dyDescent="0.2">
      <c r="B8" s="256" t="s">
        <v>6</v>
      </c>
      <c r="C8" s="280">
        <v>0</v>
      </c>
      <c r="D8" s="280">
        <v>0</v>
      </c>
      <c r="E8" s="277">
        <v>0</v>
      </c>
      <c r="F8" s="279">
        <v>0</v>
      </c>
      <c r="G8" s="280">
        <v>993</v>
      </c>
      <c r="H8" s="280">
        <v>575</v>
      </c>
      <c r="I8" s="280">
        <v>391</v>
      </c>
      <c r="J8" s="280">
        <v>159</v>
      </c>
      <c r="K8" s="280">
        <v>70</v>
      </c>
      <c r="L8" s="277">
        <v>2188</v>
      </c>
      <c r="M8" s="282">
        <v>2188</v>
      </c>
      <c r="N8" s="280">
        <v>0</v>
      </c>
      <c r="O8" s="280">
        <v>0</v>
      </c>
      <c r="P8" s="277">
        <v>0</v>
      </c>
      <c r="Q8" s="279">
        <v>0</v>
      </c>
      <c r="R8" s="280">
        <v>127</v>
      </c>
      <c r="S8" s="280">
        <v>146</v>
      </c>
      <c r="T8" s="280">
        <v>202</v>
      </c>
      <c r="U8" s="280">
        <v>27</v>
      </c>
      <c r="V8" s="280">
        <v>50</v>
      </c>
      <c r="W8" s="277">
        <v>552</v>
      </c>
      <c r="X8" s="282">
        <v>552</v>
      </c>
    </row>
    <row r="9" spans="2:24" ht="21" customHeight="1" x14ac:dyDescent="0.2">
      <c r="B9" s="256" t="s">
        <v>14</v>
      </c>
      <c r="C9" s="280">
        <v>0</v>
      </c>
      <c r="D9" s="280">
        <v>0</v>
      </c>
      <c r="E9" s="277">
        <v>0</v>
      </c>
      <c r="F9" s="279">
        <v>0</v>
      </c>
      <c r="G9" s="280">
        <v>334</v>
      </c>
      <c r="H9" s="280">
        <v>460</v>
      </c>
      <c r="I9" s="280">
        <v>205</v>
      </c>
      <c r="J9" s="280">
        <v>102</v>
      </c>
      <c r="K9" s="280">
        <v>36</v>
      </c>
      <c r="L9" s="277">
        <v>1137</v>
      </c>
      <c r="M9" s="282">
        <v>1137</v>
      </c>
      <c r="N9" s="280">
        <v>0</v>
      </c>
      <c r="O9" s="280">
        <v>0</v>
      </c>
      <c r="P9" s="277">
        <v>0</v>
      </c>
      <c r="Q9" s="279">
        <v>0</v>
      </c>
      <c r="R9" s="280">
        <v>8</v>
      </c>
      <c r="S9" s="280">
        <v>11</v>
      </c>
      <c r="T9" s="280">
        <v>0</v>
      </c>
      <c r="U9" s="280">
        <v>0</v>
      </c>
      <c r="V9" s="280">
        <v>1</v>
      </c>
      <c r="W9" s="277">
        <v>20</v>
      </c>
      <c r="X9" s="282">
        <v>20</v>
      </c>
    </row>
    <row r="10" spans="2:24" ht="21" customHeight="1" x14ac:dyDescent="0.2">
      <c r="B10" s="256" t="s">
        <v>7</v>
      </c>
      <c r="C10" s="280">
        <v>0</v>
      </c>
      <c r="D10" s="280">
        <v>0</v>
      </c>
      <c r="E10" s="277">
        <v>0</v>
      </c>
      <c r="F10" s="279">
        <v>0</v>
      </c>
      <c r="G10" s="280">
        <v>230</v>
      </c>
      <c r="H10" s="280">
        <v>161</v>
      </c>
      <c r="I10" s="280">
        <v>96</v>
      </c>
      <c r="J10" s="280">
        <v>48</v>
      </c>
      <c r="K10" s="280">
        <v>9</v>
      </c>
      <c r="L10" s="277">
        <v>544</v>
      </c>
      <c r="M10" s="282">
        <v>544</v>
      </c>
      <c r="N10" s="280">
        <v>0</v>
      </c>
      <c r="O10" s="280">
        <v>0</v>
      </c>
      <c r="P10" s="277">
        <v>0</v>
      </c>
      <c r="Q10" s="279">
        <v>0</v>
      </c>
      <c r="R10" s="280">
        <v>21</v>
      </c>
      <c r="S10" s="280">
        <v>48</v>
      </c>
      <c r="T10" s="280">
        <v>65</v>
      </c>
      <c r="U10" s="280">
        <v>43</v>
      </c>
      <c r="V10" s="280">
        <v>0</v>
      </c>
      <c r="W10" s="277">
        <v>177</v>
      </c>
      <c r="X10" s="282">
        <v>177</v>
      </c>
    </row>
    <row r="11" spans="2:24" ht="21" customHeight="1" x14ac:dyDescent="0.2">
      <c r="B11" s="256" t="s">
        <v>8</v>
      </c>
      <c r="C11" s="280">
        <v>0</v>
      </c>
      <c r="D11" s="280">
        <v>0</v>
      </c>
      <c r="E11" s="277">
        <v>0</v>
      </c>
      <c r="F11" s="279">
        <v>0</v>
      </c>
      <c r="G11" s="280">
        <v>239</v>
      </c>
      <c r="H11" s="280">
        <v>119</v>
      </c>
      <c r="I11" s="280">
        <v>43</v>
      </c>
      <c r="J11" s="280">
        <v>59</v>
      </c>
      <c r="K11" s="280">
        <v>0</v>
      </c>
      <c r="L11" s="277">
        <v>460</v>
      </c>
      <c r="M11" s="282">
        <v>460</v>
      </c>
      <c r="N11" s="280">
        <v>0</v>
      </c>
      <c r="O11" s="280">
        <v>0</v>
      </c>
      <c r="P11" s="277">
        <v>0</v>
      </c>
      <c r="Q11" s="279">
        <v>0</v>
      </c>
      <c r="R11" s="280">
        <v>0</v>
      </c>
      <c r="S11" s="280">
        <v>48</v>
      </c>
      <c r="T11" s="280">
        <v>0</v>
      </c>
      <c r="U11" s="280">
        <v>0</v>
      </c>
      <c r="V11" s="280">
        <v>0</v>
      </c>
      <c r="W11" s="277">
        <v>48</v>
      </c>
      <c r="X11" s="282">
        <v>48</v>
      </c>
    </row>
    <row r="12" spans="2:24" ht="21" customHeight="1" x14ac:dyDescent="0.2">
      <c r="B12" s="256" t="s">
        <v>9</v>
      </c>
      <c r="C12" s="280">
        <v>0</v>
      </c>
      <c r="D12" s="280">
        <v>0</v>
      </c>
      <c r="E12" s="277">
        <v>0</v>
      </c>
      <c r="F12" s="279">
        <v>0</v>
      </c>
      <c r="G12" s="280">
        <v>356</v>
      </c>
      <c r="H12" s="280">
        <v>224</v>
      </c>
      <c r="I12" s="280">
        <v>148</v>
      </c>
      <c r="J12" s="280">
        <v>90</v>
      </c>
      <c r="K12" s="280">
        <v>41</v>
      </c>
      <c r="L12" s="277">
        <v>859</v>
      </c>
      <c r="M12" s="282">
        <v>859</v>
      </c>
      <c r="N12" s="280">
        <v>0</v>
      </c>
      <c r="O12" s="280">
        <v>0</v>
      </c>
      <c r="P12" s="277">
        <v>0</v>
      </c>
      <c r="Q12" s="279">
        <v>0</v>
      </c>
      <c r="R12" s="280">
        <v>0</v>
      </c>
      <c r="S12" s="280">
        <v>0</v>
      </c>
      <c r="T12" s="280">
        <v>25</v>
      </c>
      <c r="U12" s="280">
        <v>0</v>
      </c>
      <c r="V12" s="280">
        <v>9</v>
      </c>
      <c r="W12" s="277">
        <v>34</v>
      </c>
      <c r="X12" s="282">
        <v>34</v>
      </c>
    </row>
    <row r="13" spans="2:24" ht="21" customHeight="1" x14ac:dyDescent="0.2">
      <c r="B13" s="256" t="s">
        <v>10</v>
      </c>
      <c r="C13" s="280">
        <v>0</v>
      </c>
      <c r="D13" s="280">
        <v>0</v>
      </c>
      <c r="E13" s="277">
        <v>0</v>
      </c>
      <c r="F13" s="279">
        <v>0</v>
      </c>
      <c r="G13" s="280">
        <v>271</v>
      </c>
      <c r="H13" s="280">
        <v>229</v>
      </c>
      <c r="I13" s="280">
        <v>71</v>
      </c>
      <c r="J13" s="280">
        <v>47</v>
      </c>
      <c r="K13" s="280">
        <v>5</v>
      </c>
      <c r="L13" s="277">
        <v>623</v>
      </c>
      <c r="M13" s="282">
        <v>623</v>
      </c>
      <c r="N13" s="280">
        <v>0</v>
      </c>
      <c r="O13" s="280">
        <v>0</v>
      </c>
      <c r="P13" s="277">
        <v>0</v>
      </c>
      <c r="Q13" s="279">
        <v>0</v>
      </c>
      <c r="R13" s="280">
        <v>0</v>
      </c>
      <c r="S13" s="280">
        <v>40</v>
      </c>
      <c r="T13" s="280">
        <v>44</v>
      </c>
      <c r="U13" s="280">
        <v>0</v>
      </c>
      <c r="V13" s="280">
        <v>0</v>
      </c>
      <c r="W13" s="277">
        <v>84</v>
      </c>
      <c r="X13" s="282">
        <v>84</v>
      </c>
    </row>
    <row r="14" spans="2:24" ht="21" customHeight="1" x14ac:dyDescent="0.2">
      <c r="B14" s="256" t="s">
        <v>11</v>
      </c>
      <c r="C14" s="280">
        <v>0</v>
      </c>
      <c r="D14" s="280">
        <v>0</v>
      </c>
      <c r="E14" s="277">
        <v>0</v>
      </c>
      <c r="F14" s="279">
        <v>0</v>
      </c>
      <c r="G14" s="280">
        <v>196</v>
      </c>
      <c r="H14" s="280">
        <v>86</v>
      </c>
      <c r="I14" s="280">
        <v>60</v>
      </c>
      <c r="J14" s="280">
        <v>19</v>
      </c>
      <c r="K14" s="280">
        <v>11</v>
      </c>
      <c r="L14" s="277">
        <v>372</v>
      </c>
      <c r="M14" s="282">
        <v>372</v>
      </c>
      <c r="N14" s="280">
        <v>0</v>
      </c>
      <c r="O14" s="280">
        <v>0</v>
      </c>
      <c r="P14" s="277">
        <v>0</v>
      </c>
      <c r="Q14" s="279">
        <v>0</v>
      </c>
      <c r="R14" s="280">
        <v>5</v>
      </c>
      <c r="S14" s="280">
        <v>0</v>
      </c>
      <c r="T14" s="280">
        <v>0</v>
      </c>
      <c r="U14" s="280">
        <v>0</v>
      </c>
      <c r="V14" s="280">
        <v>0</v>
      </c>
      <c r="W14" s="277">
        <v>5</v>
      </c>
      <c r="X14" s="282">
        <v>5</v>
      </c>
    </row>
    <row r="15" spans="2:24" ht="21" customHeight="1" x14ac:dyDescent="0.2">
      <c r="B15" s="256" t="s">
        <v>12</v>
      </c>
      <c r="C15" s="280">
        <v>0</v>
      </c>
      <c r="D15" s="280">
        <v>0</v>
      </c>
      <c r="E15" s="277">
        <v>0</v>
      </c>
      <c r="F15" s="279">
        <v>0</v>
      </c>
      <c r="G15" s="280">
        <v>189</v>
      </c>
      <c r="H15" s="280">
        <v>135</v>
      </c>
      <c r="I15" s="280">
        <v>70</v>
      </c>
      <c r="J15" s="280">
        <v>92</v>
      </c>
      <c r="K15" s="280">
        <v>13</v>
      </c>
      <c r="L15" s="277">
        <v>499</v>
      </c>
      <c r="M15" s="282">
        <v>499</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58</v>
      </c>
      <c r="H16" s="280">
        <v>83</v>
      </c>
      <c r="I16" s="280">
        <v>28</v>
      </c>
      <c r="J16" s="280">
        <v>17</v>
      </c>
      <c r="K16" s="280">
        <v>5</v>
      </c>
      <c r="L16" s="277">
        <v>191</v>
      </c>
      <c r="M16" s="282">
        <v>191</v>
      </c>
      <c r="N16" s="280">
        <v>0</v>
      </c>
      <c r="O16" s="280">
        <v>0</v>
      </c>
      <c r="P16" s="277">
        <v>0</v>
      </c>
      <c r="Q16" s="279">
        <v>0</v>
      </c>
      <c r="R16" s="280">
        <v>0</v>
      </c>
      <c r="S16" s="280">
        <v>0</v>
      </c>
      <c r="T16" s="280">
        <v>0</v>
      </c>
      <c r="U16" s="280">
        <v>0</v>
      </c>
      <c r="V16" s="280">
        <v>0</v>
      </c>
      <c r="W16" s="277">
        <v>0</v>
      </c>
      <c r="X16" s="282">
        <v>0</v>
      </c>
    </row>
    <row r="17" spans="2:24" ht="21" customHeight="1" x14ac:dyDescent="0.2">
      <c r="B17" s="256" t="s">
        <v>15</v>
      </c>
      <c r="C17" s="280">
        <v>0</v>
      </c>
      <c r="D17" s="280">
        <v>0</v>
      </c>
      <c r="E17" s="277">
        <v>0</v>
      </c>
      <c r="F17" s="279">
        <v>0</v>
      </c>
      <c r="G17" s="280">
        <v>40</v>
      </c>
      <c r="H17" s="280">
        <v>35</v>
      </c>
      <c r="I17" s="280">
        <v>21</v>
      </c>
      <c r="J17" s="280">
        <v>11</v>
      </c>
      <c r="K17" s="280">
        <v>10</v>
      </c>
      <c r="L17" s="277">
        <v>117</v>
      </c>
      <c r="M17" s="282">
        <v>117</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62</v>
      </c>
      <c r="H18" s="280">
        <v>67</v>
      </c>
      <c r="I18" s="280">
        <v>81</v>
      </c>
      <c r="J18" s="280">
        <v>21</v>
      </c>
      <c r="K18" s="280">
        <v>16</v>
      </c>
      <c r="L18" s="277">
        <v>247</v>
      </c>
      <c r="M18" s="282">
        <v>247</v>
      </c>
      <c r="N18" s="280">
        <v>0</v>
      </c>
      <c r="O18" s="280">
        <v>0</v>
      </c>
      <c r="P18" s="277">
        <v>0</v>
      </c>
      <c r="Q18" s="279">
        <v>0</v>
      </c>
      <c r="R18" s="280">
        <v>0</v>
      </c>
      <c r="S18" s="280">
        <v>26</v>
      </c>
      <c r="T18" s="280">
        <v>0</v>
      </c>
      <c r="U18" s="280">
        <v>0</v>
      </c>
      <c r="V18" s="280">
        <v>0</v>
      </c>
      <c r="W18" s="277">
        <v>26</v>
      </c>
      <c r="X18" s="282">
        <v>26</v>
      </c>
    </row>
    <row r="19" spans="2:24" ht="21" customHeight="1" x14ac:dyDescent="0.2">
      <c r="B19" s="256" t="s">
        <v>17</v>
      </c>
      <c r="C19" s="280">
        <v>0</v>
      </c>
      <c r="D19" s="280">
        <v>0</v>
      </c>
      <c r="E19" s="277">
        <v>0</v>
      </c>
      <c r="F19" s="279">
        <v>0</v>
      </c>
      <c r="G19" s="280">
        <v>121</v>
      </c>
      <c r="H19" s="280">
        <v>131</v>
      </c>
      <c r="I19" s="280">
        <v>41</v>
      </c>
      <c r="J19" s="280">
        <v>61</v>
      </c>
      <c r="K19" s="280">
        <v>10</v>
      </c>
      <c r="L19" s="277">
        <v>364</v>
      </c>
      <c r="M19" s="282">
        <v>364</v>
      </c>
      <c r="N19" s="280">
        <v>0</v>
      </c>
      <c r="O19" s="280">
        <v>0</v>
      </c>
      <c r="P19" s="277">
        <v>0</v>
      </c>
      <c r="Q19" s="279">
        <v>0</v>
      </c>
      <c r="R19" s="280">
        <v>0</v>
      </c>
      <c r="S19" s="280">
        <v>0</v>
      </c>
      <c r="T19" s="280">
        <v>18</v>
      </c>
      <c r="U19" s="280">
        <v>0</v>
      </c>
      <c r="V19" s="280">
        <v>0</v>
      </c>
      <c r="W19" s="277">
        <v>18</v>
      </c>
      <c r="X19" s="282">
        <v>18</v>
      </c>
    </row>
    <row r="20" spans="2:24" ht="21" customHeight="1" x14ac:dyDescent="0.2">
      <c r="B20" s="256" t="s">
        <v>18</v>
      </c>
      <c r="C20" s="280">
        <v>0</v>
      </c>
      <c r="D20" s="280">
        <v>0</v>
      </c>
      <c r="E20" s="277">
        <v>0</v>
      </c>
      <c r="F20" s="279">
        <v>0</v>
      </c>
      <c r="G20" s="280">
        <v>166</v>
      </c>
      <c r="H20" s="280">
        <v>88</v>
      </c>
      <c r="I20" s="280">
        <v>89</v>
      </c>
      <c r="J20" s="280">
        <v>14</v>
      </c>
      <c r="K20" s="280">
        <v>0</v>
      </c>
      <c r="L20" s="277">
        <v>357</v>
      </c>
      <c r="M20" s="282">
        <v>357</v>
      </c>
      <c r="N20" s="280">
        <v>0</v>
      </c>
      <c r="O20" s="280">
        <v>0</v>
      </c>
      <c r="P20" s="277">
        <v>0</v>
      </c>
      <c r="Q20" s="279">
        <v>0</v>
      </c>
      <c r="R20" s="280">
        <v>8</v>
      </c>
      <c r="S20" s="280">
        <v>0</v>
      </c>
      <c r="T20" s="280">
        <v>17</v>
      </c>
      <c r="U20" s="280">
        <v>17</v>
      </c>
      <c r="V20" s="280">
        <v>0</v>
      </c>
      <c r="W20" s="277">
        <v>42</v>
      </c>
      <c r="X20" s="282">
        <v>42</v>
      </c>
    </row>
    <row r="21" spans="2:24" ht="21" customHeight="1" x14ac:dyDescent="0.2">
      <c r="B21" s="256" t="s">
        <v>19</v>
      </c>
      <c r="C21" s="280">
        <v>0</v>
      </c>
      <c r="D21" s="280">
        <v>0</v>
      </c>
      <c r="E21" s="277">
        <v>0</v>
      </c>
      <c r="F21" s="279">
        <v>0</v>
      </c>
      <c r="G21" s="280">
        <v>35</v>
      </c>
      <c r="H21" s="280">
        <v>43</v>
      </c>
      <c r="I21" s="280">
        <v>43</v>
      </c>
      <c r="J21" s="280">
        <v>11</v>
      </c>
      <c r="K21" s="280">
        <v>0</v>
      </c>
      <c r="L21" s="277">
        <v>132</v>
      </c>
      <c r="M21" s="282">
        <v>132</v>
      </c>
      <c r="N21" s="280">
        <v>0</v>
      </c>
      <c r="O21" s="280">
        <v>0</v>
      </c>
      <c r="P21" s="277">
        <v>0</v>
      </c>
      <c r="Q21" s="279">
        <v>0</v>
      </c>
      <c r="R21" s="280">
        <v>4</v>
      </c>
      <c r="S21" s="280">
        <v>14</v>
      </c>
      <c r="T21" s="280">
        <v>0</v>
      </c>
      <c r="U21" s="280">
        <v>0</v>
      </c>
      <c r="V21" s="280">
        <v>0</v>
      </c>
      <c r="W21" s="277">
        <v>18</v>
      </c>
      <c r="X21" s="282">
        <v>18</v>
      </c>
    </row>
    <row r="22" spans="2:24" ht="21" customHeight="1" x14ac:dyDescent="0.2">
      <c r="B22" s="256" t="s">
        <v>20</v>
      </c>
      <c r="C22" s="280">
        <v>0</v>
      </c>
      <c r="D22" s="280">
        <v>0</v>
      </c>
      <c r="E22" s="277">
        <v>0</v>
      </c>
      <c r="F22" s="279">
        <v>0</v>
      </c>
      <c r="G22" s="280">
        <v>44</v>
      </c>
      <c r="H22" s="280">
        <v>57</v>
      </c>
      <c r="I22" s="280">
        <v>3</v>
      </c>
      <c r="J22" s="280">
        <v>0</v>
      </c>
      <c r="K22" s="280">
        <v>0</v>
      </c>
      <c r="L22" s="277">
        <v>104</v>
      </c>
      <c r="M22" s="282">
        <v>104</v>
      </c>
      <c r="N22" s="280">
        <v>0</v>
      </c>
      <c r="O22" s="280">
        <v>0</v>
      </c>
      <c r="P22" s="277">
        <v>0</v>
      </c>
      <c r="Q22" s="279">
        <v>0</v>
      </c>
      <c r="R22" s="280">
        <v>0</v>
      </c>
      <c r="S22" s="280">
        <v>0</v>
      </c>
      <c r="T22" s="280">
        <v>0</v>
      </c>
      <c r="U22" s="280">
        <v>0</v>
      </c>
      <c r="V22" s="280">
        <v>0</v>
      </c>
      <c r="W22" s="277">
        <v>0</v>
      </c>
      <c r="X22" s="282">
        <v>0</v>
      </c>
    </row>
    <row r="23" spans="2:24" ht="21" customHeight="1" x14ac:dyDescent="0.2">
      <c r="B23" s="256" t="s">
        <v>21</v>
      </c>
      <c r="C23" s="280">
        <v>0</v>
      </c>
      <c r="D23" s="280">
        <v>0</v>
      </c>
      <c r="E23" s="277">
        <v>0</v>
      </c>
      <c r="F23" s="279">
        <v>0</v>
      </c>
      <c r="G23" s="280">
        <v>76</v>
      </c>
      <c r="H23" s="280">
        <v>29</v>
      </c>
      <c r="I23" s="280">
        <v>19</v>
      </c>
      <c r="J23" s="280">
        <v>14</v>
      </c>
      <c r="K23" s="280">
        <v>0</v>
      </c>
      <c r="L23" s="277">
        <v>138</v>
      </c>
      <c r="M23" s="282">
        <v>138</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56</v>
      </c>
      <c r="H24" s="280">
        <v>13</v>
      </c>
      <c r="I24" s="280">
        <v>0</v>
      </c>
      <c r="J24" s="280">
        <v>17</v>
      </c>
      <c r="K24" s="280">
        <v>0</v>
      </c>
      <c r="L24" s="277">
        <v>86</v>
      </c>
      <c r="M24" s="282">
        <v>86</v>
      </c>
      <c r="N24" s="280">
        <v>0</v>
      </c>
      <c r="O24" s="280">
        <v>0</v>
      </c>
      <c r="P24" s="277">
        <v>0</v>
      </c>
      <c r="Q24" s="279">
        <v>0</v>
      </c>
      <c r="R24" s="280">
        <v>0</v>
      </c>
      <c r="S24" s="280">
        <v>0</v>
      </c>
      <c r="T24" s="280">
        <v>9</v>
      </c>
      <c r="U24" s="280">
        <v>0</v>
      </c>
      <c r="V24" s="280">
        <v>0</v>
      </c>
      <c r="W24" s="277">
        <v>9</v>
      </c>
      <c r="X24" s="282">
        <v>9</v>
      </c>
    </row>
    <row r="25" spans="2:24" ht="21" customHeight="1" x14ac:dyDescent="0.2">
      <c r="B25" s="256" t="s">
        <v>23</v>
      </c>
      <c r="C25" s="280">
        <v>0</v>
      </c>
      <c r="D25" s="280">
        <v>0</v>
      </c>
      <c r="E25" s="277">
        <v>0</v>
      </c>
      <c r="F25" s="279">
        <v>0</v>
      </c>
      <c r="G25" s="280">
        <v>3</v>
      </c>
      <c r="H25" s="280">
        <v>34</v>
      </c>
      <c r="I25" s="280">
        <v>9</v>
      </c>
      <c r="J25" s="280">
        <v>0</v>
      </c>
      <c r="K25" s="280">
        <v>22</v>
      </c>
      <c r="L25" s="277">
        <v>68</v>
      </c>
      <c r="M25" s="282">
        <v>68</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0</v>
      </c>
      <c r="H26" s="280">
        <v>0</v>
      </c>
      <c r="I26" s="280">
        <v>0</v>
      </c>
      <c r="J26" s="280">
        <v>0</v>
      </c>
      <c r="K26" s="280">
        <v>0</v>
      </c>
      <c r="L26" s="277">
        <v>0</v>
      </c>
      <c r="M26" s="282">
        <v>0</v>
      </c>
      <c r="N26" s="280">
        <v>0</v>
      </c>
      <c r="O26" s="280">
        <v>0</v>
      </c>
      <c r="P26" s="277">
        <v>0</v>
      </c>
      <c r="Q26" s="279">
        <v>0</v>
      </c>
      <c r="R26" s="280">
        <v>0</v>
      </c>
      <c r="S26" s="280">
        <v>0</v>
      </c>
      <c r="T26" s="280">
        <v>18</v>
      </c>
      <c r="U26" s="280">
        <v>0</v>
      </c>
      <c r="V26" s="280">
        <v>12</v>
      </c>
      <c r="W26" s="277">
        <v>30</v>
      </c>
      <c r="X26" s="282">
        <v>30</v>
      </c>
    </row>
    <row r="27" spans="2:24" ht="21" customHeight="1" x14ac:dyDescent="0.2">
      <c r="B27" s="256" t="s">
        <v>25</v>
      </c>
      <c r="C27" s="280">
        <v>0</v>
      </c>
      <c r="D27" s="280">
        <v>0</v>
      </c>
      <c r="E27" s="277">
        <v>0</v>
      </c>
      <c r="F27" s="279">
        <v>0</v>
      </c>
      <c r="G27" s="280">
        <v>36</v>
      </c>
      <c r="H27" s="280">
        <v>3</v>
      </c>
      <c r="I27" s="280">
        <v>0</v>
      </c>
      <c r="J27" s="280">
        <v>0</v>
      </c>
      <c r="K27" s="280">
        <v>0</v>
      </c>
      <c r="L27" s="277">
        <v>39</v>
      </c>
      <c r="M27" s="282">
        <v>39</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24</v>
      </c>
      <c r="H28" s="280">
        <v>13</v>
      </c>
      <c r="I28" s="280">
        <v>4</v>
      </c>
      <c r="J28" s="280">
        <v>0</v>
      </c>
      <c r="K28" s="280">
        <v>0</v>
      </c>
      <c r="L28" s="277">
        <v>41</v>
      </c>
      <c r="M28" s="282">
        <v>41</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13</v>
      </c>
      <c r="H29" s="280">
        <v>9</v>
      </c>
      <c r="I29" s="280">
        <v>0</v>
      </c>
      <c r="J29" s="280">
        <v>0</v>
      </c>
      <c r="K29" s="280">
        <v>0</v>
      </c>
      <c r="L29" s="277">
        <v>22</v>
      </c>
      <c r="M29" s="282">
        <v>22</v>
      </c>
      <c r="N29" s="280">
        <v>0</v>
      </c>
      <c r="O29" s="280">
        <v>0</v>
      </c>
      <c r="P29" s="277">
        <v>0</v>
      </c>
      <c r="Q29" s="279">
        <v>0</v>
      </c>
      <c r="R29" s="280">
        <v>2</v>
      </c>
      <c r="S29" s="280">
        <v>0</v>
      </c>
      <c r="T29" s="280">
        <v>4</v>
      </c>
      <c r="U29" s="280">
        <v>0</v>
      </c>
      <c r="V29" s="280">
        <v>0</v>
      </c>
      <c r="W29" s="277">
        <v>6</v>
      </c>
      <c r="X29" s="282">
        <v>6</v>
      </c>
    </row>
    <row r="30" spans="2:24" ht="21" customHeight="1" x14ac:dyDescent="0.2">
      <c r="B30" s="256" t="s">
        <v>28</v>
      </c>
      <c r="C30" s="280">
        <v>0</v>
      </c>
      <c r="D30" s="280">
        <v>0</v>
      </c>
      <c r="E30" s="277">
        <v>0</v>
      </c>
      <c r="F30" s="279">
        <v>0</v>
      </c>
      <c r="G30" s="280">
        <v>39</v>
      </c>
      <c r="H30" s="280">
        <v>8</v>
      </c>
      <c r="I30" s="280">
        <v>0</v>
      </c>
      <c r="J30" s="280">
        <v>0</v>
      </c>
      <c r="K30" s="280">
        <v>0</v>
      </c>
      <c r="L30" s="277">
        <v>47</v>
      </c>
      <c r="M30" s="282">
        <v>47</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5</v>
      </c>
      <c r="H31" s="280">
        <v>0</v>
      </c>
      <c r="I31" s="280">
        <v>0</v>
      </c>
      <c r="J31" s="280">
        <v>0</v>
      </c>
      <c r="K31" s="280">
        <v>0</v>
      </c>
      <c r="L31" s="277">
        <v>5</v>
      </c>
      <c r="M31" s="282">
        <v>5</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14</v>
      </c>
      <c r="H32" s="280">
        <v>0</v>
      </c>
      <c r="I32" s="280">
        <v>0</v>
      </c>
      <c r="J32" s="280">
        <v>0</v>
      </c>
      <c r="K32" s="280">
        <v>0</v>
      </c>
      <c r="L32" s="277">
        <v>14</v>
      </c>
      <c r="M32" s="282">
        <v>14</v>
      </c>
      <c r="N32" s="280">
        <v>0</v>
      </c>
      <c r="O32" s="280">
        <v>0</v>
      </c>
      <c r="P32" s="277">
        <v>0</v>
      </c>
      <c r="Q32" s="279">
        <v>0</v>
      </c>
      <c r="R32" s="280">
        <v>0</v>
      </c>
      <c r="S32" s="280">
        <v>4</v>
      </c>
      <c r="T32" s="280">
        <v>0</v>
      </c>
      <c r="U32" s="280">
        <v>0</v>
      </c>
      <c r="V32" s="280">
        <v>0</v>
      </c>
      <c r="W32" s="277">
        <v>4</v>
      </c>
      <c r="X32" s="282">
        <v>4</v>
      </c>
    </row>
    <row r="33" spans="2:24" ht="21" customHeight="1" x14ac:dyDescent="0.2">
      <c r="B33" s="256" t="s">
        <v>31</v>
      </c>
      <c r="C33" s="280">
        <v>0</v>
      </c>
      <c r="D33" s="280">
        <v>0</v>
      </c>
      <c r="E33" s="277">
        <v>0</v>
      </c>
      <c r="F33" s="279">
        <v>0</v>
      </c>
      <c r="G33" s="280">
        <v>8</v>
      </c>
      <c r="H33" s="280">
        <v>0</v>
      </c>
      <c r="I33" s="280">
        <v>9</v>
      </c>
      <c r="J33" s="280">
        <v>0</v>
      </c>
      <c r="K33" s="280">
        <v>0</v>
      </c>
      <c r="L33" s="277">
        <v>17</v>
      </c>
      <c r="M33" s="282">
        <v>17</v>
      </c>
      <c r="N33" s="280">
        <v>0</v>
      </c>
      <c r="O33" s="280">
        <v>0</v>
      </c>
      <c r="P33" s="277">
        <v>0</v>
      </c>
      <c r="Q33" s="279">
        <v>0</v>
      </c>
      <c r="R33" s="280">
        <v>0</v>
      </c>
      <c r="S33" s="280">
        <v>0</v>
      </c>
      <c r="T33" s="280">
        <v>0</v>
      </c>
      <c r="U33" s="280">
        <v>0</v>
      </c>
      <c r="V33" s="280">
        <v>0</v>
      </c>
      <c r="W33" s="277">
        <v>0</v>
      </c>
      <c r="X33" s="282">
        <v>0</v>
      </c>
    </row>
    <row r="34" spans="2:24" ht="21" customHeight="1" x14ac:dyDescent="0.2">
      <c r="B34" s="256" t="s">
        <v>32</v>
      </c>
      <c r="C34" s="280">
        <v>0</v>
      </c>
      <c r="D34" s="280">
        <v>0</v>
      </c>
      <c r="E34" s="277">
        <v>0</v>
      </c>
      <c r="F34" s="279">
        <v>0</v>
      </c>
      <c r="G34" s="280">
        <v>4</v>
      </c>
      <c r="H34" s="280">
        <v>1</v>
      </c>
      <c r="I34" s="280">
        <v>3</v>
      </c>
      <c r="J34" s="280">
        <v>0</v>
      </c>
      <c r="K34" s="280">
        <v>0</v>
      </c>
      <c r="L34" s="277">
        <v>8</v>
      </c>
      <c r="M34" s="282">
        <v>8</v>
      </c>
      <c r="N34" s="280">
        <v>0</v>
      </c>
      <c r="O34" s="280">
        <v>0</v>
      </c>
      <c r="P34" s="277">
        <v>0</v>
      </c>
      <c r="Q34" s="279">
        <v>0</v>
      </c>
      <c r="R34" s="280">
        <v>17</v>
      </c>
      <c r="S34" s="280">
        <v>0</v>
      </c>
      <c r="T34" s="280">
        <v>0</v>
      </c>
      <c r="U34" s="280">
        <v>0</v>
      </c>
      <c r="V34" s="280">
        <v>0</v>
      </c>
      <c r="W34" s="277">
        <v>17</v>
      </c>
      <c r="X34" s="282">
        <v>17</v>
      </c>
    </row>
    <row r="35" spans="2:24" ht="21" customHeight="1" x14ac:dyDescent="0.2">
      <c r="B35" s="256" t="s">
        <v>33</v>
      </c>
      <c r="C35" s="280">
        <v>0</v>
      </c>
      <c r="D35" s="280">
        <v>0</v>
      </c>
      <c r="E35" s="277">
        <v>0</v>
      </c>
      <c r="F35" s="279">
        <v>0</v>
      </c>
      <c r="G35" s="280">
        <v>7</v>
      </c>
      <c r="H35" s="280">
        <v>0</v>
      </c>
      <c r="I35" s="280">
        <v>8</v>
      </c>
      <c r="J35" s="280">
        <v>5</v>
      </c>
      <c r="K35" s="280">
        <v>0</v>
      </c>
      <c r="L35" s="277">
        <v>20</v>
      </c>
      <c r="M35" s="282">
        <v>20</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0</v>
      </c>
      <c r="H36" s="280">
        <v>0</v>
      </c>
      <c r="I36" s="280">
        <v>0</v>
      </c>
      <c r="J36" s="280">
        <v>0</v>
      </c>
      <c r="K36" s="280">
        <v>0</v>
      </c>
      <c r="L36" s="277">
        <v>0</v>
      </c>
      <c r="M36" s="282">
        <v>0</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v>
      </c>
      <c r="H38" s="280">
        <v>0</v>
      </c>
      <c r="I38" s="280">
        <v>0</v>
      </c>
      <c r="J38" s="280">
        <v>13</v>
      </c>
      <c r="K38" s="280">
        <v>0</v>
      </c>
      <c r="L38" s="277">
        <v>17</v>
      </c>
      <c r="M38" s="282">
        <v>17</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12</v>
      </c>
      <c r="L39" s="284">
        <v>12</v>
      </c>
      <c r="M39" s="289">
        <v>12</v>
      </c>
      <c r="N39" s="287">
        <v>0</v>
      </c>
      <c r="O39" s="287">
        <v>0</v>
      </c>
      <c r="P39" s="284">
        <v>0</v>
      </c>
      <c r="Q39" s="286">
        <v>0</v>
      </c>
      <c r="R39" s="287">
        <v>0</v>
      </c>
      <c r="S39" s="287">
        <v>0</v>
      </c>
      <c r="T39" s="287">
        <v>0</v>
      </c>
      <c r="U39" s="287">
        <v>0</v>
      </c>
      <c r="V39" s="287">
        <v>0</v>
      </c>
      <c r="W39" s="284">
        <v>0</v>
      </c>
      <c r="X39" s="289">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H1" s="525">
        <f>第１表!F2</f>
        <v>5</v>
      </c>
      <c r="I1" s="525"/>
      <c r="J1" s="248">
        <f>第１表!G2</f>
        <v>7</v>
      </c>
      <c r="K1" s="555">
        <f>IF(J1&lt;3,J1-2+12,J1-2)</f>
        <v>5</v>
      </c>
      <c r="L1" s="555"/>
    </row>
    <row r="2" spans="2:133" ht="24" customHeight="1" thickBot="1" x14ac:dyDescent="0.25"/>
    <row r="3" spans="2:133" ht="21" customHeight="1" thickBot="1" x14ac:dyDescent="0.25">
      <c r="B3" s="601"/>
      <c r="C3" s="591" t="s">
        <v>57</v>
      </c>
      <c r="D3" s="592"/>
      <c r="E3" s="592"/>
      <c r="F3" s="592"/>
      <c r="G3" s="592"/>
      <c r="H3" s="592"/>
      <c r="I3" s="592"/>
      <c r="J3" s="592"/>
      <c r="K3" s="592"/>
      <c r="L3" s="592"/>
      <c r="M3" s="592"/>
      <c r="N3" s="592"/>
      <c r="O3" s="592"/>
      <c r="P3" s="592"/>
      <c r="Q3" s="592"/>
      <c r="R3" s="592"/>
      <c r="S3" s="592"/>
      <c r="T3" s="592"/>
      <c r="U3" s="592"/>
      <c r="V3" s="592"/>
      <c r="W3" s="592"/>
      <c r="X3" s="592"/>
      <c r="Y3" s="592"/>
      <c r="Z3" s="592"/>
      <c r="AA3" s="592"/>
      <c r="AB3" s="592"/>
      <c r="AC3" s="592"/>
      <c r="AD3" s="592"/>
      <c r="AE3" s="592"/>
      <c r="AF3" s="593"/>
      <c r="AG3" s="591" t="s">
        <v>58</v>
      </c>
      <c r="AH3" s="604"/>
      <c r="AI3" s="604"/>
      <c r="AJ3" s="604"/>
      <c r="AK3" s="604"/>
      <c r="AL3" s="604"/>
      <c r="AM3" s="604"/>
      <c r="AN3" s="604"/>
      <c r="AO3" s="604"/>
      <c r="AP3" s="604"/>
      <c r="AQ3" s="604"/>
      <c r="AR3" s="604"/>
      <c r="AS3" s="604"/>
      <c r="AT3" s="604"/>
      <c r="AU3" s="604"/>
      <c r="AV3" s="604"/>
      <c r="AW3" s="604"/>
      <c r="AX3" s="604"/>
      <c r="AY3" s="604"/>
      <c r="AZ3" s="604"/>
      <c r="BA3" s="604"/>
      <c r="BB3" s="604"/>
      <c r="BC3" s="604"/>
      <c r="BD3" s="604"/>
      <c r="BE3" s="604"/>
      <c r="BF3" s="604"/>
      <c r="BG3" s="604"/>
      <c r="BH3" s="604"/>
      <c r="BI3" s="604"/>
      <c r="BJ3" s="605"/>
      <c r="BK3" s="591" t="s">
        <v>59</v>
      </c>
      <c r="BL3" s="592"/>
      <c r="BM3" s="592"/>
      <c r="BN3" s="592"/>
      <c r="BO3" s="592"/>
      <c r="BP3" s="592"/>
      <c r="BQ3" s="592"/>
      <c r="BR3" s="592"/>
      <c r="BS3" s="592"/>
      <c r="BT3" s="592"/>
      <c r="BU3" s="592"/>
      <c r="BV3" s="592"/>
      <c r="BW3" s="592"/>
      <c r="BX3" s="592"/>
      <c r="BY3" s="592"/>
      <c r="BZ3" s="592"/>
      <c r="CA3" s="592"/>
      <c r="CB3" s="592"/>
      <c r="CC3" s="592"/>
      <c r="CD3" s="592"/>
      <c r="CE3" s="592"/>
      <c r="CF3" s="592"/>
      <c r="CG3" s="592"/>
      <c r="CH3" s="592"/>
      <c r="CI3" s="592"/>
      <c r="CJ3" s="592"/>
      <c r="CK3" s="592"/>
      <c r="CL3" s="592"/>
      <c r="CM3" s="592"/>
      <c r="CN3" s="593"/>
      <c r="CO3" s="600" t="s">
        <v>150</v>
      </c>
      <c r="CP3" s="592"/>
      <c r="CQ3" s="592"/>
      <c r="CR3" s="592"/>
      <c r="CS3" s="592"/>
      <c r="CT3" s="592"/>
      <c r="CU3" s="592"/>
      <c r="CV3" s="592"/>
      <c r="CW3" s="592"/>
      <c r="CX3" s="592"/>
      <c r="CY3" s="592"/>
      <c r="CZ3" s="592"/>
      <c r="DA3" s="592"/>
      <c r="DB3" s="592"/>
      <c r="DC3" s="592"/>
      <c r="DD3" s="592"/>
      <c r="DE3" s="592"/>
      <c r="DF3" s="592"/>
      <c r="DG3" s="592"/>
      <c r="DH3" s="592"/>
      <c r="DI3" s="592"/>
      <c r="DJ3" s="592"/>
      <c r="DK3" s="592"/>
      <c r="DL3" s="592"/>
      <c r="DM3" s="592"/>
      <c r="DN3" s="592"/>
      <c r="DO3" s="592"/>
      <c r="DP3" s="592"/>
      <c r="DQ3" s="592"/>
      <c r="DR3" s="593"/>
      <c r="DS3" s="594" t="s">
        <v>60</v>
      </c>
      <c r="DT3" s="504"/>
      <c r="DU3" s="504"/>
      <c r="DV3" s="504"/>
      <c r="DW3" s="504"/>
      <c r="DX3" s="504"/>
      <c r="DY3" s="504"/>
      <c r="DZ3" s="504"/>
      <c r="EA3" s="504"/>
      <c r="EB3" s="505"/>
    </row>
    <row r="4" spans="2:133" ht="21" customHeight="1" thickBot="1" x14ac:dyDescent="0.25">
      <c r="B4" s="602"/>
      <c r="C4" s="595"/>
      <c r="D4" s="586"/>
      <c r="E4" s="586"/>
      <c r="F4" s="586"/>
      <c r="G4" s="586"/>
      <c r="H4" s="586"/>
      <c r="I4" s="586"/>
      <c r="J4" s="586"/>
      <c r="K4" s="586"/>
      <c r="L4" s="586"/>
      <c r="M4" s="597" t="s">
        <v>39</v>
      </c>
      <c r="N4" s="598"/>
      <c r="O4" s="598"/>
      <c r="P4" s="598"/>
      <c r="Q4" s="598"/>
      <c r="R4" s="598"/>
      <c r="S4" s="598"/>
      <c r="T4" s="598"/>
      <c r="U4" s="598"/>
      <c r="V4" s="599"/>
      <c r="W4" s="597" t="s">
        <v>40</v>
      </c>
      <c r="X4" s="598"/>
      <c r="Y4" s="598"/>
      <c r="Z4" s="598"/>
      <c r="AA4" s="598"/>
      <c r="AB4" s="598"/>
      <c r="AC4" s="598"/>
      <c r="AD4" s="598"/>
      <c r="AE4" s="598"/>
      <c r="AF4" s="599"/>
      <c r="AG4" s="595"/>
      <c r="AH4" s="586"/>
      <c r="AI4" s="586"/>
      <c r="AJ4" s="586"/>
      <c r="AK4" s="586"/>
      <c r="AL4" s="586"/>
      <c r="AM4" s="586"/>
      <c r="AN4" s="586"/>
      <c r="AO4" s="586"/>
      <c r="AP4" s="586"/>
      <c r="AQ4" s="597" t="s">
        <v>39</v>
      </c>
      <c r="AR4" s="598"/>
      <c r="AS4" s="598"/>
      <c r="AT4" s="598"/>
      <c r="AU4" s="598"/>
      <c r="AV4" s="598"/>
      <c r="AW4" s="598"/>
      <c r="AX4" s="598"/>
      <c r="AY4" s="598"/>
      <c r="AZ4" s="599"/>
      <c r="BA4" s="597" t="s">
        <v>40</v>
      </c>
      <c r="BB4" s="598"/>
      <c r="BC4" s="598"/>
      <c r="BD4" s="598"/>
      <c r="BE4" s="598"/>
      <c r="BF4" s="598"/>
      <c r="BG4" s="598"/>
      <c r="BH4" s="598"/>
      <c r="BI4" s="598"/>
      <c r="BJ4" s="599"/>
      <c r="BK4" s="595"/>
      <c r="BL4" s="586"/>
      <c r="BM4" s="586"/>
      <c r="BN4" s="586"/>
      <c r="BO4" s="586"/>
      <c r="BP4" s="586"/>
      <c r="BQ4" s="586"/>
      <c r="BR4" s="586"/>
      <c r="BS4" s="586"/>
      <c r="BT4" s="586"/>
      <c r="BU4" s="597" t="s">
        <v>39</v>
      </c>
      <c r="BV4" s="598"/>
      <c r="BW4" s="598"/>
      <c r="BX4" s="598"/>
      <c r="BY4" s="598"/>
      <c r="BZ4" s="598"/>
      <c r="CA4" s="598"/>
      <c r="CB4" s="598"/>
      <c r="CC4" s="598"/>
      <c r="CD4" s="599"/>
      <c r="CE4" s="597" t="s">
        <v>40</v>
      </c>
      <c r="CF4" s="598"/>
      <c r="CG4" s="598"/>
      <c r="CH4" s="598"/>
      <c r="CI4" s="598"/>
      <c r="CJ4" s="598"/>
      <c r="CK4" s="598"/>
      <c r="CL4" s="598"/>
      <c r="CM4" s="598"/>
      <c r="CN4" s="599"/>
      <c r="CO4" s="595"/>
      <c r="CP4" s="586"/>
      <c r="CQ4" s="586"/>
      <c r="CR4" s="586"/>
      <c r="CS4" s="586"/>
      <c r="CT4" s="586"/>
      <c r="CU4" s="586"/>
      <c r="CV4" s="586"/>
      <c r="CW4" s="586"/>
      <c r="CX4" s="586"/>
      <c r="CY4" s="597" t="s">
        <v>39</v>
      </c>
      <c r="CZ4" s="598"/>
      <c r="DA4" s="598"/>
      <c r="DB4" s="598"/>
      <c r="DC4" s="598"/>
      <c r="DD4" s="598"/>
      <c r="DE4" s="598"/>
      <c r="DF4" s="598"/>
      <c r="DG4" s="598"/>
      <c r="DH4" s="599"/>
      <c r="DI4" s="597" t="s">
        <v>40</v>
      </c>
      <c r="DJ4" s="598"/>
      <c r="DK4" s="598"/>
      <c r="DL4" s="598"/>
      <c r="DM4" s="598"/>
      <c r="DN4" s="598"/>
      <c r="DO4" s="598"/>
      <c r="DP4" s="598"/>
      <c r="DQ4" s="598"/>
      <c r="DR4" s="599"/>
      <c r="DS4" s="595"/>
      <c r="DT4" s="586"/>
      <c r="DU4" s="586"/>
      <c r="DV4" s="586"/>
      <c r="DW4" s="586"/>
      <c r="DX4" s="586"/>
      <c r="DY4" s="586"/>
      <c r="DZ4" s="586"/>
      <c r="EA4" s="586"/>
      <c r="EB4" s="596"/>
    </row>
    <row r="5" spans="2:133" ht="21" customHeight="1" x14ac:dyDescent="0.2">
      <c r="B5" s="603"/>
      <c r="C5" s="573" t="s">
        <v>61</v>
      </c>
      <c r="D5" s="574"/>
      <c r="E5" s="575"/>
      <c r="F5" s="576" t="s">
        <v>62</v>
      </c>
      <c r="G5" s="577"/>
      <c r="H5" s="577"/>
      <c r="I5" s="577"/>
      <c r="J5" s="577"/>
      <c r="K5" s="578"/>
      <c r="L5" s="588" t="s">
        <v>52</v>
      </c>
      <c r="M5" s="590" t="s">
        <v>61</v>
      </c>
      <c r="N5" s="583"/>
      <c r="O5" s="584"/>
      <c r="P5" s="585" t="s">
        <v>62</v>
      </c>
      <c r="Q5" s="586"/>
      <c r="R5" s="586"/>
      <c r="S5" s="586"/>
      <c r="T5" s="586"/>
      <c r="U5" s="587"/>
      <c r="V5" s="581" t="s">
        <v>52</v>
      </c>
      <c r="W5" s="582" t="s">
        <v>61</v>
      </c>
      <c r="X5" s="583"/>
      <c r="Y5" s="584"/>
      <c r="Z5" s="585" t="s">
        <v>62</v>
      </c>
      <c r="AA5" s="586"/>
      <c r="AB5" s="586"/>
      <c r="AC5" s="586"/>
      <c r="AD5" s="586"/>
      <c r="AE5" s="587"/>
      <c r="AF5" s="581" t="s">
        <v>52</v>
      </c>
      <c r="AG5" s="573" t="s">
        <v>61</v>
      </c>
      <c r="AH5" s="574"/>
      <c r="AI5" s="575"/>
      <c r="AJ5" s="576" t="s">
        <v>62</v>
      </c>
      <c r="AK5" s="577"/>
      <c r="AL5" s="577"/>
      <c r="AM5" s="577"/>
      <c r="AN5" s="577"/>
      <c r="AO5" s="578"/>
      <c r="AP5" s="579" t="s">
        <v>52</v>
      </c>
      <c r="AQ5" s="590" t="s">
        <v>61</v>
      </c>
      <c r="AR5" s="583"/>
      <c r="AS5" s="584"/>
      <c r="AT5" s="585" t="s">
        <v>62</v>
      </c>
      <c r="AU5" s="586"/>
      <c r="AV5" s="586"/>
      <c r="AW5" s="586"/>
      <c r="AX5" s="586"/>
      <c r="AY5" s="587"/>
      <c r="AZ5" s="606" t="s">
        <v>52</v>
      </c>
      <c r="BA5" s="590" t="s">
        <v>61</v>
      </c>
      <c r="BB5" s="583"/>
      <c r="BC5" s="584"/>
      <c r="BD5" s="585" t="s">
        <v>62</v>
      </c>
      <c r="BE5" s="586"/>
      <c r="BF5" s="586"/>
      <c r="BG5" s="586"/>
      <c r="BH5" s="586"/>
      <c r="BI5" s="587"/>
      <c r="BJ5" s="581" t="s">
        <v>52</v>
      </c>
      <c r="BK5" s="573" t="s">
        <v>61</v>
      </c>
      <c r="BL5" s="574"/>
      <c r="BM5" s="575"/>
      <c r="BN5" s="576" t="s">
        <v>62</v>
      </c>
      <c r="BO5" s="577"/>
      <c r="BP5" s="577"/>
      <c r="BQ5" s="577"/>
      <c r="BR5" s="577"/>
      <c r="BS5" s="578"/>
      <c r="BT5" s="588" t="s">
        <v>52</v>
      </c>
      <c r="BU5" s="590" t="s">
        <v>61</v>
      </c>
      <c r="BV5" s="583"/>
      <c r="BW5" s="584"/>
      <c r="BX5" s="585" t="s">
        <v>62</v>
      </c>
      <c r="BY5" s="586"/>
      <c r="BZ5" s="586"/>
      <c r="CA5" s="586"/>
      <c r="CB5" s="586"/>
      <c r="CC5" s="587"/>
      <c r="CD5" s="581" t="s">
        <v>52</v>
      </c>
      <c r="CE5" s="582" t="s">
        <v>61</v>
      </c>
      <c r="CF5" s="583"/>
      <c r="CG5" s="584"/>
      <c r="CH5" s="585" t="s">
        <v>62</v>
      </c>
      <c r="CI5" s="586"/>
      <c r="CJ5" s="586"/>
      <c r="CK5" s="586"/>
      <c r="CL5" s="586"/>
      <c r="CM5" s="587"/>
      <c r="CN5" s="581" t="s">
        <v>52</v>
      </c>
      <c r="CO5" s="573" t="s">
        <v>61</v>
      </c>
      <c r="CP5" s="574"/>
      <c r="CQ5" s="575"/>
      <c r="CR5" s="576" t="s">
        <v>62</v>
      </c>
      <c r="CS5" s="577"/>
      <c r="CT5" s="577"/>
      <c r="CU5" s="577"/>
      <c r="CV5" s="577"/>
      <c r="CW5" s="578"/>
      <c r="CX5" s="588" t="s">
        <v>52</v>
      </c>
      <c r="CY5" s="590" t="s">
        <v>61</v>
      </c>
      <c r="CZ5" s="583"/>
      <c r="DA5" s="584"/>
      <c r="DB5" s="585" t="s">
        <v>62</v>
      </c>
      <c r="DC5" s="586"/>
      <c r="DD5" s="586"/>
      <c r="DE5" s="586"/>
      <c r="DF5" s="586"/>
      <c r="DG5" s="587"/>
      <c r="DH5" s="581" t="s">
        <v>52</v>
      </c>
      <c r="DI5" s="582" t="s">
        <v>61</v>
      </c>
      <c r="DJ5" s="583"/>
      <c r="DK5" s="584"/>
      <c r="DL5" s="585" t="s">
        <v>62</v>
      </c>
      <c r="DM5" s="586"/>
      <c r="DN5" s="586"/>
      <c r="DO5" s="586"/>
      <c r="DP5" s="586"/>
      <c r="DQ5" s="587"/>
      <c r="DR5" s="581" t="s">
        <v>52</v>
      </c>
      <c r="DS5" s="573" t="s">
        <v>61</v>
      </c>
      <c r="DT5" s="574"/>
      <c r="DU5" s="575"/>
      <c r="DV5" s="576" t="s">
        <v>62</v>
      </c>
      <c r="DW5" s="577"/>
      <c r="DX5" s="577"/>
      <c r="DY5" s="577"/>
      <c r="DZ5" s="577"/>
      <c r="EA5" s="578"/>
      <c r="EB5" s="579" t="s">
        <v>52</v>
      </c>
    </row>
    <row r="6" spans="2:133" ht="30" customHeight="1" thickBot="1" x14ac:dyDescent="0.25">
      <c r="B6" s="311" t="s">
        <v>42</v>
      </c>
      <c r="C6" s="31" t="s">
        <v>43</v>
      </c>
      <c r="D6" s="32" t="s">
        <v>44</v>
      </c>
      <c r="E6" s="32" t="s">
        <v>45</v>
      </c>
      <c r="F6" s="33" t="s">
        <v>47</v>
      </c>
      <c r="G6" s="34" t="s">
        <v>48</v>
      </c>
      <c r="H6" s="34" t="s">
        <v>49</v>
      </c>
      <c r="I6" s="35" t="s">
        <v>50</v>
      </c>
      <c r="J6" s="32" t="s">
        <v>51</v>
      </c>
      <c r="K6" s="36" t="s">
        <v>95</v>
      </c>
      <c r="L6" s="589"/>
      <c r="M6" s="31" t="s">
        <v>43</v>
      </c>
      <c r="N6" s="32" t="s">
        <v>44</v>
      </c>
      <c r="O6" s="36" t="s">
        <v>45</v>
      </c>
      <c r="P6" s="33" t="s">
        <v>47</v>
      </c>
      <c r="Q6" s="34" t="s">
        <v>48</v>
      </c>
      <c r="R6" s="34" t="s">
        <v>49</v>
      </c>
      <c r="S6" s="35" t="s">
        <v>50</v>
      </c>
      <c r="T6" s="32" t="s">
        <v>51</v>
      </c>
      <c r="U6" s="36" t="s">
        <v>45</v>
      </c>
      <c r="V6" s="580"/>
      <c r="W6" s="15" t="s">
        <v>43</v>
      </c>
      <c r="X6" s="32" t="s">
        <v>44</v>
      </c>
      <c r="Y6" s="36" t="s">
        <v>45</v>
      </c>
      <c r="Z6" s="15" t="s">
        <v>47</v>
      </c>
      <c r="AA6" s="34" t="s">
        <v>48</v>
      </c>
      <c r="AB6" s="34" t="s">
        <v>49</v>
      </c>
      <c r="AC6" s="35" t="s">
        <v>50</v>
      </c>
      <c r="AD6" s="32" t="s">
        <v>51</v>
      </c>
      <c r="AE6" s="36" t="s">
        <v>45</v>
      </c>
      <c r="AF6" s="580"/>
      <c r="AG6" s="31" t="s">
        <v>43</v>
      </c>
      <c r="AH6" s="32" t="s">
        <v>44</v>
      </c>
      <c r="AI6" s="36" t="s">
        <v>45</v>
      </c>
      <c r="AJ6" s="15" t="s">
        <v>47</v>
      </c>
      <c r="AK6" s="34" t="s">
        <v>48</v>
      </c>
      <c r="AL6" s="34" t="s">
        <v>49</v>
      </c>
      <c r="AM6" s="35" t="s">
        <v>50</v>
      </c>
      <c r="AN6" s="32" t="s">
        <v>51</v>
      </c>
      <c r="AO6" s="36" t="s">
        <v>45</v>
      </c>
      <c r="AP6" s="580"/>
      <c r="AQ6" s="31" t="s">
        <v>43</v>
      </c>
      <c r="AR6" s="32" t="s">
        <v>44</v>
      </c>
      <c r="AS6" s="36" t="s">
        <v>45</v>
      </c>
      <c r="AT6" s="33" t="s">
        <v>47</v>
      </c>
      <c r="AU6" s="34" t="s">
        <v>48</v>
      </c>
      <c r="AV6" s="34" t="s">
        <v>49</v>
      </c>
      <c r="AW6" s="35" t="s">
        <v>50</v>
      </c>
      <c r="AX6" s="32" t="s">
        <v>51</v>
      </c>
      <c r="AY6" s="36" t="s">
        <v>45</v>
      </c>
      <c r="AZ6" s="589"/>
      <c r="BA6" s="31" t="s">
        <v>43</v>
      </c>
      <c r="BB6" s="32" t="s">
        <v>44</v>
      </c>
      <c r="BC6" s="32" t="s">
        <v>45</v>
      </c>
      <c r="BD6" s="33" t="s">
        <v>47</v>
      </c>
      <c r="BE6" s="34" t="s">
        <v>48</v>
      </c>
      <c r="BF6" s="34" t="s">
        <v>49</v>
      </c>
      <c r="BG6" s="35" t="s">
        <v>50</v>
      </c>
      <c r="BH6" s="32" t="s">
        <v>51</v>
      </c>
      <c r="BI6" s="36" t="s">
        <v>45</v>
      </c>
      <c r="BJ6" s="580"/>
      <c r="BK6" s="31" t="s">
        <v>43</v>
      </c>
      <c r="BL6" s="32" t="s">
        <v>44</v>
      </c>
      <c r="BM6" s="32" t="s">
        <v>45</v>
      </c>
      <c r="BN6" s="33" t="s">
        <v>47</v>
      </c>
      <c r="BO6" s="34" t="s">
        <v>48</v>
      </c>
      <c r="BP6" s="34" t="s">
        <v>49</v>
      </c>
      <c r="BQ6" s="35" t="s">
        <v>50</v>
      </c>
      <c r="BR6" s="32" t="s">
        <v>51</v>
      </c>
      <c r="BS6" s="36" t="s">
        <v>45</v>
      </c>
      <c r="BT6" s="589"/>
      <c r="BU6" s="31" t="s">
        <v>43</v>
      </c>
      <c r="BV6" s="32" t="s">
        <v>44</v>
      </c>
      <c r="BW6" s="32" t="s">
        <v>45</v>
      </c>
      <c r="BX6" s="33" t="s">
        <v>47</v>
      </c>
      <c r="BY6" s="34" t="s">
        <v>48</v>
      </c>
      <c r="BZ6" s="34" t="s">
        <v>49</v>
      </c>
      <c r="CA6" s="35" t="s">
        <v>50</v>
      </c>
      <c r="CB6" s="32" t="s">
        <v>51</v>
      </c>
      <c r="CC6" s="36" t="s">
        <v>45</v>
      </c>
      <c r="CD6" s="580"/>
      <c r="CE6" s="15" t="s">
        <v>43</v>
      </c>
      <c r="CF6" s="32" t="s">
        <v>44</v>
      </c>
      <c r="CG6" s="32" t="s">
        <v>45</v>
      </c>
      <c r="CH6" s="33" t="s">
        <v>47</v>
      </c>
      <c r="CI6" s="34" t="s">
        <v>48</v>
      </c>
      <c r="CJ6" s="34" t="s">
        <v>49</v>
      </c>
      <c r="CK6" s="35" t="s">
        <v>50</v>
      </c>
      <c r="CL6" s="32" t="s">
        <v>51</v>
      </c>
      <c r="CM6" s="36" t="s">
        <v>45</v>
      </c>
      <c r="CN6" s="580"/>
      <c r="CO6" s="31" t="s">
        <v>43</v>
      </c>
      <c r="CP6" s="32" t="s">
        <v>44</v>
      </c>
      <c r="CQ6" s="32" t="s">
        <v>45</v>
      </c>
      <c r="CR6" s="33" t="s">
        <v>47</v>
      </c>
      <c r="CS6" s="34" t="s">
        <v>48</v>
      </c>
      <c r="CT6" s="34" t="s">
        <v>49</v>
      </c>
      <c r="CU6" s="35" t="s">
        <v>50</v>
      </c>
      <c r="CV6" s="32" t="s">
        <v>51</v>
      </c>
      <c r="CW6" s="36" t="s">
        <v>45</v>
      </c>
      <c r="CX6" s="589"/>
      <c r="CY6" s="31" t="s">
        <v>43</v>
      </c>
      <c r="CZ6" s="32" t="s">
        <v>44</v>
      </c>
      <c r="DA6" s="32" t="s">
        <v>45</v>
      </c>
      <c r="DB6" s="33" t="s">
        <v>47</v>
      </c>
      <c r="DC6" s="34" t="s">
        <v>48</v>
      </c>
      <c r="DD6" s="34" t="s">
        <v>49</v>
      </c>
      <c r="DE6" s="35" t="s">
        <v>50</v>
      </c>
      <c r="DF6" s="32" t="s">
        <v>51</v>
      </c>
      <c r="DG6" s="36" t="s">
        <v>45</v>
      </c>
      <c r="DH6" s="580"/>
      <c r="DI6" s="15" t="s">
        <v>43</v>
      </c>
      <c r="DJ6" s="32" t="s">
        <v>44</v>
      </c>
      <c r="DK6" s="32" t="s">
        <v>45</v>
      </c>
      <c r="DL6" s="33" t="s">
        <v>47</v>
      </c>
      <c r="DM6" s="34" t="s">
        <v>48</v>
      </c>
      <c r="DN6" s="34" t="s">
        <v>49</v>
      </c>
      <c r="DO6" s="35" t="s">
        <v>50</v>
      </c>
      <c r="DP6" s="32" t="s">
        <v>51</v>
      </c>
      <c r="DQ6" s="36" t="s">
        <v>45</v>
      </c>
      <c r="DR6" s="580"/>
      <c r="DS6" s="31" t="s">
        <v>43</v>
      </c>
      <c r="DT6" s="32" t="s">
        <v>44</v>
      </c>
      <c r="DU6" s="32" t="s">
        <v>45</v>
      </c>
      <c r="DV6" s="33" t="s">
        <v>47</v>
      </c>
      <c r="DW6" s="34" t="s">
        <v>48</v>
      </c>
      <c r="DX6" s="34" t="s">
        <v>49</v>
      </c>
      <c r="DY6" s="35" t="s">
        <v>50</v>
      </c>
      <c r="DZ6" s="32" t="s">
        <v>51</v>
      </c>
      <c r="EA6" s="36" t="s">
        <v>45</v>
      </c>
      <c r="EB6" s="580"/>
    </row>
    <row r="7" spans="2:133" ht="21" customHeight="1" x14ac:dyDescent="0.2">
      <c r="B7" s="310" t="s">
        <v>4</v>
      </c>
      <c r="C7" s="185">
        <v>0</v>
      </c>
      <c r="D7" s="186">
        <v>0</v>
      </c>
      <c r="E7" s="186">
        <v>0</v>
      </c>
      <c r="F7" s="187">
        <v>433</v>
      </c>
      <c r="G7" s="188">
        <v>1514</v>
      </c>
      <c r="H7" s="188">
        <v>9905</v>
      </c>
      <c r="I7" s="188">
        <v>14904</v>
      </c>
      <c r="J7" s="186">
        <v>10409</v>
      </c>
      <c r="K7" s="189">
        <v>37165</v>
      </c>
      <c r="L7" s="190">
        <v>37165</v>
      </c>
      <c r="M7" s="185">
        <v>0</v>
      </c>
      <c r="N7" s="186">
        <v>0</v>
      </c>
      <c r="O7" s="189">
        <v>0</v>
      </c>
      <c r="P7" s="187">
        <v>430</v>
      </c>
      <c r="Q7" s="188">
        <v>1502</v>
      </c>
      <c r="R7" s="188">
        <v>9838</v>
      </c>
      <c r="S7" s="188">
        <v>14766</v>
      </c>
      <c r="T7" s="186">
        <v>10263</v>
      </c>
      <c r="U7" s="189">
        <v>36799</v>
      </c>
      <c r="V7" s="191">
        <v>36799</v>
      </c>
      <c r="W7" s="192">
        <v>0</v>
      </c>
      <c r="X7" s="186">
        <v>0</v>
      </c>
      <c r="Y7" s="189">
        <v>0</v>
      </c>
      <c r="Z7" s="192">
        <v>3</v>
      </c>
      <c r="AA7" s="188">
        <v>12</v>
      </c>
      <c r="AB7" s="188">
        <v>67</v>
      </c>
      <c r="AC7" s="188">
        <v>138</v>
      </c>
      <c r="AD7" s="186">
        <v>146</v>
      </c>
      <c r="AE7" s="189">
        <v>366</v>
      </c>
      <c r="AF7" s="193">
        <v>366</v>
      </c>
      <c r="AG7" s="192">
        <v>0</v>
      </c>
      <c r="AH7" s="186">
        <v>0</v>
      </c>
      <c r="AI7" s="189">
        <v>0</v>
      </c>
      <c r="AJ7" s="192">
        <v>1640</v>
      </c>
      <c r="AK7" s="188">
        <v>3351</v>
      </c>
      <c r="AL7" s="188">
        <v>4672</v>
      </c>
      <c r="AM7" s="188">
        <v>5653</v>
      </c>
      <c r="AN7" s="186">
        <v>2947</v>
      </c>
      <c r="AO7" s="189">
        <v>18263</v>
      </c>
      <c r="AP7" s="193">
        <v>18263</v>
      </c>
      <c r="AQ7" s="192">
        <v>0</v>
      </c>
      <c r="AR7" s="186">
        <v>0</v>
      </c>
      <c r="AS7" s="189">
        <v>0</v>
      </c>
      <c r="AT7" s="187">
        <v>1614</v>
      </c>
      <c r="AU7" s="188">
        <v>3315</v>
      </c>
      <c r="AV7" s="188">
        <v>4592</v>
      </c>
      <c r="AW7" s="188">
        <v>5541</v>
      </c>
      <c r="AX7" s="186">
        <v>2876</v>
      </c>
      <c r="AY7" s="189">
        <v>17938</v>
      </c>
      <c r="AZ7" s="190">
        <v>17938</v>
      </c>
      <c r="BA7" s="185">
        <v>0</v>
      </c>
      <c r="BB7" s="186">
        <v>0</v>
      </c>
      <c r="BC7" s="186">
        <v>0</v>
      </c>
      <c r="BD7" s="187">
        <v>26</v>
      </c>
      <c r="BE7" s="188">
        <v>36</v>
      </c>
      <c r="BF7" s="188">
        <v>80</v>
      </c>
      <c r="BG7" s="188">
        <v>112</v>
      </c>
      <c r="BH7" s="186">
        <v>71</v>
      </c>
      <c r="BI7" s="189">
        <v>325</v>
      </c>
      <c r="BJ7" s="191">
        <v>325</v>
      </c>
      <c r="BK7" s="192">
        <v>0</v>
      </c>
      <c r="BL7" s="186">
        <v>0</v>
      </c>
      <c r="BM7" s="186">
        <v>0</v>
      </c>
      <c r="BN7" s="187">
        <v>0</v>
      </c>
      <c r="BO7" s="188">
        <v>4</v>
      </c>
      <c r="BP7" s="188">
        <v>12</v>
      </c>
      <c r="BQ7" s="188">
        <v>116</v>
      </c>
      <c r="BR7" s="186">
        <v>148</v>
      </c>
      <c r="BS7" s="189">
        <v>280</v>
      </c>
      <c r="BT7" s="190">
        <v>280</v>
      </c>
      <c r="BU7" s="185">
        <v>0</v>
      </c>
      <c r="BV7" s="186">
        <v>0</v>
      </c>
      <c r="BW7" s="186">
        <v>0</v>
      </c>
      <c r="BX7" s="187">
        <v>0</v>
      </c>
      <c r="BY7" s="188">
        <v>4</v>
      </c>
      <c r="BZ7" s="188">
        <v>12</v>
      </c>
      <c r="CA7" s="188">
        <v>116</v>
      </c>
      <c r="CB7" s="186">
        <v>146</v>
      </c>
      <c r="CC7" s="189">
        <v>278</v>
      </c>
      <c r="CD7" s="191">
        <v>278</v>
      </c>
      <c r="CE7" s="192">
        <v>0</v>
      </c>
      <c r="CF7" s="186">
        <v>0</v>
      </c>
      <c r="CG7" s="186">
        <v>0</v>
      </c>
      <c r="CH7" s="187">
        <v>0</v>
      </c>
      <c r="CI7" s="188">
        <v>0</v>
      </c>
      <c r="CJ7" s="188">
        <v>0</v>
      </c>
      <c r="CK7" s="188">
        <v>0</v>
      </c>
      <c r="CL7" s="186">
        <v>2</v>
      </c>
      <c r="CM7" s="189">
        <v>2</v>
      </c>
      <c r="CN7" s="191">
        <v>2</v>
      </c>
      <c r="CO7" s="192">
        <v>0</v>
      </c>
      <c r="CP7" s="186">
        <v>0</v>
      </c>
      <c r="CQ7" s="186">
        <v>0</v>
      </c>
      <c r="CR7" s="187">
        <v>12</v>
      </c>
      <c r="CS7" s="188">
        <v>29</v>
      </c>
      <c r="CT7" s="188">
        <v>67</v>
      </c>
      <c r="CU7" s="188">
        <v>323</v>
      </c>
      <c r="CV7" s="186">
        <v>456</v>
      </c>
      <c r="CW7" s="189">
        <v>887</v>
      </c>
      <c r="CX7" s="190">
        <v>887</v>
      </c>
      <c r="CY7" s="185">
        <v>0</v>
      </c>
      <c r="CZ7" s="186">
        <v>0</v>
      </c>
      <c r="DA7" s="186">
        <v>0</v>
      </c>
      <c r="DB7" s="187">
        <v>10</v>
      </c>
      <c r="DC7" s="188">
        <v>29</v>
      </c>
      <c r="DD7" s="188">
        <v>67</v>
      </c>
      <c r="DE7" s="188">
        <v>316</v>
      </c>
      <c r="DF7" s="186">
        <v>439</v>
      </c>
      <c r="DG7" s="189">
        <v>861</v>
      </c>
      <c r="DH7" s="191">
        <v>861</v>
      </c>
      <c r="DI7" s="192">
        <v>0</v>
      </c>
      <c r="DJ7" s="186">
        <v>0</v>
      </c>
      <c r="DK7" s="186">
        <v>0</v>
      </c>
      <c r="DL7" s="187">
        <v>2</v>
      </c>
      <c r="DM7" s="188">
        <v>0</v>
      </c>
      <c r="DN7" s="188">
        <v>0</v>
      </c>
      <c r="DO7" s="188">
        <v>7</v>
      </c>
      <c r="DP7" s="186">
        <v>17</v>
      </c>
      <c r="DQ7" s="189">
        <v>26</v>
      </c>
      <c r="DR7" s="191">
        <v>26</v>
      </c>
      <c r="DS7" s="192">
        <v>0</v>
      </c>
      <c r="DT7" s="186">
        <v>0</v>
      </c>
      <c r="DU7" s="186">
        <v>0</v>
      </c>
      <c r="DV7" s="187">
        <v>2085</v>
      </c>
      <c r="DW7" s="188">
        <v>4898</v>
      </c>
      <c r="DX7" s="188">
        <v>14635</v>
      </c>
      <c r="DY7" s="188">
        <v>20967</v>
      </c>
      <c r="DZ7" s="186">
        <v>13947</v>
      </c>
      <c r="EA7" s="189">
        <v>56532</v>
      </c>
      <c r="EB7" s="191">
        <v>56532</v>
      </c>
      <c r="EC7" s="37"/>
    </row>
    <row r="8" spans="2:133" ht="21" customHeight="1" x14ac:dyDescent="0.2">
      <c r="B8" s="62" t="s">
        <v>5</v>
      </c>
      <c r="C8" s="194">
        <v>0</v>
      </c>
      <c r="D8" s="195">
        <v>0</v>
      </c>
      <c r="E8" s="195">
        <v>0</v>
      </c>
      <c r="F8" s="196">
        <v>245</v>
      </c>
      <c r="G8" s="197">
        <v>968</v>
      </c>
      <c r="H8" s="197">
        <v>4275</v>
      </c>
      <c r="I8" s="197">
        <v>6168</v>
      </c>
      <c r="J8" s="195">
        <v>4484</v>
      </c>
      <c r="K8" s="198">
        <v>16140</v>
      </c>
      <c r="L8" s="199">
        <v>16140</v>
      </c>
      <c r="M8" s="194">
        <v>0</v>
      </c>
      <c r="N8" s="195">
        <v>0</v>
      </c>
      <c r="O8" s="198">
        <v>0</v>
      </c>
      <c r="P8" s="196">
        <v>244</v>
      </c>
      <c r="Q8" s="197">
        <v>960</v>
      </c>
      <c r="R8" s="197">
        <v>4245</v>
      </c>
      <c r="S8" s="197">
        <v>6106</v>
      </c>
      <c r="T8" s="195">
        <v>4408</v>
      </c>
      <c r="U8" s="198">
        <v>15963</v>
      </c>
      <c r="V8" s="200">
        <v>15963</v>
      </c>
      <c r="W8" s="201">
        <v>0</v>
      </c>
      <c r="X8" s="195">
        <v>0</v>
      </c>
      <c r="Y8" s="198">
        <v>0</v>
      </c>
      <c r="Z8" s="201">
        <v>1</v>
      </c>
      <c r="AA8" s="197">
        <v>8</v>
      </c>
      <c r="AB8" s="197">
        <v>30</v>
      </c>
      <c r="AC8" s="197">
        <v>62</v>
      </c>
      <c r="AD8" s="195">
        <v>76</v>
      </c>
      <c r="AE8" s="198">
        <v>177</v>
      </c>
      <c r="AF8" s="202">
        <v>177</v>
      </c>
      <c r="AG8" s="201">
        <v>0</v>
      </c>
      <c r="AH8" s="195">
        <v>0</v>
      </c>
      <c r="AI8" s="198">
        <v>0</v>
      </c>
      <c r="AJ8" s="201">
        <v>598</v>
      </c>
      <c r="AK8" s="197">
        <v>1485</v>
      </c>
      <c r="AL8" s="197">
        <v>1987</v>
      </c>
      <c r="AM8" s="197">
        <v>2537</v>
      </c>
      <c r="AN8" s="195">
        <v>1416</v>
      </c>
      <c r="AO8" s="198">
        <v>8023</v>
      </c>
      <c r="AP8" s="202">
        <v>8023</v>
      </c>
      <c r="AQ8" s="201">
        <v>0</v>
      </c>
      <c r="AR8" s="195">
        <v>0</v>
      </c>
      <c r="AS8" s="198">
        <v>0</v>
      </c>
      <c r="AT8" s="196">
        <v>596</v>
      </c>
      <c r="AU8" s="197">
        <v>1468</v>
      </c>
      <c r="AV8" s="197">
        <v>1956</v>
      </c>
      <c r="AW8" s="197">
        <v>2494</v>
      </c>
      <c r="AX8" s="195">
        <v>1385</v>
      </c>
      <c r="AY8" s="198">
        <v>7899</v>
      </c>
      <c r="AZ8" s="199">
        <v>7899</v>
      </c>
      <c r="BA8" s="194">
        <v>0</v>
      </c>
      <c r="BB8" s="195">
        <v>0</v>
      </c>
      <c r="BC8" s="195">
        <v>0</v>
      </c>
      <c r="BD8" s="196">
        <v>2</v>
      </c>
      <c r="BE8" s="197">
        <v>17</v>
      </c>
      <c r="BF8" s="197">
        <v>31</v>
      </c>
      <c r="BG8" s="197">
        <v>43</v>
      </c>
      <c r="BH8" s="195">
        <v>31</v>
      </c>
      <c r="BI8" s="198">
        <v>124</v>
      </c>
      <c r="BJ8" s="200">
        <v>124</v>
      </c>
      <c r="BK8" s="201">
        <v>0</v>
      </c>
      <c r="BL8" s="195">
        <v>0</v>
      </c>
      <c r="BM8" s="195">
        <v>0</v>
      </c>
      <c r="BN8" s="196">
        <v>0</v>
      </c>
      <c r="BO8" s="197">
        <v>0</v>
      </c>
      <c r="BP8" s="197">
        <v>3</v>
      </c>
      <c r="BQ8" s="197">
        <v>36</v>
      </c>
      <c r="BR8" s="195">
        <v>47</v>
      </c>
      <c r="BS8" s="198">
        <v>86</v>
      </c>
      <c r="BT8" s="199">
        <v>86</v>
      </c>
      <c r="BU8" s="194">
        <v>0</v>
      </c>
      <c r="BV8" s="195">
        <v>0</v>
      </c>
      <c r="BW8" s="195">
        <v>0</v>
      </c>
      <c r="BX8" s="196">
        <v>0</v>
      </c>
      <c r="BY8" s="197">
        <v>0</v>
      </c>
      <c r="BZ8" s="197">
        <v>3</v>
      </c>
      <c r="CA8" s="197">
        <v>36</v>
      </c>
      <c r="CB8" s="195">
        <v>47</v>
      </c>
      <c r="CC8" s="198">
        <v>86</v>
      </c>
      <c r="CD8" s="200">
        <v>86</v>
      </c>
      <c r="CE8" s="201">
        <v>0</v>
      </c>
      <c r="CF8" s="195">
        <v>0</v>
      </c>
      <c r="CG8" s="195">
        <v>0</v>
      </c>
      <c r="CH8" s="196">
        <v>0</v>
      </c>
      <c r="CI8" s="197">
        <v>0</v>
      </c>
      <c r="CJ8" s="197">
        <v>0</v>
      </c>
      <c r="CK8" s="197">
        <v>0</v>
      </c>
      <c r="CL8" s="195">
        <v>0</v>
      </c>
      <c r="CM8" s="198">
        <v>0</v>
      </c>
      <c r="CN8" s="200">
        <v>0</v>
      </c>
      <c r="CO8" s="201">
        <v>0</v>
      </c>
      <c r="CP8" s="195">
        <v>0</v>
      </c>
      <c r="CQ8" s="195">
        <v>0</v>
      </c>
      <c r="CR8" s="196">
        <v>1</v>
      </c>
      <c r="CS8" s="197">
        <v>8</v>
      </c>
      <c r="CT8" s="197">
        <v>16</v>
      </c>
      <c r="CU8" s="197">
        <v>82</v>
      </c>
      <c r="CV8" s="195">
        <v>106</v>
      </c>
      <c r="CW8" s="198">
        <v>213</v>
      </c>
      <c r="CX8" s="199">
        <v>213</v>
      </c>
      <c r="CY8" s="194">
        <v>0</v>
      </c>
      <c r="CZ8" s="195">
        <v>0</v>
      </c>
      <c r="DA8" s="195">
        <v>0</v>
      </c>
      <c r="DB8" s="196">
        <v>1</v>
      </c>
      <c r="DC8" s="197">
        <v>8</v>
      </c>
      <c r="DD8" s="197">
        <v>16</v>
      </c>
      <c r="DE8" s="197">
        <v>80</v>
      </c>
      <c r="DF8" s="195">
        <v>105</v>
      </c>
      <c r="DG8" s="198">
        <v>210</v>
      </c>
      <c r="DH8" s="200">
        <v>210</v>
      </c>
      <c r="DI8" s="201">
        <v>0</v>
      </c>
      <c r="DJ8" s="195">
        <v>0</v>
      </c>
      <c r="DK8" s="195">
        <v>0</v>
      </c>
      <c r="DL8" s="196">
        <v>0</v>
      </c>
      <c r="DM8" s="197">
        <v>0</v>
      </c>
      <c r="DN8" s="197">
        <v>0</v>
      </c>
      <c r="DO8" s="197">
        <v>2</v>
      </c>
      <c r="DP8" s="195">
        <v>1</v>
      </c>
      <c r="DQ8" s="198">
        <v>3</v>
      </c>
      <c r="DR8" s="200">
        <v>3</v>
      </c>
      <c r="DS8" s="201">
        <v>0</v>
      </c>
      <c r="DT8" s="195">
        <v>0</v>
      </c>
      <c r="DU8" s="195">
        <v>0</v>
      </c>
      <c r="DV8" s="196">
        <v>844</v>
      </c>
      <c r="DW8" s="197">
        <v>2461</v>
      </c>
      <c r="DX8" s="197">
        <v>6281</v>
      </c>
      <c r="DY8" s="197">
        <v>8823</v>
      </c>
      <c r="DZ8" s="195">
        <v>6053</v>
      </c>
      <c r="EA8" s="198">
        <v>24462</v>
      </c>
      <c r="EB8" s="200">
        <v>24462</v>
      </c>
      <c r="EC8" s="37"/>
    </row>
    <row r="9" spans="2:133" ht="21" customHeight="1" x14ac:dyDescent="0.2">
      <c r="B9" s="62" t="s">
        <v>6</v>
      </c>
      <c r="C9" s="194">
        <v>0</v>
      </c>
      <c r="D9" s="195">
        <v>0</v>
      </c>
      <c r="E9" s="195">
        <v>0</v>
      </c>
      <c r="F9" s="196">
        <v>73</v>
      </c>
      <c r="G9" s="197">
        <v>181</v>
      </c>
      <c r="H9" s="197">
        <v>1259</v>
      </c>
      <c r="I9" s="197">
        <v>1809</v>
      </c>
      <c r="J9" s="195">
        <v>1296</v>
      </c>
      <c r="K9" s="198">
        <v>4618</v>
      </c>
      <c r="L9" s="199">
        <v>4618</v>
      </c>
      <c r="M9" s="194">
        <v>0</v>
      </c>
      <c r="N9" s="195">
        <v>0</v>
      </c>
      <c r="O9" s="198">
        <v>0</v>
      </c>
      <c r="P9" s="196">
        <v>73</v>
      </c>
      <c r="Q9" s="197">
        <v>181</v>
      </c>
      <c r="R9" s="197">
        <v>1246</v>
      </c>
      <c r="S9" s="197">
        <v>1789</v>
      </c>
      <c r="T9" s="195">
        <v>1281</v>
      </c>
      <c r="U9" s="198">
        <v>4570</v>
      </c>
      <c r="V9" s="200">
        <v>4570</v>
      </c>
      <c r="W9" s="201">
        <v>0</v>
      </c>
      <c r="X9" s="195">
        <v>0</v>
      </c>
      <c r="Y9" s="198">
        <v>0</v>
      </c>
      <c r="Z9" s="201">
        <v>0</v>
      </c>
      <c r="AA9" s="197">
        <v>0</v>
      </c>
      <c r="AB9" s="197">
        <v>13</v>
      </c>
      <c r="AC9" s="197">
        <v>20</v>
      </c>
      <c r="AD9" s="195">
        <v>15</v>
      </c>
      <c r="AE9" s="198">
        <v>48</v>
      </c>
      <c r="AF9" s="202">
        <v>48</v>
      </c>
      <c r="AG9" s="201">
        <v>0</v>
      </c>
      <c r="AH9" s="195">
        <v>0</v>
      </c>
      <c r="AI9" s="198">
        <v>0</v>
      </c>
      <c r="AJ9" s="201">
        <v>203</v>
      </c>
      <c r="AK9" s="197">
        <v>312</v>
      </c>
      <c r="AL9" s="197">
        <v>460</v>
      </c>
      <c r="AM9" s="197">
        <v>684</v>
      </c>
      <c r="AN9" s="195">
        <v>326</v>
      </c>
      <c r="AO9" s="198">
        <v>1985</v>
      </c>
      <c r="AP9" s="202">
        <v>1985</v>
      </c>
      <c r="AQ9" s="201">
        <v>0</v>
      </c>
      <c r="AR9" s="195">
        <v>0</v>
      </c>
      <c r="AS9" s="198">
        <v>0</v>
      </c>
      <c r="AT9" s="196">
        <v>195</v>
      </c>
      <c r="AU9" s="197">
        <v>309</v>
      </c>
      <c r="AV9" s="197">
        <v>449</v>
      </c>
      <c r="AW9" s="197">
        <v>663</v>
      </c>
      <c r="AX9" s="195">
        <v>315</v>
      </c>
      <c r="AY9" s="198">
        <v>1931</v>
      </c>
      <c r="AZ9" s="199">
        <v>1931</v>
      </c>
      <c r="BA9" s="194">
        <v>0</v>
      </c>
      <c r="BB9" s="195">
        <v>0</v>
      </c>
      <c r="BC9" s="195">
        <v>0</v>
      </c>
      <c r="BD9" s="196">
        <v>8</v>
      </c>
      <c r="BE9" s="197">
        <v>3</v>
      </c>
      <c r="BF9" s="197">
        <v>11</v>
      </c>
      <c r="BG9" s="197">
        <v>21</v>
      </c>
      <c r="BH9" s="195">
        <v>11</v>
      </c>
      <c r="BI9" s="198">
        <v>54</v>
      </c>
      <c r="BJ9" s="200">
        <v>54</v>
      </c>
      <c r="BK9" s="201">
        <v>0</v>
      </c>
      <c r="BL9" s="195">
        <v>0</v>
      </c>
      <c r="BM9" s="195">
        <v>0</v>
      </c>
      <c r="BN9" s="196">
        <v>0</v>
      </c>
      <c r="BO9" s="197">
        <v>3</v>
      </c>
      <c r="BP9" s="197">
        <v>6</v>
      </c>
      <c r="BQ9" s="197">
        <v>45</v>
      </c>
      <c r="BR9" s="195">
        <v>62</v>
      </c>
      <c r="BS9" s="198">
        <v>116</v>
      </c>
      <c r="BT9" s="199">
        <v>116</v>
      </c>
      <c r="BU9" s="194">
        <v>0</v>
      </c>
      <c r="BV9" s="195">
        <v>0</v>
      </c>
      <c r="BW9" s="195">
        <v>0</v>
      </c>
      <c r="BX9" s="196">
        <v>0</v>
      </c>
      <c r="BY9" s="197">
        <v>3</v>
      </c>
      <c r="BZ9" s="197">
        <v>6</v>
      </c>
      <c r="CA9" s="197">
        <v>45</v>
      </c>
      <c r="CB9" s="195">
        <v>60</v>
      </c>
      <c r="CC9" s="198">
        <v>114</v>
      </c>
      <c r="CD9" s="200">
        <v>114</v>
      </c>
      <c r="CE9" s="201">
        <v>0</v>
      </c>
      <c r="CF9" s="195">
        <v>0</v>
      </c>
      <c r="CG9" s="195">
        <v>0</v>
      </c>
      <c r="CH9" s="196">
        <v>0</v>
      </c>
      <c r="CI9" s="197">
        <v>0</v>
      </c>
      <c r="CJ9" s="197">
        <v>0</v>
      </c>
      <c r="CK9" s="197">
        <v>0</v>
      </c>
      <c r="CL9" s="195">
        <v>2</v>
      </c>
      <c r="CM9" s="198">
        <v>2</v>
      </c>
      <c r="CN9" s="200">
        <v>2</v>
      </c>
      <c r="CO9" s="201">
        <v>0</v>
      </c>
      <c r="CP9" s="195">
        <v>0</v>
      </c>
      <c r="CQ9" s="195">
        <v>0</v>
      </c>
      <c r="CR9" s="196">
        <v>1</v>
      </c>
      <c r="CS9" s="197">
        <v>1</v>
      </c>
      <c r="CT9" s="197">
        <v>3</v>
      </c>
      <c r="CU9" s="197">
        <v>46</v>
      </c>
      <c r="CV9" s="195">
        <v>62</v>
      </c>
      <c r="CW9" s="198">
        <v>113</v>
      </c>
      <c r="CX9" s="199">
        <v>113</v>
      </c>
      <c r="CY9" s="194">
        <v>0</v>
      </c>
      <c r="CZ9" s="195">
        <v>0</v>
      </c>
      <c r="DA9" s="195">
        <v>0</v>
      </c>
      <c r="DB9" s="196">
        <v>1</v>
      </c>
      <c r="DC9" s="197">
        <v>1</v>
      </c>
      <c r="DD9" s="197">
        <v>3</v>
      </c>
      <c r="DE9" s="197">
        <v>45</v>
      </c>
      <c r="DF9" s="195">
        <v>60</v>
      </c>
      <c r="DG9" s="198">
        <v>110</v>
      </c>
      <c r="DH9" s="200">
        <v>110</v>
      </c>
      <c r="DI9" s="201">
        <v>0</v>
      </c>
      <c r="DJ9" s="195">
        <v>0</v>
      </c>
      <c r="DK9" s="195">
        <v>0</v>
      </c>
      <c r="DL9" s="196">
        <v>0</v>
      </c>
      <c r="DM9" s="197">
        <v>0</v>
      </c>
      <c r="DN9" s="197">
        <v>0</v>
      </c>
      <c r="DO9" s="197">
        <v>1</v>
      </c>
      <c r="DP9" s="195">
        <v>2</v>
      </c>
      <c r="DQ9" s="198">
        <v>3</v>
      </c>
      <c r="DR9" s="200">
        <v>3</v>
      </c>
      <c r="DS9" s="201">
        <v>0</v>
      </c>
      <c r="DT9" s="195">
        <v>0</v>
      </c>
      <c r="DU9" s="195">
        <v>0</v>
      </c>
      <c r="DV9" s="196">
        <v>277</v>
      </c>
      <c r="DW9" s="197">
        <v>497</v>
      </c>
      <c r="DX9" s="197">
        <v>1728</v>
      </c>
      <c r="DY9" s="197">
        <v>2584</v>
      </c>
      <c r="DZ9" s="195">
        <v>1746</v>
      </c>
      <c r="EA9" s="198">
        <v>6832</v>
      </c>
      <c r="EB9" s="200">
        <v>6832</v>
      </c>
      <c r="EC9" s="37"/>
    </row>
    <row r="10" spans="2:133" ht="21" customHeight="1" x14ac:dyDescent="0.2">
      <c r="B10" s="62" t="s">
        <v>14</v>
      </c>
      <c r="C10" s="194">
        <v>0</v>
      </c>
      <c r="D10" s="195">
        <v>0</v>
      </c>
      <c r="E10" s="195">
        <v>0</v>
      </c>
      <c r="F10" s="196">
        <v>9</v>
      </c>
      <c r="G10" s="197">
        <v>42</v>
      </c>
      <c r="H10" s="197">
        <v>821</v>
      </c>
      <c r="I10" s="197">
        <v>1297</v>
      </c>
      <c r="J10" s="195">
        <v>796</v>
      </c>
      <c r="K10" s="198">
        <v>2965</v>
      </c>
      <c r="L10" s="199">
        <v>2965</v>
      </c>
      <c r="M10" s="194">
        <v>0</v>
      </c>
      <c r="N10" s="195">
        <v>0</v>
      </c>
      <c r="O10" s="198">
        <v>0</v>
      </c>
      <c r="P10" s="196">
        <v>9</v>
      </c>
      <c r="Q10" s="197">
        <v>42</v>
      </c>
      <c r="R10" s="197">
        <v>817</v>
      </c>
      <c r="S10" s="197">
        <v>1287</v>
      </c>
      <c r="T10" s="195">
        <v>787</v>
      </c>
      <c r="U10" s="198">
        <v>2942</v>
      </c>
      <c r="V10" s="200">
        <v>2942</v>
      </c>
      <c r="W10" s="201">
        <v>0</v>
      </c>
      <c r="X10" s="195">
        <v>0</v>
      </c>
      <c r="Y10" s="198">
        <v>0</v>
      </c>
      <c r="Z10" s="201">
        <v>0</v>
      </c>
      <c r="AA10" s="197">
        <v>0</v>
      </c>
      <c r="AB10" s="197">
        <v>4</v>
      </c>
      <c r="AC10" s="197">
        <v>10</v>
      </c>
      <c r="AD10" s="195">
        <v>9</v>
      </c>
      <c r="AE10" s="198">
        <v>23</v>
      </c>
      <c r="AF10" s="202">
        <v>23</v>
      </c>
      <c r="AG10" s="201">
        <v>0</v>
      </c>
      <c r="AH10" s="195">
        <v>0</v>
      </c>
      <c r="AI10" s="198">
        <v>0</v>
      </c>
      <c r="AJ10" s="201">
        <v>74</v>
      </c>
      <c r="AK10" s="197">
        <v>191</v>
      </c>
      <c r="AL10" s="197">
        <v>288</v>
      </c>
      <c r="AM10" s="197">
        <v>394</v>
      </c>
      <c r="AN10" s="195">
        <v>193</v>
      </c>
      <c r="AO10" s="198">
        <v>1140</v>
      </c>
      <c r="AP10" s="202">
        <v>1140</v>
      </c>
      <c r="AQ10" s="201">
        <v>0</v>
      </c>
      <c r="AR10" s="195">
        <v>0</v>
      </c>
      <c r="AS10" s="198">
        <v>0</v>
      </c>
      <c r="AT10" s="196">
        <v>71</v>
      </c>
      <c r="AU10" s="197">
        <v>190</v>
      </c>
      <c r="AV10" s="197">
        <v>281</v>
      </c>
      <c r="AW10" s="197">
        <v>388</v>
      </c>
      <c r="AX10" s="195">
        <v>187</v>
      </c>
      <c r="AY10" s="198">
        <v>1117</v>
      </c>
      <c r="AZ10" s="199">
        <v>1117</v>
      </c>
      <c r="BA10" s="194">
        <v>0</v>
      </c>
      <c r="BB10" s="195">
        <v>0</v>
      </c>
      <c r="BC10" s="195">
        <v>0</v>
      </c>
      <c r="BD10" s="196">
        <v>3</v>
      </c>
      <c r="BE10" s="197">
        <v>1</v>
      </c>
      <c r="BF10" s="197">
        <v>7</v>
      </c>
      <c r="BG10" s="197">
        <v>6</v>
      </c>
      <c r="BH10" s="195">
        <v>6</v>
      </c>
      <c r="BI10" s="198">
        <v>23</v>
      </c>
      <c r="BJ10" s="200">
        <v>23</v>
      </c>
      <c r="BK10" s="201">
        <v>0</v>
      </c>
      <c r="BL10" s="195">
        <v>0</v>
      </c>
      <c r="BM10" s="195">
        <v>0</v>
      </c>
      <c r="BN10" s="196">
        <v>0</v>
      </c>
      <c r="BO10" s="197">
        <v>1</v>
      </c>
      <c r="BP10" s="197">
        <v>2</v>
      </c>
      <c r="BQ10" s="197">
        <v>25</v>
      </c>
      <c r="BR10" s="195">
        <v>19</v>
      </c>
      <c r="BS10" s="198">
        <v>47</v>
      </c>
      <c r="BT10" s="199">
        <v>47</v>
      </c>
      <c r="BU10" s="194">
        <v>0</v>
      </c>
      <c r="BV10" s="195">
        <v>0</v>
      </c>
      <c r="BW10" s="195">
        <v>0</v>
      </c>
      <c r="BX10" s="196">
        <v>0</v>
      </c>
      <c r="BY10" s="197">
        <v>1</v>
      </c>
      <c r="BZ10" s="197">
        <v>2</v>
      </c>
      <c r="CA10" s="197">
        <v>25</v>
      </c>
      <c r="CB10" s="195">
        <v>19</v>
      </c>
      <c r="CC10" s="198">
        <v>47</v>
      </c>
      <c r="CD10" s="200">
        <v>47</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1</v>
      </c>
      <c r="CT10" s="197">
        <v>7</v>
      </c>
      <c r="CU10" s="197">
        <v>75</v>
      </c>
      <c r="CV10" s="195">
        <v>82</v>
      </c>
      <c r="CW10" s="198">
        <v>165</v>
      </c>
      <c r="CX10" s="199">
        <v>165</v>
      </c>
      <c r="CY10" s="194">
        <v>0</v>
      </c>
      <c r="CZ10" s="195">
        <v>0</v>
      </c>
      <c r="DA10" s="195">
        <v>0</v>
      </c>
      <c r="DB10" s="196">
        <v>0</v>
      </c>
      <c r="DC10" s="197">
        <v>1</v>
      </c>
      <c r="DD10" s="197">
        <v>7</v>
      </c>
      <c r="DE10" s="197">
        <v>75</v>
      </c>
      <c r="DF10" s="195">
        <v>78</v>
      </c>
      <c r="DG10" s="198">
        <v>161</v>
      </c>
      <c r="DH10" s="200">
        <v>161</v>
      </c>
      <c r="DI10" s="201">
        <v>0</v>
      </c>
      <c r="DJ10" s="195">
        <v>0</v>
      </c>
      <c r="DK10" s="195">
        <v>0</v>
      </c>
      <c r="DL10" s="196">
        <v>0</v>
      </c>
      <c r="DM10" s="197">
        <v>0</v>
      </c>
      <c r="DN10" s="197">
        <v>0</v>
      </c>
      <c r="DO10" s="197">
        <v>0</v>
      </c>
      <c r="DP10" s="195">
        <v>4</v>
      </c>
      <c r="DQ10" s="198">
        <v>4</v>
      </c>
      <c r="DR10" s="200">
        <v>4</v>
      </c>
      <c r="DS10" s="201">
        <v>0</v>
      </c>
      <c r="DT10" s="195">
        <v>0</v>
      </c>
      <c r="DU10" s="195">
        <v>0</v>
      </c>
      <c r="DV10" s="196">
        <v>83</v>
      </c>
      <c r="DW10" s="197">
        <v>235</v>
      </c>
      <c r="DX10" s="197">
        <v>1113</v>
      </c>
      <c r="DY10" s="197">
        <v>1783</v>
      </c>
      <c r="DZ10" s="195">
        <v>1086</v>
      </c>
      <c r="EA10" s="198">
        <v>4300</v>
      </c>
      <c r="EB10" s="200">
        <v>4300</v>
      </c>
      <c r="EC10" s="37"/>
    </row>
    <row r="11" spans="2:133" ht="21" customHeight="1" x14ac:dyDescent="0.2">
      <c r="B11" s="62" t="s">
        <v>7</v>
      </c>
      <c r="C11" s="194">
        <v>0</v>
      </c>
      <c r="D11" s="195">
        <v>0</v>
      </c>
      <c r="E11" s="195">
        <v>0</v>
      </c>
      <c r="F11" s="196">
        <v>20</v>
      </c>
      <c r="G11" s="197">
        <v>41</v>
      </c>
      <c r="H11" s="197">
        <v>578</v>
      </c>
      <c r="I11" s="197">
        <v>935</v>
      </c>
      <c r="J11" s="195">
        <v>568</v>
      </c>
      <c r="K11" s="198">
        <v>2142</v>
      </c>
      <c r="L11" s="199">
        <v>2142</v>
      </c>
      <c r="M11" s="194">
        <v>0</v>
      </c>
      <c r="N11" s="195">
        <v>0</v>
      </c>
      <c r="O11" s="198">
        <v>0</v>
      </c>
      <c r="P11" s="196">
        <v>19</v>
      </c>
      <c r="Q11" s="197">
        <v>40</v>
      </c>
      <c r="R11" s="197">
        <v>576</v>
      </c>
      <c r="S11" s="197">
        <v>923</v>
      </c>
      <c r="T11" s="195">
        <v>560</v>
      </c>
      <c r="U11" s="198">
        <v>2118</v>
      </c>
      <c r="V11" s="200">
        <v>2118</v>
      </c>
      <c r="W11" s="201">
        <v>0</v>
      </c>
      <c r="X11" s="195">
        <v>0</v>
      </c>
      <c r="Y11" s="198">
        <v>0</v>
      </c>
      <c r="Z11" s="201">
        <v>1</v>
      </c>
      <c r="AA11" s="197">
        <v>1</v>
      </c>
      <c r="AB11" s="197">
        <v>2</v>
      </c>
      <c r="AC11" s="197">
        <v>12</v>
      </c>
      <c r="AD11" s="195">
        <v>8</v>
      </c>
      <c r="AE11" s="198">
        <v>24</v>
      </c>
      <c r="AF11" s="202">
        <v>24</v>
      </c>
      <c r="AG11" s="201">
        <v>0</v>
      </c>
      <c r="AH11" s="195">
        <v>0</v>
      </c>
      <c r="AI11" s="198">
        <v>0</v>
      </c>
      <c r="AJ11" s="201">
        <v>155</v>
      </c>
      <c r="AK11" s="197">
        <v>207</v>
      </c>
      <c r="AL11" s="197">
        <v>271</v>
      </c>
      <c r="AM11" s="197">
        <v>279</v>
      </c>
      <c r="AN11" s="195">
        <v>96</v>
      </c>
      <c r="AO11" s="198">
        <v>1008</v>
      </c>
      <c r="AP11" s="202">
        <v>1008</v>
      </c>
      <c r="AQ11" s="201">
        <v>0</v>
      </c>
      <c r="AR11" s="195">
        <v>0</v>
      </c>
      <c r="AS11" s="198">
        <v>0</v>
      </c>
      <c r="AT11" s="196">
        <v>154</v>
      </c>
      <c r="AU11" s="197">
        <v>206</v>
      </c>
      <c r="AV11" s="197">
        <v>266</v>
      </c>
      <c r="AW11" s="197">
        <v>273</v>
      </c>
      <c r="AX11" s="195">
        <v>92</v>
      </c>
      <c r="AY11" s="198">
        <v>991</v>
      </c>
      <c r="AZ11" s="199">
        <v>991</v>
      </c>
      <c r="BA11" s="194">
        <v>0</v>
      </c>
      <c r="BB11" s="195">
        <v>0</v>
      </c>
      <c r="BC11" s="195">
        <v>0</v>
      </c>
      <c r="BD11" s="196">
        <v>1</v>
      </c>
      <c r="BE11" s="197">
        <v>1</v>
      </c>
      <c r="BF11" s="197">
        <v>5</v>
      </c>
      <c r="BG11" s="197">
        <v>6</v>
      </c>
      <c r="BH11" s="195">
        <v>4</v>
      </c>
      <c r="BI11" s="198">
        <v>17</v>
      </c>
      <c r="BJ11" s="200">
        <v>17</v>
      </c>
      <c r="BK11" s="201">
        <v>0</v>
      </c>
      <c r="BL11" s="195">
        <v>0</v>
      </c>
      <c r="BM11" s="195">
        <v>0</v>
      </c>
      <c r="BN11" s="196">
        <v>0</v>
      </c>
      <c r="BO11" s="197">
        <v>0</v>
      </c>
      <c r="BP11" s="197">
        <v>0</v>
      </c>
      <c r="BQ11" s="197">
        <v>2</v>
      </c>
      <c r="BR11" s="195">
        <v>3</v>
      </c>
      <c r="BS11" s="198">
        <v>5</v>
      </c>
      <c r="BT11" s="199">
        <v>5</v>
      </c>
      <c r="BU11" s="194">
        <v>0</v>
      </c>
      <c r="BV11" s="195">
        <v>0</v>
      </c>
      <c r="BW11" s="195">
        <v>0</v>
      </c>
      <c r="BX11" s="196">
        <v>0</v>
      </c>
      <c r="BY11" s="197">
        <v>0</v>
      </c>
      <c r="BZ11" s="197">
        <v>0</v>
      </c>
      <c r="CA11" s="197">
        <v>2</v>
      </c>
      <c r="CB11" s="195">
        <v>3</v>
      </c>
      <c r="CC11" s="198">
        <v>5</v>
      </c>
      <c r="CD11" s="200">
        <v>5</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2</v>
      </c>
      <c r="CV11" s="195">
        <v>2</v>
      </c>
      <c r="CW11" s="198">
        <v>6</v>
      </c>
      <c r="CX11" s="199">
        <v>6</v>
      </c>
      <c r="CY11" s="194">
        <v>0</v>
      </c>
      <c r="CZ11" s="195">
        <v>0</v>
      </c>
      <c r="DA11" s="195">
        <v>0</v>
      </c>
      <c r="DB11" s="196">
        <v>0</v>
      </c>
      <c r="DC11" s="197">
        <v>0</v>
      </c>
      <c r="DD11" s="197">
        <v>2</v>
      </c>
      <c r="DE11" s="197">
        <v>2</v>
      </c>
      <c r="DF11" s="195">
        <v>2</v>
      </c>
      <c r="DG11" s="198">
        <v>6</v>
      </c>
      <c r="DH11" s="200">
        <v>6</v>
      </c>
      <c r="DI11" s="201">
        <v>0</v>
      </c>
      <c r="DJ11" s="195">
        <v>0</v>
      </c>
      <c r="DK11" s="195">
        <v>0</v>
      </c>
      <c r="DL11" s="196">
        <v>0</v>
      </c>
      <c r="DM11" s="197">
        <v>0</v>
      </c>
      <c r="DN11" s="197">
        <v>0</v>
      </c>
      <c r="DO11" s="197">
        <v>0</v>
      </c>
      <c r="DP11" s="195">
        <v>0</v>
      </c>
      <c r="DQ11" s="198">
        <v>0</v>
      </c>
      <c r="DR11" s="200">
        <v>0</v>
      </c>
      <c r="DS11" s="201">
        <v>0</v>
      </c>
      <c r="DT11" s="195">
        <v>0</v>
      </c>
      <c r="DU11" s="195">
        <v>0</v>
      </c>
      <c r="DV11" s="196">
        <v>175</v>
      </c>
      <c r="DW11" s="197">
        <v>248</v>
      </c>
      <c r="DX11" s="197">
        <v>845</v>
      </c>
      <c r="DY11" s="197">
        <v>1213</v>
      </c>
      <c r="DZ11" s="195">
        <v>667</v>
      </c>
      <c r="EA11" s="198">
        <v>3148</v>
      </c>
      <c r="EB11" s="200">
        <v>3148</v>
      </c>
      <c r="EC11" s="37"/>
    </row>
    <row r="12" spans="2:133" ht="21" customHeight="1" x14ac:dyDescent="0.2">
      <c r="B12" s="62" t="s">
        <v>8</v>
      </c>
      <c r="C12" s="194">
        <v>0</v>
      </c>
      <c r="D12" s="195">
        <v>0</v>
      </c>
      <c r="E12" s="195">
        <v>0</v>
      </c>
      <c r="F12" s="196">
        <v>20</v>
      </c>
      <c r="G12" s="197">
        <v>66</v>
      </c>
      <c r="H12" s="197">
        <v>389</v>
      </c>
      <c r="I12" s="197">
        <v>448</v>
      </c>
      <c r="J12" s="195">
        <v>255</v>
      </c>
      <c r="K12" s="198">
        <v>1178</v>
      </c>
      <c r="L12" s="199">
        <v>1178</v>
      </c>
      <c r="M12" s="194">
        <v>0</v>
      </c>
      <c r="N12" s="195">
        <v>0</v>
      </c>
      <c r="O12" s="198">
        <v>0</v>
      </c>
      <c r="P12" s="196">
        <v>20</v>
      </c>
      <c r="Q12" s="197">
        <v>65</v>
      </c>
      <c r="R12" s="197">
        <v>387</v>
      </c>
      <c r="S12" s="197">
        <v>443</v>
      </c>
      <c r="T12" s="195">
        <v>254</v>
      </c>
      <c r="U12" s="198">
        <v>1169</v>
      </c>
      <c r="V12" s="200">
        <v>1169</v>
      </c>
      <c r="W12" s="201">
        <v>0</v>
      </c>
      <c r="X12" s="195">
        <v>0</v>
      </c>
      <c r="Y12" s="198">
        <v>0</v>
      </c>
      <c r="Z12" s="201">
        <v>0</v>
      </c>
      <c r="AA12" s="197">
        <v>1</v>
      </c>
      <c r="AB12" s="197">
        <v>2</v>
      </c>
      <c r="AC12" s="197">
        <v>5</v>
      </c>
      <c r="AD12" s="195">
        <v>1</v>
      </c>
      <c r="AE12" s="198">
        <v>9</v>
      </c>
      <c r="AF12" s="202">
        <v>9</v>
      </c>
      <c r="AG12" s="201">
        <v>0</v>
      </c>
      <c r="AH12" s="195">
        <v>0</v>
      </c>
      <c r="AI12" s="198">
        <v>0</v>
      </c>
      <c r="AJ12" s="201">
        <v>41</v>
      </c>
      <c r="AK12" s="197">
        <v>94</v>
      </c>
      <c r="AL12" s="197">
        <v>156</v>
      </c>
      <c r="AM12" s="197">
        <v>133</v>
      </c>
      <c r="AN12" s="195">
        <v>76</v>
      </c>
      <c r="AO12" s="198">
        <v>500</v>
      </c>
      <c r="AP12" s="202">
        <v>500</v>
      </c>
      <c r="AQ12" s="201">
        <v>0</v>
      </c>
      <c r="AR12" s="195">
        <v>0</v>
      </c>
      <c r="AS12" s="198">
        <v>0</v>
      </c>
      <c r="AT12" s="196">
        <v>41</v>
      </c>
      <c r="AU12" s="197">
        <v>92</v>
      </c>
      <c r="AV12" s="197">
        <v>154</v>
      </c>
      <c r="AW12" s="197">
        <v>130</v>
      </c>
      <c r="AX12" s="195">
        <v>73</v>
      </c>
      <c r="AY12" s="198">
        <v>490</v>
      </c>
      <c r="AZ12" s="199">
        <v>490</v>
      </c>
      <c r="BA12" s="194">
        <v>0</v>
      </c>
      <c r="BB12" s="195">
        <v>0</v>
      </c>
      <c r="BC12" s="195">
        <v>0</v>
      </c>
      <c r="BD12" s="196">
        <v>0</v>
      </c>
      <c r="BE12" s="197">
        <v>2</v>
      </c>
      <c r="BF12" s="197">
        <v>2</v>
      </c>
      <c r="BG12" s="197">
        <v>3</v>
      </c>
      <c r="BH12" s="195">
        <v>3</v>
      </c>
      <c r="BI12" s="198">
        <v>10</v>
      </c>
      <c r="BJ12" s="200">
        <v>10</v>
      </c>
      <c r="BK12" s="201">
        <v>0</v>
      </c>
      <c r="BL12" s="195">
        <v>0</v>
      </c>
      <c r="BM12" s="195">
        <v>0</v>
      </c>
      <c r="BN12" s="196">
        <v>0</v>
      </c>
      <c r="BO12" s="197">
        <v>0</v>
      </c>
      <c r="BP12" s="197">
        <v>0</v>
      </c>
      <c r="BQ12" s="197">
        <v>1</v>
      </c>
      <c r="BR12" s="195">
        <v>0</v>
      </c>
      <c r="BS12" s="198">
        <v>1</v>
      </c>
      <c r="BT12" s="199">
        <v>1</v>
      </c>
      <c r="BU12" s="194">
        <v>0</v>
      </c>
      <c r="BV12" s="195">
        <v>0</v>
      </c>
      <c r="BW12" s="195">
        <v>0</v>
      </c>
      <c r="BX12" s="196">
        <v>0</v>
      </c>
      <c r="BY12" s="197">
        <v>0</v>
      </c>
      <c r="BZ12" s="197">
        <v>0</v>
      </c>
      <c r="CA12" s="197">
        <v>1</v>
      </c>
      <c r="CB12" s="195">
        <v>0</v>
      </c>
      <c r="CC12" s="198">
        <v>1</v>
      </c>
      <c r="CD12" s="200">
        <v>1</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1</v>
      </c>
      <c r="CT12" s="197">
        <v>3</v>
      </c>
      <c r="CU12" s="197">
        <v>7</v>
      </c>
      <c r="CV12" s="195">
        <v>6</v>
      </c>
      <c r="CW12" s="198">
        <v>18</v>
      </c>
      <c r="CX12" s="199">
        <v>18</v>
      </c>
      <c r="CY12" s="194">
        <v>0</v>
      </c>
      <c r="CZ12" s="195">
        <v>0</v>
      </c>
      <c r="DA12" s="195">
        <v>0</v>
      </c>
      <c r="DB12" s="196">
        <v>1</v>
      </c>
      <c r="DC12" s="197">
        <v>1</v>
      </c>
      <c r="DD12" s="197">
        <v>3</v>
      </c>
      <c r="DE12" s="197">
        <v>6</v>
      </c>
      <c r="DF12" s="195">
        <v>6</v>
      </c>
      <c r="DG12" s="198">
        <v>17</v>
      </c>
      <c r="DH12" s="200">
        <v>17</v>
      </c>
      <c r="DI12" s="201">
        <v>0</v>
      </c>
      <c r="DJ12" s="195">
        <v>0</v>
      </c>
      <c r="DK12" s="195">
        <v>0</v>
      </c>
      <c r="DL12" s="196">
        <v>0</v>
      </c>
      <c r="DM12" s="197">
        <v>0</v>
      </c>
      <c r="DN12" s="197">
        <v>0</v>
      </c>
      <c r="DO12" s="197">
        <v>1</v>
      </c>
      <c r="DP12" s="195">
        <v>0</v>
      </c>
      <c r="DQ12" s="198">
        <v>1</v>
      </c>
      <c r="DR12" s="200">
        <v>1</v>
      </c>
      <c r="DS12" s="201">
        <v>0</v>
      </c>
      <c r="DT12" s="195">
        <v>0</v>
      </c>
      <c r="DU12" s="195">
        <v>0</v>
      </c>
      <c r="DV12" s="196">
        <v>62</v>
      </c>
      <c r="DW12" s="197">
        <v>161</v>
      </c>
      <c r="DX12" s="197">
        <v>548</v>
      </c>
      <c r="DY12" s="197">
        <v>589</v>
      </c>
      <c r="DZ12" s="195">
        <v>337</v>
      </c>
      <c r="EA12" s="198">
        <v>1697</v>
      </c>
      <c r="EB12" s="200">
        <v>1697</v>
      </c>
      <c r="EC12" s="37"/>
    </row>
    <row r="13" spans="2:133" ht="21" customHeight="1" x14ac:dyDescent="0.2">
      <c r="B13" s="62" t="s">
        <v>9</v>
      </c>
      <c r="C13" s="194">
        <v>0</v>
      </c>
      <c r="D13" s="195">
        <v>0</v>
      </c>
      <c r="E13" s="195">
        <v>0</v>
      </c>
      <c r="F13" s="196">
        <v>8</v>
      </c>
      <c r="G13" s="197">
        <v>4</v>
      </c>
      <c r="H13" s="197">
        <v>209</v>
      </c>
      <c r="I13" s="197">
        <v>358</v>
      </c>
      <c r="J13" s="195">
        <v>269</v>
      </c>
      <c r="K13" s="198">
        <v>848</v>
      </c>
      <c r="L13" s="199">
        <v>848</v>
      </c>
      <c r="M13" s="194">
        <v>0</v>
      </c>
      <c r="N13" s="195">
        <v>0</v>
      </c>
      <c r="O13" s="198">
        <v>0</v>
      </c>
      <c r="P13" s="196">
        <v>8</v>
      </c>
      <c r="Q13" s="197">
        <v>4</v>
      </c>
      <c r="R13" s="197">
        <v>208</v>
      </c>
      <c r="S13" s="197">
        <v>355</v>
      </c>
      <c r="T13" s="195">
        <v>267</v>
      </c>
      <c r="U13" s="198">
        <v>842</v>
      </c>
      <c r="V13" s="200">
        <v>842</v>
      </c>
      <c r="W13" s="201">
        <v>0</v>
      </c>
      <c r="X13" s="195">
        <v>0</v>
      </c>
      <c r="Y13" s="198">
        <v>0</v>
      </c>
      <c r="Z13" s="201">
        <v>0</v>
      </c>
      <c r="AA13" s="197">
        <v>0</v>
      </c>
      <c r="AB13" s="197">
        <v>1</v>
      </c>
      <c r="AC13" s="197">
        <v>3</v>
      </c>
      <c r="AD13" s="195">
        <v>2</v>
      </c>
      <c r="AE13" s="198">
        <v>6</v>
      </c>
      <c r="AF13" s="202">
        <v>6</v>
      </c>
      <c r="AG13" s="201">
        <v>0</v>
      </c>
      <c r="AH13" s="195">
        <v>0</v>
      </c>
      <c r="AI13" s="198">
        <v>0</v>
      </c>
      <c r="AJ13" s="201">
        <v>30</v>
      </c>
      <c r="AK13" s="197">
        <v>71</v>
      </c>
      <c r="AL13" s="197">
        <v>102</v>
      </c>
      <c r="AM13" s="197">
        <v>117</v>
      </c>
      <c r="AN13" s="195">
        <v>60</v>
      </c>
      <c r="AO13" s="198">
        <v>380</v>
      </c>
      <c r="AP13" s="202">
        <v>380</v>
      </c>
      <c r="AQ13" s="201">
        <v>0</v>
      </c>
      <c r="AR13" s="195">
        <v>0</v>
      </c>
      <c r="AS13" s="198">
        <v>0</v>
      </c>
      <c r="AT13" s="196">
        <v>30</v>
      </c>
      <c r="AU13" s="197">
        <v>71</v>
      </c>
      <c r="AV13" s="197">
        <v>98</v>
      </c>
      <c r="AW13" s="197">
        <v>116</v>
      </c>
      <c r="AX13" s="195">
        <v>59</v>
      </c>
      <c r="AY13" s="198">
        <v>374</v>
      </c>
      <c r="AZ13" s="199">
        <v>374</v>
      </c>
      <c r="BA13" s="194">
        <v>0</v>
      </c>
      <c r="BB13" s="195">
        <v>0</v>
      </c>
      <c r="BC13" s="195">
        <v>0</v>
      </c>
      <c r="BD13" s="196">
        <v>0</v>
      </c>
      <c r="BE13" s="197">
        <v>0</v>
      </c>
      <c r="BF13" s="197">
        <v>4</v>
      </c>
      <c r="BG13" s="197">
        <v>1</v>
      </c>
      <c r="BH13" s="195">
        <v>1</v>
      </c>
      <c r="BI13" s="198">
        <v>6</v>
      </c>
      <c r="BJ13" s="200">
        <v>6</v>
      </c>
      <c r="BK13" s="201">
        <v>0</v>
      </c>
      <c r="BL13" s="195">
        <v>0</v>
      </c>
      <c r="BM13" s="195">
        <v>0</v>
      </c>
      <c r="BN13" s="196">
        <v>0</v>
      </c>
      <c r="BO13" s="197">
        <v>0</v>
      </c>
      <c r="BP13" s="197">
        <v>0</v>
      </c>
      <c r="BQ13" s="197">
        <v>0</v>
      </c>
      <c r="BR13" s="195">
        <v>0</v>
      </c>
      <c r="BS13" s="198">
        <v>0</v>
      </c>
      <c r="BT13" s="199">
        <v>0</v>
      </c>
      <c r="BU13" s="194">
        <v>0</v>
      </c>
      <c r="BV13" s="195">
        <v>0</v>
      </c>
      <c r="BW13" s="195">
        <v>0</v>
      </c>
      <c r="BX13" s="196">
        <v>0</v>
      </c>
      <c r="BY13" s="197">
        <v>0</v>
      </c>
      <c r="BZ13" s="197">
        <v>0</v>
      </c>
      <c r="CA13" s="197">
        <v>0</v>
      </c>
      <c r="CB13" s="195">
        <v>0</v>
      </c>
      <c r="CC13" s="198">
        <v>0</v>
      </c>
      <c r="CD13" s="200">
        <v>0</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0</v>
      </c>
      <c r="CT13" s="197">
        <v>1</v>
      </c>
      <c r="CU13" s="197">
        <v>1</v>
      </c>
      <c r="CV13" s="195">
        <v>6</v>
      </c>
      <c r="CW13" s="198">
        <v>8</v>
      </c>
      <c r="CX13" s="199">
        <v>8</v>
      </c>
      <c r="CY13" s="194">
        <v>0</v>
      </c>
      <c r="CZ13" s="195">
        <v>0</v>
      </c>
      <c r="DA13" s="195">
        <v>0</v>
      </c>
      <c r="DB13" s="196">
        <v>0</v>
      </c>
      <c r="DC13" s="197">
        <v>0</v>
      </c>
      <c r="DD13" s="197">
        <v>1</v>
      </c>
      <c r="DE13" s="197">
        <v>1</v>
      </c>
      <c r="DF13" s="195">
        <v>6</v>
      </c>
      <c r="DG13" s="198">
        <v>8</v>
      </c>
      <c r="DH13" s="200">
        <v>8</v>
      </c>
      <c r="DI13" s="201">
        <v>0</v>
      </c>
      <c r="DJ13" s="195">
        <v>0</v>
      </c>
      <c r="DK13" s="195">
        <v>0</v>
      </c>
      <c r="DL13" s="196">
        <v>0</v>
      </c>
      <c r="DM13" s="197">
        <v>0</v>
      </c>
      <c r="DN13" s="197">
        <v>0</v>
      </c>
      <c r="DO13" s="197">
        <v>0</v>
      </c>
      <c r="DP13" s="195">
        <v>0</v>
      </c>
      <c r="DQ13" s="198">
        <v>0</v>
      </c>
      <c r="DR13" s="200">
        <v>0</v>
      </c>
      <c r="DS13" s="201">
        <v>0</v>
      </c>
      <c r="DT13" s="195">
        <v>0</v>
      </c>
      <c r="DU13" s="195">
        <v>0</v>
      </c>
      <c r="DV13" s="196">
        <v>38</v>
      </c>
      <c r="DW13" s="197">
        <v>75</v>
      </c>
      <c r="DX13" s="197">
        <v>312</v>
      </c>
      <c r="DY13" s="197">
        <v>476</v>
      </c>
      <c r="DZ13" s="195">
        <v>333</v>
      </c>
      <c r="EA13" s="198">
        <v>1234</v>
      </c>
      <c r="EB13" s="200">
        <v>1234</v>
      </c>
      <c r="EC13" s="37"/>
    </row>
    <row r="14" spans="2:133" ht="21" customHeight="1" x14ac:dyDescent="0.2">
      <c r="B14" s="62" t="s">
        <v>10</v>
      </c>
      <c r="C14" s="194">
        <v>0</v>
      </c>
      <c r="D14" s="195">
        <v>0</v>
      </c>
      <c r="E14" s="195">
        <v>0</v>
      </c>
      <c r="F14" s="196">
        <v>17</v>
      </c>
      <c r="G14" s="197">
        <v>41</v>
      </c>
      <c r="H14" s="197">
        <v>326</v>
      </c>
      <c r="I14" s="197">
        <v>552</v>
      </c>
      <c r="J14" s="195">
        <v>488</v>
      </c>
      <c r="K14" s="198">
        <v>1424</v>
      </c>
      <c r="L14" s="199">
        <v>1424</v>
      </c>
      <c r="M14" s="194">
        <v>0</v>
      </c>
      <c r="N14" s="195">
        <v>0</v>
      </c>
      <c r="O14" s="198">
        <v>0</v>
      </c>
      <c r="P14" s="196">
        <v>17</v>
      </c>
      <c r="Q14" s="197">
        <v>40</v>
      </c>
      <c r="R14" s="197">
        <v>322</v>
      </c>
      <c r="S14" s="197">
        <v>548</v>
      </c>
      <c r="T14" s="195">
        <v>483</v>
      </c>
      <c r="U14" s="198">
        <v>1410</v>
      </c>
      <c r="V14" s="200">
        <v>1410</v>
      </c>
      <c r="W14" s="201">
        <v>0</v>
      </c>
      <c r="X14" s="195">
        <v>0</v>
      </c>
      <c r="Y14" s="198">
        <v>0</v>
      </c>
      <c r="Z14" s="201">
        <v>0</v>
      </c>
      <c r="AA14" s="197">
        <v>1</v>
      </c>
      <c r="AB14" s="197">
        <v>4</v>
      </c>
      <c r="AC14" s="197">
        <v>4</v>
      </c>
      <c r="AD14" s="195">
        <v>5</v>
      </c>
      <c r="AE14" s="198">
        <v>14</v>
      </c>
      <c r="AF14" s="202">
        <v>14</v>
      </c>
      <c r="AG14" s="201">
        <v>0</v>
      </c>
      <c r="AH14" s="195">
        <v>0</v>
      </c>
      <c r="AI14" s="198">
        <v>0</v>
      </c>
      <c r="AJ14" s="201">
        <v>92</v>
      </c>
      <c r="AK14" s="197">
        <v>119</v>
      </c>
      <c r="AL14" s="197">
        <v>172</v>
      </c>
      <c r="AM14" s="197">
        <v>175</v>
      </c>
      <c r="AN14" s="195">
        <v>101</v>
      </c>
      <c r="AO14" s="198">
        <v>659</v>
      </c>
      <c r="AP14" s="202">
        <v>659</v>
      </c>
      <c r="AQ14" s="201">
        <v>0</v>
      </c>
      <c r="AR14" s="195">
        <v>0</v>
      </c>
      <c r="AS14" s="198">
        <v>0</v>
      </c>
      <c r="AT14" s="196">
        <v>88</v>
      </c>
      <c r="AU14" s="197">
        <v>117</v>
      </c>
      <c r="AV14" s="197">
        <v>171</v>
      </c>
      <c r="AW14" s="197">
        <v>171</v>
      </c>
      <c r="AX14" s="195">
        <v>97</v>
      </c>
      <c r="AY14" s="198">
        <v>644</v>
      </c>
      <c r="AZ14" s="199">
        <v>644</v>
      </c>
      <c r="BA14" s="194">
        <v>0</v>
      </c>
      <c r="BB14" s="195">
        <v>0</v>
      </c>
      <c r="BC14" s="195">
        <v>0</v>
      </c>
      <c r="BD14" s="196">
        <v>4</v>
      </c>
      <c r="BE14" s="197">
        <v>2</v>
      </c>
      <c r="BF14" s="197">
        <v>1</v>
      </c>
      <c r="BG14" s="197">
        <v>4</v>
      </c>
      <c r="BH14" s="195">
        <v>4</v>
      </c>
      <c r="BI14" s="198">
        <v>15</v>
      </c>
      <c r="BJ14" s="200">
        <v>15</v>
      </c>
      <c r="BK14" s="201">
        <v>0</v>
      </c>
      <c r="BL14" s="195">
        <v>0</v>
      </c>
      <c r="BM14" s="195">
        <v>0</v>
      </c>
      <c r="BN14" s="196">
        <v>0</v>
      </c>
      <c r="BO14" s="197">
        <v>0</v>
      </c>
      <c r="BP14" s="197">
        <v>0</v>
      </c>
      <c r="BQ14" s="197">
        <v>0</v>
      </c>
      <c r="BR14" s="195">
        <v>2</v>
      </c>
      <c r="BS14" s="198">
        <v>2</v>
      </c>
      <c r="BT14" s="199">
        <v>2</v>
      </c>
      <c r="BU14" s="194">
        <v>0</v>
      </c>
      <c r="BV14" s="195">
        <v>0</v>
      </c>
      <c r="BW14" s="195">
        <v>0</v>
      </c>
      <c r="BX14" s="196">
        <v>0</v>
      </c>
      <c r="BY14" s="197">
        <v>0</v>
      </c>
      <c r="BZ14" s="197">
        <v>0</v>
      </c>
      <c r="CA14" s="197">
        <v>0</v>
      </c>
      <c r="CB14" s="195">
        <v>2</v>
      </c>
      <c r="CC14" s="198">
        <v>2</v>
      </c>
      <c r="CD14" s="200">
        <v>2</v>
      </c>
      <c r="CE14" s="201">
        <v>0</v>
      </c>
      <c r="CF14" s="195">
        <v>0</v>
      </c>
      <c r="CG14" s="195">
        <v>0</v>
      </c>
      <c r="CH14" s="196">
        <v>0</v>
      </c>
      <c r="CI14" s="197">
        <v>0</v>
      </c>
      <c r="CJ14" s="197">
        <v>0</v>
      </c>
      <c r="CK14" s="197">
        <v>0</v>
      </c>
      <c r="CL14" s="195">
        <v>0</v>
      </c>
      <c r="CM14" s="198">
        <v>0</v>
      </c>
      <c r="CN14" s="200">
        <v>0</v>
      </c>
      <c r="CO14" s="201">
        <v>0</v>
      </c>
      <c r="CP14" s="195">
        <v>0</v>
      </c>
      <c r="CQ14" s="195">
        <v>0</v>
      </c>
      <c r="CR14" s="196">
        <v>0</v>
      </c>
      <c r="CS14" s="197">
        <v>0</v>
      </c>
      <c r="CT14" s="197">
        <v>1</v>
      </c>
      <c r="CU14" s="197">
        <v>3</v>
      </c>
      <c r="CV14" s="195">
        <v>33</v>
      </c>
      <c r="CW14" s="198">
        <v>37</v>
      </c>
      <c r="CX14" s="199">
        <v>37</v>
      </c>
      <c r="CY14" s="194">
        <v>0</v>
      </c>
      <c r="CZ14" s="195">
        <v>0</v>
      </c>
      <c r="DA14" s="195">
        <v>0</v>
      </c>
      <c r="DB14" s="196">
        <v>0</v>
      </c>
      <c r="DC14" s="197">
        <v>0</v>
      </c>
      <c r="DD14" s="197">
        <v>1</v>
      </c>
      <c r="DE14" s="197">
        <v>3</v>
      </c>
      <c r="DF14" s="195">
        <v>33</v>
      </c>
      <c r="DG14" s="198">
        <v>37</v>
      </c>
      <c r="DH14" s="200">
        <v>37</v>
      </c>
      <c r="DI14" s="201">
        <v>0</v>
      </c>
      <c r="DJ14" s="195">
        <v>0</v>
      </c>
      <c r="DK14" s="195">
        <v>0</v>
      </c>
      <c r="DL14" s="196">
        <v>0</v>
      </c>
      <c r="DM14" s="197">
        <v>0</v>
      </c>
      <c r="DN14" s="197">
        <v>0</v>
      </c>
      <c r="DO14" s="197">
        <v>0</v>
      </c>
      <c r="DP14" s="195">
        <v>0</v>
      </c>
      <c r="DQ14" s="198">
        <v>0</v>
      </c>
      <c r="DR14" s="200">
        <v>0</v>
      </c>
      <c r="DS14" s="201">
        <v>0</v>
      </c>
      <c r="DT14" s="195">
        <v>0</v>
      </c>
      <c r="DU14" s="195">
        <v>0</v>
      </c>
      <c r="DV14" s="196">
        <v>109</v>
      </c>
      <c r="DW14" s="197">
        <v>160</v>
      </c>
      <c r="DX14" s="197">
        <v>498</v>
      </c>
      <c r="DY14" s="197">
        <v>727</v>
      </c>
      <c r="DZ14" s="195">
        <v>623</v>
      </c>
      <c r="EA14" s="198">
        <v>2117</v>
      </c>
      <c r="EB14" s="200">
        <v>2117</v>
      </c>
      <c r="EC14" s="37"/>
    </row>
    <row r="15" spans="2:133" ht="21" customHeight="1" x14ac:dyDescent="0.2">
      <c r="B15" s="62" t="s">
        <v>11</v>
      </c>
      <c r="C15" s="194">
        <v>0</v>
      </c>
      <c r="D15" s="195">
        <v>0</v>
      </c>
      <c r="E15" s="195">
        <v>0</v>
      </c>
      <c r="F15" s="196">
        <v>1</v>
      </c>
      <c r="G15" s="197">
        <v>7</v>
      </c>
      <c r="H15" s="197">
        <v>185</v>
      </c>
      <c r="I15" s="197">
        <v>372</v>
      </c>
      <c r="J15" s="195">
        <v>203</v>
      </c>
      <c r="K15" s="198">
        <v>768</v>
      </c>
      <c r="L15" s="199">
        <v>768</v>
      </c>
      <c r="M15" s="194">
        <v>0</v>
      </c>
      <c r="N15" s="195">
        <v>0</v>
      </c>
      <c r="O15" s="198">
        <v>0</v>
      </c>
      <c r="P15" s="196">
        <v>1</v>
      </c>
      <c r="Q15" s="197">
        <v>7</v>
      </c>
      <c r="R15" s="197">
        <v>185</v>
      </c>
      <c r="S15" s="197">
        <v>369</v>
      </c>
      <c r="T15" s="195">
        <v>203</v>
      </c>
      <c r="U15" s="198">
        <v>765</v>
      </c>
      <c r="V15" s="200">
        <v>765</v>
      </c>
      <c r="W15" s="201">
        <v>0</v>
      </c>
      <c r="X15" s="195">
        <v>0</v>
      </c>
      <c r="Y15" s="198">
        <v>0</v>
      </c>
      <c r="Z15" s="201">
        <v>0</v>
      </c>
      <c r="AA15" s="197">
        <v>0</v>
      </c>
      <c r="AB15" s="197">
        <v>0</v>
      </c>
      <c r="AC15" s="197">
        <v>3</v>
      </c>
      <c r="AD15" s="195">
        <v>0</v>
      </c>
      <c r="AE15" s="198">
        <v>3</v>
      </c>
      <c r="AF15" s="202">
        <v>3</v>
      </c>
      <c r="AG15" s="201">
        <v>0</v>
      </c>
      <c r="AH15" s="195">
        <v>0</v>
      </c>
      <c r="AI15" s="198">
        <v>0</v>
      </c>
      <c r="AJ15" s="201">
        <v>68</v>
      </c>
      <c r="AK15" s="197">
        <v>81</v>
      </c>
      <c r="AL15" s="197">
        <v>135</v>
      </c>
      <c r="AM15" s="197">
        <v>135</v>
      </c>
      <c r="AN15" s="195">
        <v>78</v>
      </c>
      <c r="AO15" s="198">
        <v>497</v>
      </c>
      <c r="AP15" s="202">
        <v>497</v>
      </c>
      <c r="AQ15" s="201">
        <v>0</v>
      </c>
      <c r="AR15" s="195">
        <v>0</v>
      </c>
      <c r="AS15" s="198">
        <v>0</v>
      </c>
      <c r="AT15" s="196">
        <v>66</v>
      </c>
      <c r="AU15" s="197">
        <v>80</v>
      </c>
      <c r="AV15" s="197">
        <v>133</v>
      </c>
      <c r="AW15" s="197">
        <v>134</v>
      </c>
      <c r="AX15" s="195">
        <v>78</v>
      </c>
      <c r="AY15" s="198">
        <v>491</v>
      </c>
      <c r="AZ15" s="199">
        <v>491</v>
      </c>
      <c r="BA15" s="194">
        <v>0</v>
      </c>
      <c r="BB15" s="195">
        <v>0</v>
      </c>
      <c r="BC15" s="195">
        <v>0</v>
      </c>
      <c r="BD15" s="196">
        <v>2</v>
      </c>
      <c r="BE15" s="197">
        <v>1</v>
      </c>
      <c r="BF15" s="197">
        <v>2</v>
      </c>
      <c r="BG15" s="197">
        <v>1</v>
      </c>
      <c r="BH15" s="195">
        <v>0</v>
      </c>
      <c r="BI15" s="198">
        <v>6</v>
      </c>
      <c r="BJ15" s="200">
        <v>6</v>
      </c>
      <c r="BK15" s="201">
        <v>0</v>
      </c>
      <c r="BL15" s="195">
        <v>0</v>
      </c>
      <c r="BM15" s="195">
        <v>0</v>
      </c>
      <c r="BN15" s="196">
        <v>0</v>
      </c>
      <c r="BO15" s="197">
        <v>0</v>
      </c>
      <c r="BP15" s="197">
        <v>0</v>
      </c>
      <c r="BQ15" s="197">
        <v>0</v>
      </c>
      <c r="BR15" s="195">
        <v>0</v>
      </c>
      <c r="BS15" s="198">
        <v>0</v>
      </c>
      <c r="BT15" s="199">
        <v>0</v>
      </c>
      <c r="BU15" s="194">
        <v>0</v>
      </c>
      <c r="BV15" s="195">
        <v>0</v>
      </c>
      <c r="BW15" s="195">
        <v>0</v>
      </c>
      <c r="BX15" s="196">
        <v>0</v>
      </c>
      <c r="BY15" s="197">
        <v>0</v>
      </c>
      <c r="BZ15" s="197">
        <v>0</v>
      </c>
      <c r="CA15" s="197">
        <v>0</v>
      </c>
      <c r="CB15" s="195">
        <v>0</v>
      </c>
      <c r="CC15" s="198">
        <v>0</v>
      </c>
      <c r="CD15" s="200">
        <v>0</v>
      </c>
      <c r="CE15" s="201">
        <v>0</v>
      </c>
      <c r="CF15" s="195">
        <v>0</v>
      </c>
      <c r="CG15" s="195">
        <v>0</v>
      </c>
      <c r="CH15" s="196">
        <v>0</v>
      </c>
      <c r="CI15" s="197">
        <v>0</v>
      </c>
      <c r="CJ15" s="197">
        <v>0</v>
      </c>
      <c r="CK15" s="197">
        <v>0</v>
      </c>
      <c r="CL15" s="195">
        <v>0</v>
      </c>
      <c r="CM15" s="198">
        <v>0</v>
      </c>
      <c r="CN15" s="200">
        <v>0</v>
      </c>
      <c r="CO15" s="201">
        <v>0</v>
      </c>
      <c r="CP15" s="195">
        <v>0</v>
      </c>
      <c r="CQ15" s="195">
        <v>0</v>
      </c>
      <c r="CR15" s="196">
        <v>2</v>
      </c>
      <c r="CS15" s="197">
        <v>6</v>
      </c>
      <c r="CT15" s="197">
        <v>12</v>
      </c>
      <c r="CU15" s="197">
        <v>12</v>
      </c>
      <c r="CV15" s="195">
        <v>31</v>
      </c>
      <c r="CW15" s="198">
        <v>63</v>
      </c>
      <c r="CX15" s="199">
        <v>63</v>
      </c>
      <c r="CY15" s="194">
        <v>0</v>
      </c>
      <c r="CZ15" s="195">
        <v>0</v>
      </c>
      <c r="DA15" s="195">
        <v>0</v>
      </c>
      <c r="DB15" s="196">
        <v>1</v>
      </c>
      <c r="DC15" s="197">
        <v>6</v>
      </c>
      <c r="DD15" s="197">
        <v>12</v>
      </c>
      <c r="DE15" s="197">
        <v>12</v>
      </c>
      <c r="DF15" s="195">
        <v>28</v>
      </c>
      <c r="DG15" s="198">
        <v>59</v>
      </c>
      <c r="DH15" s="200">
        <v>59</v>
      </c>
      <c r="DI15" s="201">
        <v>0</v>
      </c>
      <c r="DJ15" s="195">
        <v>0</v>
      </c>
      <c r="DK15" s="195">
        <v>0</v>
      </c>
      <c r="DL15" s="196">
        <v>1</v>
      </c>
      <c r="DM15" s="197">
        <v>0</v>
      </c>
      <c r="DN15" s="197">
        <v>0</v>
      </c>
      <c r="DO15" s="197">
        <v>0</v>
      </c>
      <c r="DP15" s="195">
        <v>3</v>
      </c>
      <c r="DQ15" s="198">
        <v>4</v>
      </c>
      <c r="DR15" s="200">
        <v>4</v>
      </c>
      <c r="DS15" s="201">
        <v>0</v>
      </c>
      <c r="DT15" s="195">
        <v>0</v>
      </c>
      <c r="DU15" s="195">
        <v>0</v>
      </c>
      <c r="DV15" s="196">
        <v>71</v>
      </c>
      <c r="DW15" s="197">
        <v>94</v>
      </c>
      <c r="DX15" s="197">
        <v>331</v>
      </c>
      <c r="DY15" s="197">
        <v>519</v>
      </c>
      <c r="DZ15" s="195">
        <v>312</v>
      </c>
      <c r="EA15" s="198">
        <v>1327</v>
      </c>
      <c r="EB15" s="200">
        <v>1327</v>
      </c>
      <c r="EC15" s="37"/>
    </row>
    <row r="16" spans="2:133" ht="21" customHeight="1" x14ac:dyDescent="0.2">
      <c r="B16" s="62" t="s">
        <v>12</v>
      </c>
      <c r="C16" s="194">
        <v>0</v>
      </c>
      <c r="D16" s="195">
        <v>0</v>
      </c>
      <c r="E16" s="195">
        <v>0</v>
      </c>
      <c r="F16" s="196">
        <v>0</v>
      </c>
      <c r="G16" s="197">
        <v>19</v>
      </c>
      <c r="H16" s="197">
        <v>188</v>
      </c>
      <c r="I16" s="197">
        <v>308</v>
      </c>
      <c r="J16" s="195">
        <v>239</v>
      </c>
      <c r="K16" s="198">
        <v>754</v>
      </c>
      <c r="L16" s="199">
        <v>754</v>
      </c>
      <c r="M16" s="194">
        <v>0</v>
      </c>
      <c r="N16" s="195">
        <v>0</v>
      </c>
      <c r="O16" s="198">
        <v>0</v>
      </c>
      <c r="P16" s="196">
        <v>0</v>
      </c>
      <c r="Q16" s="197">
        <v>19</v>
      </c>
      <c r="R16" s="197">
        <v>188</v>
      </c>
      <c r="S16" s="197">
        <v>308</v>
      </c>
      <c r="T16" s="195">
        <v>235</v>
      </c>
      <c r="U16" s="198">
        <v>750</v>
      </c>
      <c r="V16" s="200">
        <v>750</v>
      </c>
      <c r="W16" s="201">
        <v>0</v>
      </c>
      <c r="X16" s="195">
        <v>0</v>
      </c>
      <c r="Y16" s="198">
        <v>0</v>
      </c>
      <c r="Z16" s="201">
        <v>0</v>
      </c>
      <c r="AA16" s="197">
        <v>0</v>
      </c>
      <c r="AB16" s="197">
        <v>0</v>
      </c>
      <c r="AC16" s="197">
        <v>0</v>
      </c>
      <c r="AD16" s="195">
        <v>4</v>
      </c>
      <c r="AE16" s="198">
        <v>4</v>
      </c>
      <c r="AF16" s="202">
        <v>4</v>
      </c>
      <c r="AG16" s="201">
        <v>0</v>
      </c>
      <c r="AH16" s="195">
        <v>0</v>
      </c>
      <c r="AI16" s="198">
        <v>0</v>
      </c>
      <c r="AJ16" s="201">
        <v>37</v>
      </c>
      <c r="AK16" s="197">
        <v>91</v>
      </c>
      <c r="AL16" s="197">
        <v>162</v>
      </c>
      <c r="AM16" s="197">
        <v>168</v>
      </c>
      <c r="AN16" s="195">
        <v>71</v>
      </c>
      <c r="AO16" s="198">
        <v>529</v>
      </c>
      <c r="AP16" s="202">
        <v>529</v>
      </c>
      <c r="AQ16" s="201">
        <v>0</v>
      </c>
      <c r="AR16" s="195">
        <v>0</v>
      </c>
      <c r="AS16" s="198">
        <v>0</v>
      </c>
      <c r="AT16" s="196">
        <v>36</v>
      </c>
      <c r="AU16" s="197">
        <v>91</v>
      </c>
      <c r="AV16" s="197">
        <v>159</v>
      </c>
      <c r="AW16" s="197">
        <v>165</v>
      </c>
      <c r="AX16" s="195">
        <v>70</v>
      </c>
      <c r="AY16" s="198">
        <v>521</v>
      </c>
      <c r="AZ16" s="199">
        <v>521</v>
      </c>
      <c r="BA16" s="194">
        <v>0</v>
      </c>
      <c r="BB16" s="195">
        <v>0</v>
      </c>
      <c r="BC16" s="195">
        <v>0</v>
      </c>
      <c r="BD16" s="196">
        <v>1</v>
      </c>
      <c r="BE16" s="197">
        <v>0</v>
      </c>
      <c r="BF16" s="197">
        <v>3</v>
      </c>
      <c r="BG16" s="197">
        <v>3</v>
      </c>
      <c r="BH16" s="195">
        <v>1</v>
      </c>
      <c r="BI16" s="198">
        <v>8</v>
      </c>
      <c r="BJ16" s="200">
        <v>8</v>
      </c>
      <c r="BK16" s="201">
        <v>0</v>
      </c>
      <c r="BL16" s="195">
        <v>0</v>
      </c>
      <c r="BM16" s="195">
        <v>0</v>
      </c>
      <c r="BN16" s="196">
        <v>0</v>
      </c>
      <c r="BO16" s="197">
        <v>0</v>
      </c>
      <c r="BP16" s="197">
        <v>0</v>
      </c>
      <c r="BQ16" s="197">
        <v>0</v>
      </c>
      <c r="BR16" s="195">
        <v>1</v>
      </c>
      <c r="BS16" s="198">
        <v>1</v>
      </c>
      <c r="BT16" s="199">
        <v>1</v>
      </c>
      <c r="BU16" s="194">
        <v>0</v>
      </c>
      <c r="BV16" s="195">
        <v>0</v>
      </c>
      <c r="BW16" s="195">
        <v>0</v>
      </c>
      <c r="BX16" s="196">
        <v>0</v>
      </c>
      <c r="BY16" s="197">
        <v>0</v>
      </c>
      <c r="BZ16" s="197">
        <v>0</v>
      </c>
      <c r="CA16" s="197">
        <v>0</v>
      </c>
      <c r="CB16" s="195">
        <v>1</v>
      </c>
      <c r="CC16" s="198">
        <v>1</v>
      </c>
      <c r="CD16" s="200">
        <v>1</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2</v>
      </c>
      <c r="CT16" s="197">
        <v>2</v>
      </c>
      <c r="CU16" s="197">
        <v>12</v>
      </c>
      <c r="CV16" s="195">
        <v>14</v>
      </c>
      <c r="CW16" s="198">
        <v>30</v>
      </c>
      <c r="CX16" s="199">
        <v>30</v>
      </c>
      <c r="CY16" s="194">
        <v>0</v>
      </c>
      <c r="CZ16" s="195">
        <v>0</v>
      </c>
      <c r="DA16" s="195">
        <v>0</v>
      </c>
      <c r="DB16" s="196">
        <v>0</v>
      </c>
      <c r="DC16" s="197">
        <v>2</v>
      </c>
      <c r="DD16" s="197">
        <v>2</v>
      </c>
      <c r="DE16" s="197">
        <v>12</v>
      </c>
      <c r="DF16" s="195">
        <v>14</v>
      </c>
      <c r="DG16" s="198">
        <v>30</v>
      </c>
      <c r="DH16" s="200">
        <v>30</v>
      </c>
      <c r="DI16" s="201">
        <v>0</v>
      </c>
      <c r="DJ16" s="195">
        <v>0</v>
      </c>
      <c r="DK16" s="195">
        <v>0</v>
      </c>
      <c r="DL16" s="196">
        <v>0</v>
      </c>
      <c r="DM16" s="197">
        <v>0</v>
      </c>
      <c r="DN16" s="197">
        <v>0</v>
      </c>
      <c r="DO16" s="197">
        <v>0</v>
      </c>
      <c r="DP16" s="195">
        <v>0</v>
      </c>
      <c r="DQ16" s="198">
        <v>0</v>
      </c>
      <c r="DR16" s="200">
        <v>0</v>
      </c>
      <c r="DS16" s="201">
        <v>0</v>
      </c>
      <c r="DT16" s="195">
        <v>0</v>
      </c>
      <c r="DU16" s="195">
        <v>0</v>
      </c>
      <c r="DV16" s="196">
        <v>37</v>
      </c>
      <c r="DW16" s="197">
        <v>112</v>
      </c>
      <c r="DX16" s="197">
        <v>350</v>
      </c>
      <c r="DY16" s="197">
        <v>484</v>
      </c>
      <c r="DZ16" s="195">
        <v>324</v>
      </c>
      <c r="EA16" s="198">
        <v>1307</v>
      </c>
      <c r="EB16" s="200">
        <v>1307</v>
      </c>
      <c r="EC16" s="37"/>
    </row>
    <row r="17" spans="2:133" ht="21" customHeight="1" x14ac:dyDescent="0.2">
      <c r="B17" s="62" t="s">
        <v>13</v>
      </c>
      <c r="C17" s="194">
        <v>0</v>
      </c>
      <c r="D17" s="195">
        <v>0</v>
      </c>
      <c r="E17" s="195">
        <v>0</v>
      </c>
      <c r="F17" s="196">
        <v>2</v>
      </c>
      <c r="G17" s="197">
        <v>3</v>
      </c>
      <c r="H17" s="197">
        <v>65</v>
      </c>
      <c r="I17" s="197">
        <v>157</v>
      </c>
      <c r="J17" s="195">
        <v>120</v>
      </c>
      <c r="K17" s="198">
        <v>347</v>
      </c>
      <c r="L17" s="199">
        <v>347</v>
      </c>
      <c r="M17" s="194">
        <v>0</v>
      </c>
      <c r="N17" s="195">
        <v>0</v>
      </c>
      <c r="O17" s="198">
        <v>0</v>
      </c>
      <c r="P17" s="196">
        <v>2</v>
      </c>
      <c r="Q17" s="197">
        <v>3</v>
      </c>
      <c r="R17" s="197">
        <v>65</v>
      </c>
      <c r="S17" s="197">
        <v>157</v>
      </c>
      <c r="T17" s="195">
        <v>119</v>
      </c>
      <c r="U17" s="198">
        <v>346</v>
      </c>
      <c r="V17" s="200">
        <v>346</v>
      </c>
      <c r="W17" s="201">
        <v>0</v>
      </c>
      <c r="X17" s="195">
        <v>0</v>
      </c>
      <c r="Y17" s="198">
        <v>0</v>
      </c>
      <c r="Z17" s="201">
        <v>0</v>
      </c>
      <c r="AA17" s="197">
        <v>0</v>
      </c>
      <c r="AB17" s="197">
        <v>0</v>
      </c>
      <c r="AC17" s="197">
        <v>0</v>
      </c>
      <c r="AD17" s="195">
        <v>1</v>
      </c>
      <c r="AE17" s="198">
        <v>1</v>
      </c>
      <c r="AF17" s="202">
        <v>1</v>
      </c>
      <c r="AG17" s="201">
        <v>0</v>
      </c>
      <c r="AH17" s="195">
        <v>0</v>
      </c>
      <c r="AI17" s="198">
        <v>0</v>
      </c>
      <c r="AJ17" s="201">
        <v>9</v>
      </c>
      <c r="AK17" s="197">
        <v>30</v>
      </c>
      <c r="AL17" s="197">
        <v>38</v>
      </c>
      <c r="AM17" s="197">
        <v>32</v>
      </c>
      <c r="AN17" s="195">
        <v>26</v>
      </c>
      <c r="AO17" s="198">
        <v>135</v>
      </c>
      <c r="AP17" s="202">
        <v>135</v>
      </c>
      <c r="AQ17" s="201">
        <v>0</v>
      </c>
      <c r="AR17" s="195">
        <v>0</v>
      </c>
      <c r="AS17" s="198">
        <v>0</v>
      </c>
      <c r="AT17" s="196">
        <v>9</v>
      </c>
      <c r="AU17" s="197">
        <v>29</v>
      </c>
      <c r="AV17" s="197">
        <v>38</v>
      </c>
      <c r="AW17" s="197">
        <v>31</v>
      </c>
      <c r="AX17" s="195">
        <v>25</v>
      </c>
      <c r="AY17" s="198">
        <v>132</v>
      </c>
      <c r="AZ17" s="199">
        <v>132</v>
      </c>
      <c r="BA17" s="194">
        <v>0</v>
      </c>
      <c r="BB17" s="195">
        <v>0</v>
      </c>
      <c r="BC17" s="195">
        <v>0</v>
      </c>
      <c r="BD17" s="196">
        <v>0</v>
      </c>
      <c r="BE17" s="197">
        <v>1</v>
      </c>
      <c r="BF17" s="197">
        <v>0</v>
      </c>
      <c r="BG17" s="197">
        <v>1</v>
      </c>
      <c r="BH17" s="195">
        <v>1</v>
      </c>
      <c r="BI17" s="198">
        <v>3</v>
      </c>
      <c r="BJ17" s="200">
        <v>3</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1</v>
      </c>
      <c r="CW17" s="198">
        <v>1</v>
      </c>
      <c r="CX17" s="199">
        <v>1</v>
      </c>
      <c r="CY17" s="194">
        <v>0</v>
      </c>
      <c r="CZ17" s="195">
        <v>0</v>
      </c>
      <c r="DA17" s="195">
        <v>0</v>
      </c>
      <c r="DB17" s="196">
        <v>0</v>
      </c>
      <c r="DC17" s="197">
        <v>0</v>
      </c>
      <c r="DD17" s="197">
        <v>0</v>
      </c>
      <c r="DE17" s="197">
        <v>0</v>
      </c>
      <c r="DF17" s="195">
        <v>1</v>
      </c>
      <c r="DG17" s="198">
        <v>1</v>
      </c>
      <c r="DH17" s="200">
        <v>1</v>
      </c>
      <c r="DI17" s="201">
        <v>0</v>
      </c>
      <c r="DJ17" s="195">
        <v>0</v>
      </c>
      <c r="DK17" s="195">
        <v>0</v>
      </c>
      <c r="DL17" s="196">
        <v>0</v>
      </c>
      <c r="DM17" s="197">
        <v>0</v>
      </c>
      <c r="DN17" s="197">
        <v>0</v>
      </c>
      <c r="DO17" s="197">
        <v>0</v>
      </c>
      <c r="DP17" s="195">
        <v>0</v>
      </c>
      <c r="DQ17" s="198">
        <v>0</v>
      </c>
      <c r="DR17" s="200">
        <v>0</v>
      </c>
      <c r="DS17" s="201">
        <v>0</v>
      </c>
      <c r="DT17" s="195">
        <v>0</v>
      </c>
      <c r="DU17" s="195">
        <v>0</v>
      </c>
      <c r="DV17" s="196">
        <v>11</v>
      </c>
      <c r="DW17" s="197">
        <v>33</v>
      </c>
      <c r="DX17" s="197">
        <v>103</v>
      </c>
      <c r="DY17" s="197">
        <v>189</v>
      </c>
      <c r="DZ17" s="195">
        <v>147</v>
      </c>
      <c r="EA17" s="198">
        <v>483</v>
      </c>
      <c r="EB17" s="200">
        <v>483</v>
      </c>
      <c r="EC17" s="37"/>
    </row>
    <row r="18" spans="2:133" ht="21" customHeight="1" x14ac:dyDescent="0.2">
      <c r="B18" s="62" t="s">
        <v>15</v>
      </c>
      <c r="C18" s="194">
        <v>0</v>
      </c>
      <c r="D18" s="195">
        <v>0</v>
      </c>
      <c r="E18" s="195">
        <v>0</v>
      </c>
      <c r="F18" s="196">
        <v>1</v>
      </c>
      <c r="G18" s="197">
        <v>1</v>
      </c>
      <c r="H18" s="197">
        <v>82</v>
      </c>
      <c r="I18" s="197">
        <v>144</v>
      </c>
      <c r="J18" s="195">
        <v>84</v>
      </c>
      <c r="K18" s="198">
        <v>312</v>
      </c>
      <c r="L18" s="199">
        <v>312</v>
      </c>
      <c r="M18" s="194">
        <v>0</v>
      </c>
      <c r="N18" s="195">
        <v>0</v>
      </c>
      <c r="O18" s="198">
        <v>0</v>
      </c>
      <c r="P18" s="196">
        <v>1</v>
      </c>
      <c r="Q18" s="197">
        <v>1</v>
      </c>
      <c r="R18" s="197">
        <v>82</v>
      </c>
      <c r="S18" s="197">
        <v>142</v>
      </c>
      <c r="T18" s="195">
        <v>82</v>
      </c>
      <c r="U18" s="198">
        <v>308</v>
      </c>
      <c r="V18" s="200">
        <v>308</v>
      </c>
      <c r="W18" s="201">
        <v>0</v>
      </c>
      <c r="X18" s="195">
        <v>0</v>
      </c>
      <c r="Y18" s="198">
        <v>0</v>
      </c>
      <c r="Z18" s="201">
        <v>0</v>
      </c>
      <c r="AA18" s="197">
        <v>0</v>
      </c>
      <c r="AB18" s="197">
        <v>0</v>
      </c>
      <c r="AC18" s="197">
        <v>2</v>
      </c>
      <c r="AD18" s="195">
        <v>2</v>
      </c>
      <c r="AE18" s="198">
        <v>4</v>
      </c>
      <c r="AF18" s="202">
        <v>4</v>
      </c>
      <c r="AG18" s="201">
        <v>0</v>
      </c>
      <c r="AH18" s="195">
        <v>0</v>
      </c>
      <c r="AI18" s="198">
        <v>0</v>
      </c>
      <c r="AJ18" s="201">
        <v>20</v>
      </c>
      <c r="AK18" s="197">
        <v>34</v>
      </c>
      <c r="AL18" s="197">
        <v>49</v>
      </c>
      <c r="AM18" s="197">
        <v>56</v>
      </c>
      <c r="AN18" s="195">
        <v>27</v>
      </c>
      <c r="AO18" s="198">
        <v>186</v>
      </c>
      <c r="AP18" s="202">
        <v>186</v>
      </c>
      <c r="AQ18" s="201">
        <v>0</v>
      </c>
      <c r="AR18" s="195">
        <v>0</v>
      </c>
      <c r="AS18" s="198">
        <v>0</v>
      </c>
      <c r="AT18" s="196">
        <v>19</v>
      </c>
      <c r="AU18" s="197">
        <v>34</v>
      </c>
      <c r="AV18" s="197">
        <v>49</v>
      </c>
      <c r="AW18" s="197">
        <v>54</v>
      </c>
      <c r="AX18" s="195">
        <v>26</v>
      </c>
      <c r="AY18" s="198">
        <v>182</v>
      </c>
      <c r="AZ18" s="199">
        <v>182</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0</v>
      </c>
      <c r="BS18" s="198">
        <v>0</v>
      </c>
      <c r="BT18" s="199">
        <v>0</v>
      </c>
      <c r="BU18" s="194">
        <v>0</v>
      </c>
      <c r="BV18" s="195">
        <v>0</v>
      </c>
      <c r="BW18" s="195">
        <v>0</v>
      </c>
      <c r="BX18" s="196">
        <v>0</v>
      </c>
      <c r="BY18" s="197">
        <v>0</v>
      </c>
      <c r="BZ18" s="197">
        <v>0</v>
      </c>
      <c r="CA18" s="197">
        <v>0</v>
      </c>
      <c r="CB18" s="195">
        <v>0</v>
      </c>
      <c r="CC18" s="198">
        <v>0</v>
      </c>
      <c r="CD18" s="200">
        <v>0</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1</v>
      </c>
      <c r="DW18" s="197">
        <v>35</v>
      </c>
      <c r="DX18" s="197">
        <v>131</v>
      </c>
      <c r="DY18" s="197">
        <v>199</v>
      </c>
      <c r="DZ18" s="195">
        <v>111</v>
      </c>
      <c r="EA18" s="198">
        <v>497</v>
      </c>
      <c r="EB18" s="200">
        <v>497</v>
      </c>
      <c r="EC18" s="37"/>
    </row>
    <row r="19" spans="2:133" ht="21" customHeight="1" x14ac:dyDescent="0.2">
      <c r="B19" s="62" t="s">
        <v>16</v>
      </c>
      <c r="C19" s="194">
        <v>0</v>
      </c>
      <c r="D19" s="195">
        <v>0</v>
      </c>
      <c r="E19" s="195">
        <v>0</v>
      </c>
      <c r="F19" s="196">
        <v>6</v>
      </c>
      <c r="G19" s="197">
        <v>15</v>
      </c>
      <c r="H19" s="197">
        <v>195</v>
      </c>
      <c r="I19" s="197">
        <v>317</v>
      </c>
      <c r="J19" s="195">
        <v>198</v>
      </c>
      <c r="K19" s="198">
        <v>731</v>
      </c>
      <c r="L19" s="199">
        <v>731</v>
      </c>
      <c r="M19" s="194">
        <v>0</v>
      </c>
      <c r="N19" s="195">
        <v>0</v>
      </c>
      <c r="O19" s="198">
        <v>0</v>
      </c>
      <c r="P19" s="196">
        <v>6</v>
      </c>
      <c r="Q19" s="197">
        <v>14</v>
      </c>
      <c r="R19" s="197">
        <v>195</v>
      </c>
      <c r="S19" s="197">
        <v>316</v>
      </c>
      <c r="T19" s="195">
        <v>194</v>
      </c>
      <c r="U19" s="198">
        <v>725</v>
      </c>
      <c r="V19" s="200">
        <v>725</v>
      </c>
      <c r="W19" s="201">
        <v>0</v>
      </c>
      <c r="X19" s="195">
        <v>0</v>
      </c>
      <c r="Y19" s="198">
        <v>0</v>
      </c>
      <c r="Z19" s="201">
        <v>0</v>
      </c>
      <c r="AA19" s="197">
        <v>1</v>
      </c>
      <c r="AB19" s="197">
        <v>0</v>
      </c>
      <c r="AC19" s="197">
        <v>1</v>
      </c>
      <c r="AD19" s="195">
        <v>4</v>
      </c>
      <c r="AE19" s="198">
        <v>6</v>
      </c>
      <c r="AF19" s="202">
        <v>6</v>
      </c>
      <c r="AG19" s="201">
        <v>0</v>
      </c>
      <c r="AH19" s="195">
        <v>0</v>
      </c>
      <c r="AI19" s="198">
        <v>0</v>
      </c>
      <c r="AJ19" s="201">
        <v>47</v>
      </c>
      <c r="AK19" s="197">
        <v>94</v>
      </c>
      <c r="AL19" s="197">
        <v>144</v>
      </c>
      <c r="AM19" s="197">
        <v>131</v>
      </c>
      <c r="AN19" s="195">
        <v>66</v>
      </c>
      <c r="AO19" s="198">
        <v>482</v>
      </c>
      <c r="AP19" s="202">
        <v>482</v>
      </c>
      <c r="AQ19" s="201">
        <v>0</v>
      </c>
      <c r="AR19" s="195">
        <v>0</v>
      </c>
      <c r="AS19" s="198">
        <v>0</v>
      </c>
      <c r="AT19" s="196">
        <v>46</v>
      </c>
      <c r="AU19" s="197">
        <v>94</v>
      </c>
      <c r="AV19" s="197">
        <v>144</v>
      </c>
      <c r="AW19" s="197">
        <v>131</v>
      </c>
      <c r="AX19" s="195">
        <v>65</v>
      </c>
      <c r="AY19" s="198">
        <v>480</v>
      </c>
      <c r="AZ19" s="199">
        <v>480</v>
      </c>
      <c r="BA19" s="194">
        <v>0</v>
      </c>
      <c r="BB19" s="195">
        <v>0</v>
      </c>
      <c r="BC19" s="195">
        <v>0</v>
      </c>
      <c r="BD19" s="196">
        <v>1</v>
      </c>
      <c r="BE19" s="197">
        <v>0</v>
      </c>
      <c r="BF19" s="197">
        <v>0</v>
      </c>
      <c r="BG19" s="197">
        <v>0</v>
      </c>
      <c r="BH19" s="195">
        <v>1</v>
      </c>
      <c r="BI19" s="198">
        <v>2</v>
      </c>
      <c r="BJ19" s="200">
        <v>2</v>
      </c>
      <c r="BK19" s="201">
        <v>0</v>
      </c>
      <c r="BL19" s="195">
        <v>0</v>
      </c>
      <c r="BM19" s="195">
        <v>0</v>
      </c>
      <c r="BN19" s="196">
        <v>0</v>
      </c>
      <c r="BO19" s="197">
        <v>0</v>
      </c>
      <c r="BP19" s="197">
        <v>0</v>
      </c>
      <c r="BQ19" s="197">
        <v>0</v>
      </c>
      <c r="BR19" s="195">
        <v>1</v>
      </c>
      <c r="BS19" s="198">
        <v>1</v>
      </c>
      <c r="BT19" s="199">
        <v>1</v>
      </c>
      <c r="BU19" s="194">
        <v>0</v>
      </c>
      <c r="BV19" s="195">
        <v>0</v>
      </c>
      <c r="BW19" s="195">
        <v>0</v>
      </c>
      <c r="BX19" s="196">
        <v>0</v>
      </c>
      <c r="BY19" s="197">
        <v>0</v>
      </c>
      <c r="BZ19" s="197">
        <v>0</v>
      </c>
      <c r="CA19" s="197">
        <v>0</v>
      </c>
      <c r="CB19" s="195">
        <v>1</v>
      </c>
      <c r="CC19" s="198">
        <v>1</v>
      </c>
      <c r="CD19" s="200">
        <v>1</v>
      </c>
      <c r="CE19" s="201">
        <v>0</v>
      </c>
      <c r="CF19" s="195">
        <v>0</v>
      </c>
      <c r="CG19" s="195">
        <v>0</v>
      </c>
      <c r="CH19" s="196">
        <v>0</v>
      </c>
      <c r="CI19" s="197">
        <v>0</v>
      </c>
      <c r="CJ19" s="197">
        <v>0</v>
      </c>
      <c r="CK19" s="197">
        <v>0</v>
      </c>
      <c r="CL19" s="195">
        <v>0</v>
      </c>
      <c r="CM19" s="198">
        <v>0</v>
      </c>
      <c r="CN19" s="200">
        <v>0</v>
      </c>
      <c r="CO19" s="201">
        <v>0</v>
      </c>
      <c r="CP19" s="195">
        <v>0</v>
      </c>
      <c r="CQ19" s="195">
        <v>0</v>
      </c>
      <c r="CR19" s="196">
        <v>0</v>
      </c>
      <c r="CS19" s="197">
        <v>0</v>
      </c>
      <c r="CT19" s="197">
        <v>3</v>
      </c>
      <c r="CU19" s="197">
        <v>9</v>
      </c>
      <c r="CV19" s="195">
        <v>20</v>
      </c>
      <c r="CW19" s="198">
        <v>32</v>
      </c>
      <c r="CX19" s="199">
        <v>32</v>
      </c>
      <c r="CY19" s="194">
        <v>0</v>
      </c>
      <c r="CZ19" s="195">
        <v>0</v>
      </c>
      <c r="DA19" s="195">
        <v>0</v>
      </c>
      <c r="DB19" s="196">
        <v>0</v>
      </c>
      <c r="DC19" s="197">
        <v>0</v>
      </c>
      <c r="DD19" s="197">
        <v>3</v>
      </c>
      <c r="DE19" s="197">
        <v>9</v>
      </c>
      <c r="DF19" s="195">
        <v>20</v>
      </c>
      <c r="DG19" s="198">
        <v>32</v>
      </c>
      <c r="DH19" s="200">
        <v>32</v>
      </c>
      <c r="DI19" s="201">
        <v>0</v>
      </c>
      <c r="DJ19" s="195">
        <v>0</v>
      </c>
      <c r="DK19" s="195">
        <v>0</v>
      </c>
      <c r="DL19" s="196">
        <v>0</v>
      </c>
      <c r="DM19" s="197">
        <v>0</v>
      </c>
      <c r="DN19" s="197">
        <v>0</v>
      </c>
      <c r="DO19" s="197">
        <v>0</v>
      </c>
      <c r="DP19" s="195">
        <v>0</v>
      </c>
      <c r="DQ19" s="198">
        <v>0</v>
      </c>
      <c r="DR19" s="200">
        <v>0</v>
      </c>
      <c r="DS19" s="201">
        <v>0</v>
      </c>
      <c r="DT19" s="195">
        <v>0</v>
      </c>
      <c r="DU19" s="195">
        <v>0</v>
      </c>
      <c r="DV19" s="196">
        <v>53</v>
      </c>
      <c r="DW19" s="197">
        <v>109</v>
      </c>
      <c r="DX19" s="197">
        <v>339</v>
      </c>
      <c r="DY19" s="197">
        <v>455</v>
      </c>
      <c r="DZ19" s="195">
        <v>285</v>
      </c>
      <c r="EA19" s="198">
        <v>1241</v>
      </c>
      <c r="EB19" s="200">
        <v>1241</v>
      </c>
      <c r="EC19" s="37"/>
    </row>
    <row r="20" spans="2:133" ht="21" customHeight="1" x14ac:dyDescent="0.2">
      <c r="B20" s="62" t="s">
        <v>17</v>
      </c>
      <c r="C20" s="194">
        <v>0</v>
      </c>
      <c r="D20" s="195">
        <v>0</v>
      </c>
      <c r="E20" s="195">
        <v>0</v>
      </c>
      <c r="F20" s="196">
        <v>3</v>
      </c>
      <c r="G20" s="197">
        <v>18</v>
      </c>
      <c r="H20" s="197">
        <v>204</v>
      </c>
      <c r="I20" s="197">
        <v>290</v>
      </c>
      <c r="J20" s="195">
        <v>229</v>
      </c>
      <c r="K20" s="198">
        <v>744</v>
      </c>
      <c r="L20" s="199">
        <v>744</v>
      </c>
      <c r="M20" s="194">
        <v>0</v>
      </c>
      <c r="N20" s="195">
        <v>0</v>
      </c>
      <c r="O20" s="198">
        <v>0</v>
      </c>
      <c r="P20" s="196">
        <v>3</v>
      </c>
      <c r="Q20" s="197">
        <v>18</v>
      </c>
      <c r="R20" s="197">
        <v>204</v>
      </c>
      <c r="S20" s="197">
        <v>288</v>
      </c>
      <c r="T20" s="195">
        <v>225</v>
      </c>
      <c r="U20" s="198">
        <v>738</v>
      </c>
      <c r="V20" s="200">
        <v>738</v>
      </c>
      <c r="W20" s="201">
        <v>0</v>
      </c>
      <c r="X20" s="195">
        <v>0</v>
      </c>
      <c r="Y20" s="198">
        <v>0</v>
      </c>
      <c r="Z20" s="201">
        <v>0</v>
      </c>
      <c r="AA20" s="197">
        <v>0</v>
      </c>
      <c r="AB20" s="197">
        <v>0</v>
      </c>
      <c r="AC20" s="197">
        <v>2</v>
      </c>
      <c r="AD20" s="195">
        <v>4</v>
      </c>
      <c r="AE20" s="198">
        <v>6</v>
      </c>
      <c r="AF20" s="202">
        <v>6</v>
      </c>
      <c r="AG20" s="201">
        <v>0</v>
      </c>
      <c r="AH20" s="195">
        <v>0</v>
      </c>
      <c r="AI20" s="198">
        <v>0</v>
      </c>
      <c r="AJ20" s="201">
        <v>41</v>
      </c>
      <c r="AK20" s="197">
        <v>115</v>
      </c>
      <c r="AL20" s="197">
        <v>151</v>
      </c>
      <c r="AM20" s="197">
        <v>132</v>
      </c>
      <c r="AN20" s="195">
        <v>80</v>
      </c>
      <c r="AO20" s="198">
        <v>519</v>
      </c>
      <c r="AP20" s="202">
        <v>519</v>
      </c>
      <c r="AQ20" s="201">
        <v>0</v>
      </c>
      <c r="AR20" s="195">
        <v>0</v>
      </c>
      <c r="AS20" s="198">
        <v>0</v>
      </c>
      <c r="AT20" s="196">
        <v>39</v>
      </c>
      <c r="AU20" s="197">
        <v>113</v>
      </c>
      <c r="AV20" s="197">
        <v>147</v>
      </c>
      <c r="AW20" s="197">
        <v>130</v>
      </c>
      <c r="AX20" s="195">
        <v>80</v>
      </c>
      <c r="AY20" s="198">
        <v>509</v>
      </c>
      <c r="AZ20" s="199">
        <v>509</v>
      </c>
      <c r="BA20" s="194">
        <v>0</v>
      </c>
      <c r="BB20" s="195">
        <v>0</v>
      </c>
      <c r="BC20" s="195">
        <v>0</v>
      </c>
      <c r="BD20" s="196">
        <v>2</v>
      </c>
      <c r="BE20" s="197">
        <v>2</v>
      </c>
      <c r="BF20" s="197">
        <v>4</v>
      </c>
      <c r="BG20" s="197">
        <v>2</v>
      </c>
      <c r="BH20" s="195">
        <v>0</v>
      </c>
      <c r="BI20" s="198">
        <v>10</v>
      </c>
      <c r="BJ20" s="200">
        <v>10</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3</v>
      </c>
      <c r="CV20" s="195">
        <v>10</v>
      </c>
      <c r="CW20" s="198">
        <v>14</v>
      </c>
      <c r="CX20" s="199">
        <v>14</v>
      </c>
      <c r="CY20" s="194">
        <v>0</v>
      </c>
      <c r="CZ20" s="195">
        <v>0</v>
      </c>
      <c r="DA20" s="195">
        <v>0</v>
      </c>
      <c r="DB20" s="196">
        <v>0</v>
      </c>
      <c r="DC20" s="197">
        <v>0</v>
      </c>
      <c r="DD20" s="197">
        <v>1</v>
      </c>
      <c r="DE20" s="197">
        <v>3</v>
      </c>
      <c r="DF20" s="195">
        <v>9</v>
      </c>
      <c r="DG20" s="198">
        <v>13</v>
      </c>
      <c r="DH20" s="200">
        <v>13</v>
      </c>
      <c r="DI20" s="201">
        <v>0</v>
      </c>
      <c r="DJ20" s="195">
        <v>0</v>
      </c>
      <c r="DK20" s="195">
        <v>0</v>
      </c>
      <c r="DL20" s="196">
        <v>0</v>
      </c>
      <c r="DM20" s="197">
        <v>0</v>
      </c>
      <c r="DN20" s="197">
        <v>0</v>
      </c>
      <c r="DO20" s="197">
        <v>0</v>
      </c>
      <c r="DP20" s="195">
        <v>1</v>
      </c>
      <c r="DQ20" s="198">
        <v>1</v>
      </c>
      <c r="DR20" s="200">
        <v>1</v>
      </c>
      <c r="DS20" s="201">
        <v>0</v>
      </c>
      <c r="DT20" s="195">
        <v>0</v>
      </c>
      <c r="DU20" s="195">
        <v>0</v>
      </c>
      <c r="DV20" s="196">
        <v>44</v>
      </c>
      <c r="DW20" s="197">
        <v>133</v>
      </c>
      <c r="DX20" s="197">
        <v>356</v>
      </c>
      <c r="DY20" s="197">
        <v>425</v>
      </c>
      <c r="DZ20" s="195">
        <v>323</v>
      </c>
      <c r="EA20" s="198">
        <v>1281</v>
      </c>
      <c r="EB20" s="200">
        <v>1281</v>
      </c>
      <c r="EC20" s="37"/>
    </row>
    <row r="21" spans="2:133" ht="21" customHeight="1" x14ac:dyDescent="0.2">
      <c r="B21" s="62" t="s">
        <v>18</v>
      </c>
      <c r="C21" s="194">
        <v>0</v>
      </c>
      <c r="D21" s="195">
        <v>0</v>
      </c>
      <c r="E21" s="195">
        <v>0</v>
      </c>
      <c r="F21" s="196">
        <v>6</v>
      </c>
      <c r="G21" s="197">
        <v>11</v>
      </c>
      <c r="H21" s="197">
        <v>175</v>
      </c>
      <c r="I21" s="197">
        <v>413</v>
      </c>
      <c r="J21" s="195">
        <v>257</v>
      </c>
      <c r="K21" s="198">
        <v>862</v>
      </c>
      <c r="L21" s="199">
        <v>862</v>
      </c>
      <c r="M21" s="194">
        <v>0</v>
      </c>
      <c r="N21" s="195">
        <v>0</v>
      </c>
      <c r="O21" s="198">
        <v>0</v>
      </c>
      <c r="P21" s="196">
        <v>6</v>
      </c>
      <c r="Q21" s="197">
        <v>11</v>
      </c>
      <c r="R21" s="197">
        <v>171</v>
      </c>
      <c r="S21" s="197">
        <v>409</v>
      </c>
      <c r="T21" s="195">
        <v>254</v>
      </c>
      <c r="U21" s="198">
        <v>851</v>
      </c>
      <c r="V21" s="200">
        <v>851</v>
      </c>
      <c r="W21" s="201">
        <v>0</v>
      </c>
      <c r="X21" s="195">
        <v>0</v>
      </c>
      <c r="Y21" s="198">
        <v>0</v>
      </c>
      <c r="Z21" s="201">
        <v>0</v>
      </c>
      <c r="AA21" s="197">
        <v>0</v>
      </c>
      <c r="AB21" s="197">
        <v>4</v>
      </c>
      <c r="AC21" s="197">
        <v>4</v>
      </c>
      <c r="AD21" s="195">
        <v>3</v>
      </c>
      <c r="AE21" s="198">
        <v>11</v>
      </c>
      <c r="AF21" s="202">
        <v>11</v>
      </c>
      <c r="AG21" s="201">
        <v>0</v>
      </c>
      <c r="AH21" s="195">
        <v>0</v>
      </c>
      <c r="AI21" s="198">
        <v>0</v>
      </c>
      <c r="AJ21" s="201">
        <v>32</v>
      </c>
      <c r="AK21" s="197">
        <v>77</v>
      </c>
      <c r="AL21" s="197">
        <v>113</v>
      </c>
      <c r="AM21" s="197">
        <v>126</v>
      </c>
      <c r="AN21" s="195">
        <v>72</v>
      </c>
      <c r="AO21" s="198">
        <v>420</v>
      </c>
      <c r="AP21" s="202">
        <v>420</v>
      </c>
      <c r="AQ21" s="201">
        <v>0</v>
      </c>
      <c r="AR21" s="195">
        <v>0</v>
      </c>
      <c r="AS21" s="198">
        <v>0</v>
      </c>
      <c r="AT21" s="196">
        <v>32</v>
      </c>
      <c r="AU21" s="197">
        <v>74</v>
      </c>
      <c r="AV21" s="197">
        <v>110</v>
      </c>
      <c r="AW21" s="197">
        <v>124</v>
      </c>
      <c r="AX21" s="195">
        <v>69</v>
      </c>
      <c r="AY21" s="198">
        <v>409</v>
      </c>
      <c r="AZ21" s="199">
        <v>409</v>
      </c>
      <c r="BA21" s="194">
        <v>0</v>
      </c>
      <c r="BB21" s="195">
        <v>0</v>
      </c>
      <c r="BC21" s="195">
        <v>0</v>
      </c>
      <c r="BD21" s="196">
        <v>0</v>
      </c>
      <c r="BE21" s="197">
        <v>3</v>
      </c>
      <c r="BF21" s="197">
        <v>3</v>
      </c>
      <c r="BG21" s="197">
        <v>2</v>
      </c>
      <c r="BH21" s="195">
        <v>3</v>
      </c>
      <c r="BI21" s="198">
        <v>11</v>
      </c>
      <c r="BJ21" s="200">
        <v>11</v>
      </c>
      <c r="BK21" s="201">
        <v>0</v>
      </c>
      <c r="BL21" s="195">
        <v>0</v>
      </c>
      <c r="BM21" s="195">
        <v>0</v>
      </c>
      <c r="BN21" s="196">
        <v>0</v>
      </c>
      <c r="BO21" s="197">
        <v>0</v>
      </c>
      <c r="BP21" s="197">
        <v>0</v>
      </c>
      <c r="BQ21" s="197">
        <v>1</v>
      </c>
      <c r="BR21" s="195">
        <v>4</v>
      </c>
      <c r="BS21" s="198">
        <v>5</v>
      </c>
      <c r="BT21" s="199">
        <v>5</v>
      </c>
      <c r="BU21" s="194">
        <v>0</v>
      </c>
      <c r="BV21" s="195">
        <v>0</v>
      </c>
      <c r="BW21" s="195">
        <v>0</v>
      </c>
      <c r="BX21" s="196">
        <v>0</v>
      </c>
      <c r="BY21" s="197">
        <v>0</v>
      </c>
      <c r="BZ21" s="197">
        <v>0</v>
      </c>
      <c r="CA21" s="197">
        <v>1</v>
      </c>
      <c r="CB21" s="195">
        <v>4</v>
      </c>
      <c r="CC21" s="198">
        <v>5</v>
      </c>
      <c r="CD21" s="200">
        <v>5</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13</v>
      </c>
      <c r="CV21" s="195">
        <v>18</v>
      </c>
      <c r="CW21" s="198">
        <v>32</v>
      </c>
      <c r="CX21" s="199">
        <v>32</v>
      </c>
      <c r="CY21" s="194">
        <v>0</v>
      </c>
      <c r="CZ21" s="195">
        <v>0</v>
      </c>
      <c r="DA21" s="195">
        <v>0</v>
      </c>
      <c r="DB21" s="196">
        <v>0</v>
      </c>
      <c r="DC21" s="197">
        <v>0</v>
      </c>
      <c r="DD21" s="197">
        <v>1</v>
      </c>
      <c r="DE21" s="197">
        <v>12</v>
      </c>
      <c r="DF21" s="195">
        <v>18</v>
      </c>
      <c r="DG21" s="198">
        <v>31</v>
      </c>
      <c r="DH21" s="200">
        <v>31</v>
      </c>
      <c r="DI21" s="201">
        <v>0</v>
      </c>
      <c r="DJ21" s="195">
        <v>0</v>
      </c>
      <c r="DK21" s="195">
        <v>0</v>
      </c>
      <c r="DL21" s="196">
        <v>0</v>
      </c>
      <c r="DM21" s="197">
        <v>0</v>
      </c>
      <c r="DN21" s="197">
        <v>0</v>
      </c>
      <c r="DO21" s="197">
        <v>1</v>
      </c>
      <c r="DP21" s="195">
        <v>0</v>
      </c>
      <c r="DQ21" s="198">
        <v>1</v>
      </c>
      <c r="DR21" s="200">
        <v>1</v>
      </c>
      <c r="DS21" s="201">
        <v>0</v>
      </c>
      <c r="DT21" s="195">
        <v>0</v>
      </c>
      <c r="DU21" s="195">
        <v>0</v>
      </c>
      <c r="DV21" s="196">
        <v>38</v>
      </c>
      <c r="DW21" s="197">
        <v>88</v>
      </c>
      <c r="DX21" s="197">
        <v>288</v>
      </c>
      <c r="DY21" s="197">
        <v>552</v>
      </c>
      <c r="DZ21" s="195">
        <v>350</v>
      </c>
      <c r="EA21" s="198">
        <v>1316</v>
      </c>
      <c r="EB21" s="200">
        <v>1316</v>
      </c>
      <c r="EC21" s="37"/>
    </row>
    <row r="22" spans="2:133" ht="21" customHeight="1" x14ac:dyDescent="0.2">
      <c r="B22" s="62" t="s">
        <v>19</v>
      </c>
      <c r="C22" s="194">
        <v>0</v>
      </c>
      <c r="D22" s="195">
        <v>0</v>
      </c>
      <c r="E22" s="195">
        <v>0</v>
      </c>
      <c r="F22" s="196">
        <v>0</v>
      </c>
      <c r="G22" s="197">
        <v>6</v>
      </c>
      <c r="H22" s="197">
        <v>121</v>
      </c>
      <c r="I22" s="197">
        <v>124</v>
      </c>
      <c r="J22" s="195">
        <v>105</v>
      </c>
      <c r="K22" s="198">
        <v>356</v>
      </c>
      <c r="L22" s="199">
        <v>356</v>
      </c>
      <c r="M22" s="194">
        <v>0</v>
      </c>
      <c r="N22" s="195">
        <v>0</v>
      </c>
      <c r="O22" s="198">
        <v>0</v>
      </c>
      <c r="P22" s="196">
        <v>0</v>
      </c>
      <c r="Q22" s="197">
        <v>6</v>
      </c>
      <c r="R22" s="197">
        <v>120</v>
      </c>
      <c r="S22" s="197">
        <v>124</v>
      </c>
      <c r="T22" s="195">
        <v>105</v>
      </c>
      <c r="U22" s="198">
        <v>355</v>
      </c>
      <c r="V22" s="200">
        <v>355</v>
      </c>
      <c r="W22" s="201">
        <v>0</v>
      </c>
      <c r="X22" s="195">
        <v>0</v>
      </c>
      <c r="Y22" s="198">
        <v>0</v>
      </c>
      <c r="Z22" s="201">
        <v>0</v>
      </c>
      <c r="AA22" s="197">
        <v>0</v>
      </c>
      <c r="AB22" s="197">
        <v>1</v>
      </c>
      <c r="AC22" s="197">
        <v>0</v>
      </c>
      <c r="AD22" s="195">
        <v>0</v>
      </c>
      <c r="AE22" s="198">
        <v>1</v>
      </c>
      <c r="AF22" s="202">
        <v>1</v>
      </c>
      <c r="AG22" s="201">
        <v>0</v>
      </c>
      <c r="AH22" s="195">
        <v>0</v>
      </c>
      <c r="AI22" s="198">
        <v>0</v>
      </c>
      <c r="AJ22" s="201">
        <v>21</v>
      </c>
      <c r="AK22" s="197">
        <v>47</v>
      </c>
      <c r="AL22" s="197">
        <v>74</v>
      </c>
      <c r="AM22" s="197">
        <v>65</v>
      </c>
      <c r="AN22" s="195">
        <v>34</v>
      </c>
      <c r="AO22" s="198">
        <v>241</v>
      </c>
      <c r="AP22" s="202">
        <v>241</v>
      </c>
      <c r="AQ22" s="201">
        <v>0</v>
      </c>
      <c r="AR22" s="195">
        <v>0</v>
      </c>
      <c r="AS22" s="198">
        <v>0</v>
      </c>
      <c r="AT22" s="196">
        <v>21</v>
      </c>
      <c r="AU22" s="197">
        <v>47</v>
      </c>
      <c r="AV22" s="197">
        <v>72</v>
      </c>
      <c r="AW22" s="197">
        <v>62</v>
      </c>
      <c r="AX22" s="195">
        <v>34</v>
      </c>
      <c r="AY22" s="198">
        <v>236</v>
      </c>
      <c r="AZ22" s="199">
        <v>236</v>
      </c>
      <c r="BA22" s="194">
        <v>0</v>
      </c>
      <c r="BB22" s="195">
        <v>0</v>
      </c>
      <c r="BC22" s="195">
        <v>0</v>
      </c>
      <c r="BD22" s="196">
        <v>0</v>
      </c>
      <c r="BE22" s="197">
        <v>0</v>
      </c>
      <c r="BF22" s="197">
        <v>2</v>
      </c>
      <c r="BG22" s="197">
        <v>3</v>
      </c>
      <c r="BH22" s="195">
        <v>0</v>
      </c>
      <c r="BI22" s="198">
        <v>5</v>
      </c>
      <c r="BJ22" s="200">
        <v>5</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3</v>
      </c>
      <c r="CV22" s="195">
        <v>7</v>
      </c>
      <c r="CW22" s="198">
        <v>10</v>
      </c>
      <c r="CX22" s="199">
        <v>10</v>
      </c>
      <c r="CY22" s="194">
        <v>0</v>
      </c>
      <c r="CZ22" s="195">
        <v>0</v>
      </c>
      <c r="DA22" s="195">
        <v>0</v>
      </c>
      <c r="DB22" s="196">
        <v>0</v>
      </c>
      <c r="DC22" s="197">
        <v>0</v>
      </c>
      <c r="DD22" s="197">
        <v>0</v>
      </c>
      <c r="DE22" s="197">
        <v>3</v>
      </c>
      <c r="DF22" s="195">
        <v>6</v>
      </c>
      <c r="DG22" s="198">
        <v>9</v>
      </c>
      <c r="DH22" s="200">
        <v>9</v>
      </c>
      <c r="DI22" s="201">
        <v>0</v>
      </c>
      <c r="DJ22" s="195">
        <v>0</v>
      </c>
      <c r="DK22" s="195">
        <v>0</v>
      </c>
      <c r="DL22" s="196">
        <v>0</v>
      </c>
      <c r="DM22" s="197">
        <v>0</v>
      </c>
      <c r="DN22" s="197">
        <v>0</v>
      </c>
      <c r="DO22" s="197">
        <v>0</v>
      </c>
      <c r="DP22" s="195">
        <v>1</v>
      </c>
      <c r="DQ22" s="198">
        <v>1</v>
      </c>
      <c r="DR22" s="200">
        <v>1</v>
      </c>
      <c r="DS22" s="201">
        <v>0</v>
      </c>
      <c r="DT22" s="195">
        <v>0</v>
      </c>
      <c r="DU22" s="195">
        <v>0</v>
      </c>
      <c r="DV22" s="196">
        <v>21</v>
      </c>
      <c r="DW22" s="197">
        <v>53</v>
      </c>
      <c r="DX22" s="197">
        <v>194</v>
      </c>
      <c r="DY22" s="197">
        <v>190</v>
      </c>
      <c r="DZ22" s="195">
        <v>145</v>
      </c>
      <c r="EA22" s="198">
        <v>603</v>
      </c>
      <c r="EB22" s="200">
        <v>603</v>
      </c>
      <c r="EC22" s="37"/>
    </row>
    <row r="23" spans="2:133" ht="21" customHeight="1" x14ac:dyDescent="0.2">
      <c r="B23" s="62" t="s">
        <v>20</v>
      </c>
      <c r="C23" s="194">
        <v>0</v>
      </c>
      <c r="D23" s="195">
        <v>0</v>
      </c>
      <c r="E23" s="195">
        <v>0</v>
      </c>
      <c r="F23" s="196">
        <v>4</v>
      </c>
      <c r="G23" s="197">
        <v>26</v>
      </c>
      <c r="H23" s="197">
        <v>129</v>
      </c>
      <c r="I23" s="197">
        <v>206</v>
      </c>
      <c r="J23" s="195">
        <v>103</v>
      </c>
      <c r="K23" s="198">
        <v>468</v>
      </c>
      <c r="L23" s="199">
        <v>468</v>
      </c>
      <c r="M23" s="194">
        <v>0</v>
      </c>
      <c r="N23" s="195">
        <v>0</v>
      </c>
      <c r="O23" s="198">
        <v>0</v>
      </c>
      <c r="P23" s="196">
        <v>4</v>
      </c>
      <c r="Q23" s="197">
        <v>26</v>
      </c>
      <c r="R23" s="197">
        <v>128</v>
      </c>
      <c r="S23" s="197">
        <v>204</v>
      </c>
      <c r="T23" s="195">
        <v>102</v>
      </c>
      <c r="U23" s="198">
        <v>464</v>
      </c>
      <c r="V23" s="200">
        <v>464</v>
      </c>
      <c r="W23" s="201">
        <v>0</v>
      </c>
      <c r="X23" s="195">
        <v>0</v>
      </c>
      <c r="Y23" s="198">
        <v>0</v>
      </c>
      <c r="Z23" s="201">
        <v>0</v>
      </c>
      <c r="AA23" s="197">
        <v>0</v>
      </c>
      <c r="AB23" s="197">
        <v>1</v>
      </c>
      <c r="AC23" s="197">
        <v>2</v>
      </c>
      <c r="AD23" s="195">
        <v>1</v>
      </c>
      <c r="AE23" s="198">
        <v>4</v>
      </c>
      <c r="AF23" s="202">
        <v>4</v>
      </c>
      <c r="AG23" s="201">
        <v>0</v>
      </c>
      <c r="AH23" s="195">
        <v>0</v>
      </c>
      <c r="AI23" s="198">
        <v>0</v>
      </c>
      <c r="AJ23" s="201">
        <v>17</v>
      </c>
      <c r="AK23" s="197">
        <v>42</v>
      </c>
      <c r="AL23" s="197">
        <v>39</v>
      </c>
      <c r="AM23" s="197">
        <v>52</v>
      </c>
      <c r="AN23" s="195">
        <v>25</v>
      </c>
      <c r="AO23" s="198">
        <v>175</v>
      </c>
      <c r="AP23" s="202">
        <v>175</v>
      </c>
      <c r="AQ23" s="201">
        <v>0</v>
      </c>
      <c r="AR23" s="195">
        <v>0</v>
      </c>
      <c r="AS23" s="198">
        <v>0</v>
      </c>
      <c r="AT23" s="196">
        <v>16</v>
      </c>
      <c r="AU23" s="197">
        <v>42</v>
      </c>
      <c r="AV23" s="197">
        <v>39</v>
      </c>
      <c r="AW23" s="197">
        <v>51</v>
      </c>
      <c r="AX23" s="195">
        <v>25</v>
      </c>
      <c r="AY23" s="198">
        <v>173</v>
      </c>
      <c r="AZ23" s="199">
        <v>173</v>
      </c>
      <c r="BA23" s="194">
        <v>0</v>
      </c>
      <c r="BB23" s="195">
        <v>0</v>
      </c>
      <c r="BC23" s="195">
        <v>0</v>
      </c>
      <c r="BD23" s="196">
        <v>1</v>
      </c>
      <c r="BE23" s="197">
        <v>0</v>
      </c>
      <c r="BF23" s="197">
        <v>0</v>
      </c>
      <c r="BG23" s="197">
        <v>1</v>
      </c>
      <c r="BH23" s="195">
        <v>0</v>
      </c>
      <c r="BI23" s="198">
        <v>2</v>
      </c>
      <c r="BJ23" s="200">
        <v>2</v>
      </c>
      <c r="BK23" s="201">
        <v>0</v>
      </c>
      <c r="BL23" s="195">
        <v>0</v>
      </c>
      <c r="BM23" s="195">
        <v>0</v>
      </c>
      <c r="BN23" s="196">
        <v>0</v>
      </c>
      <c r="BO23" s="197">
        <v>0</v>
      </c>
      <c r="BP23" s="197">
        <v>0</v>
      </c>
      <c r="BQ23" s="197">
        <v>1</v>
      </c>
      <c r="BR23" s="195">
        <v>0</v>
      </c>
      <c r="BS23" s="198">
        <v>1</v>
      </c>
      <c r="BT23" s="199">
        <v>1</v>
      </c>
      <c r="BU23" s="194">
        <v>0</v>
      </c>
      <c r="BV23" s="195">
        <v>0</v>
      </c>
      <c r="BW23" s="195">
        <v>0</v>
      </c>
      <c r="BX23" s="196">
        <v>0</v>
      </c>
      <c r="BY23" s="197">
        <v>0</v>
      </c>
      <c r="BZ23" s="197">
        <v>0</v>
      </c>
      <c r="CA23" s="197">
        <v>1</v>
      </c>
      <c r="CB23" s="195">
        <v>0</v>
      </c>
      <c r="CC23" s="198">
        <v>1</v>
      </c>
      <c r="CD23" s="200">
        <v>1</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0</v>
      </c>
      <c r="CU23" s="197">
        <v>3</v>
      </c>
      <c r="CV23" s="195">
        <v>2</v>
      </c>
      <c r="CW23" s="198">
        <v>5</v>
      </c>
      <c r="CX23" s="199">
        <v>5</v>
      </c>
      <c r="CY23" s="194">
        <v>0</v>
      </c>
      <c r="CZ23" s="195">
        <v>0</v>
      </c>
      <c r="DA23" s="195">
        <v>0</v>
      </c>
      <c r="DB23" s="196">
        <v>0</v>
      </c>
      <c r="DC23" s="197">
        <v>0</v>
      </c>
      <c r="DD23" s="197">
        <v>0</v>
      </c>
      <c r="DE23" s="197">
        <v>3</v>
      </c>
      <c r="DF23" s="195">
        <v>2</v>
      </c>
      <c r="DG23" s="198">
        <v>5</v>
      </c>
      <c r="DH23" s="200">
        <v>5</v>
      </c>
      <c r="DI23" s="201">
        <v>0</v>
      </c>
      <c r="DJ23" s="195">
        <v>0</v>
      </c>
      <c r="DK23" s="195">
        <v>0</v>
      </c>
      <c r="DL23" s="196">
        <v>0</v>
      </c>
      <c r="DM23" s="197">
        <v>0</v>
      </c>
      <c r="DN23" s="197">
        <v>0</v>
      </c>
      <c r="DO23" s="197">
        <v>0</v>
      </c>
      <c r="DP23" s="195">
        <v>0</v>
      </c>
      <c r="DQ23" s="198">
        <v>0</v>
      </c>
      <c r="DR23" s="200">
        <v>0</v>
      </c>
      <c r="DS23" s="201">
        <v>0</v>
      </c>
      <c r="DT23" s="195">
        <v>0</v>
      </c>
      <c r="DU23" s="195">
        <v>0</v>
      </c>
      <c r="DV23" s="196">
        <v>21</v>
      </c>
      <c r="DW23" s="197">
        <v>68</v>
      </c>
      <c r="DX23" s="197">
        <v>167</v>
      </c>
      <c r="DY23" s="197">
        <v>262</v>
      </c>
      <c r="DZ23" s="195">
        <v>130</v>
      </c>
      <c r="EA23" s="198">
        <v>648</v>
      </c>
      <c r="EB23" s="200">
        <v>648</v>
      </c>
      <c r="EC23" s="37"/>
    </row>
    <row r="24" spans="2:133" ht="21" customHeight="1" x14ac:dyDescent="0.2">
      <c r="B24" s="62" t="s">
        <v>21</v>
      </c>
      <c r="C24" s="194">
        <v>0</v>
      </c>
      <c r="D24" s="195">
        <v>0</v>
      </c>
      <c r="E24" s="195">
        <v>0</v>
      </c>
      <c r="F24" s="196">
        <v>6</v>
      </c>
      <c r="G24" s="197">
        <v>14</v>
      </c>
      <c r="H24" s="197">
        <v>170</v>
      </c>
      <c r="I24" s="197">
        <v>194</v>
      </c>
      <c r="J24" s="195">
        <v>145</v>
      </c>
      <c r="K24" s="198">
        <v>529</v>
      </c>
      <c r="L24" s="199">
        <v>529</v>
      </c>
      <c r="M24" s="194">
        <v>0</v>
      </c>
      <c r="N24" s="195">
        <v>0</v>
      </c>
      <c r="O24" s="198">
        <v>0</v>
      </c>
      <c r="P24" s="196">
        <v>5</v>
      </c>
      <c r="Q24" s="197">
        <v>14</v>
      </c>
      <c r="R24" s="197">
        <v>169</v>
      </c>
      <c r="S24" s="197">
        <v>194</v>
      </c>
      <c r="T24" s="195">
        <v>143</v>
      </c>
      <c r="U24" s="198">
        <v>525</v>
      </c>
      <c r="V24" s="200">
        <v>525</v>
      </c>
      <c r="W24" s="201">
        <v>0</v>
      </c>
      <c r="X24" s="195">
        <v>0</v>
      </c>
      <c r="Y24" s="198">
        <v>0</v>
      </c>
      <c r="Z24" s="201">
        <v>1</v>
      </c>
      <c r="AA24" s="197">
        <v>0</v>
      </c>
      <c r="AB24" s="197">
        <v>1</v>
      </c>
      <c r="AC24" s="197">
        <v>0</v>
      </c>
      <c r="AD24" s="195">
        <v>2</v>
      </c>
      <c r="AE24" s="198">
        <v>4</v>
      </c>
      <c r="AF24" s="202">
        <v>4</v>
      </c>
      <c r="AG24" s="201">
        <v>0</v>
      </c>
      <c r="AH24" s="195">
        <v>0</v>
      </c>
      <c r="AI24" s="198">
        <v>0</v>
      </c>
      <c r="AJ24" s="201">
        <v>16</v>
      </c>
      <c r="AK24" s="197">
        <v>27</v>
      </c>
      <c r="AL24" s="197">
        <v>42</v>
      </c>
      <c r="AM24" s="197">
        <v>53</v>
      </c>
      <c r="AN24" s="195">
        <v>23</v>
      </c>
      <c r="AO24" s="198">
        <v>161</v>
      </c>
      <c r="AP24" s="202">
        <v>161</v>
      </c>
      <c r="AQ24" s="201">
        <v>0</v>
      </c>
      <c r="AR24" s="195">
        <v>0</v>
      </c>
      <c r="AS24" s="198">
        <v>0</v>
      </c>
      <c r="AT24" s="196">
        <v>16</v>
      </c>
      <c r="AU24" s="197">
        <v>27</v>
      </c>
      <c r="AV24" s="197">
        <v>41</v>
      </c>
      <c r="AW24" s="197">
        <v>48</v>
      </c>
      <c r="AX24" s="195">
        <v>22</v>
      </c>
      <c r="AY24" s="198">
        <v>154</v>
      </c>
      <c r="AZ24" s="199">
        <v>154</v>
      </c>
      <c r="BA24" s="194">
        <v>0</v>
      </c>
      <c r="BB24" s="195">
        <v>0</v>
      </c>
      <c r="BC24" s="195">
        <v>0</v>
      </c>
      <c r="BD24" s="196">
        <v>0</v>
      </c>
      <c r="BE24" s="197">
        <v>0</v>
      </c>
      <c r="BF24" s="197">
        <v>1</v>
      </c>
      <c r="BG24" s="197">
        <v>5</v>
      </c>
      <c r="BH24" s="195">
        <v>1</v>
      </c>
      <c r="BI24" s="198">
        <v>7</v>
      </c>
      <c r="BJ24" s="200">
        <v>7</v>
      </c>
      <c r="BK24" s="201">
        <v>0</v>
      </c>
      <c r="BL24" s="195">
        <v>0</v>
      </c>
      <c r="BM24" s="195">
        <v>0</v>
      </c>
      <c r="BN24" s="196">
        <v>0</v>
      </c>
      <c r="BO24" s="197">
        <v>0</v>
      </c>
      <c r="BP24" s="197">
        <v>1</v>
      </c>
      <c r="BQ24" s="197">
        <v>1</v>
      </c>
      <c r="BR24" s="195">
        <v>2</v>
      </c>
      <c r="BS24" s="198">
        <v>4</v>
      </c>
      <c r="BT24" s="199">
        <v>4</v>
      </c>
      <c r="BU24" s="194">
        <v>0</v>
      </c>
      <c r="BV24" s="195">
        <v>0</v>
      </c>
      <c r="BW24" s="195">
        <v>0</v>
      </c>
      <c r="BX24" s="196">
        <v>0</v>
      </c>
      <c r="BY24" s="197">
        <v>0</v>
      </c>
      <c r="BZ24" s="197">
        <v>1</v>
      </c>
      <c r="CA24" s="197">
        <v>1</v>
      </c>
      <c r="CB24" s="195">
        <v>2</v>
      </c>
      <c r="CC24" s="198">
        <v>4</v>
      </c>
      <c r="CD24" s="200">
        <v>4</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10</v>
      </c>
      <c r="CV24" s="195">
        <v>18</v>
      </c>
      <c r="CW24" s="198">
        <v>29</v>
      </c>
      <c r="CX24" s="199">
        <v>29</v>
      </c>
      <c r="CY24" s="194">
        <v>0</v>
      </c>
      <c r="CZ24" s="195">
        <v>0</v>
      </c>
      <c r="DA24" s="195">
        <v>0</v>
      </c>
      <c r="DB24" s="196">
        <v>0</v>
      </c>
      <c r="DC24" s="197">
        <v>0</v>
      </c>
      <c r="DD24" s="197">
        <v>1</v>
      </c>
      <c r="DE24" s="197">
        <v>10</v>
      </c>
      <c r="DF24" s="195">
        <v>17</v>
      </c>
      <c r="DG24" s="198">
        <v>28</v>
      </c>
      <c r="DH24" s="200">
        <v>28</v>
      </c>
      <c r="DI24" s="201">
        <v>0</v>
      </c>
      <c r="DJ24" s="195">
        <v>0</v>
      </c>
      <c r="DK24" s="195">
        <v>0</v>
      </c>
      <c r="DL24" s="196">
        <v>0</v>
      </c>
      <c r="DM24" s="197">
        <v>0</v>
      </c>
      <c r="DN24" s="197">
        <v>0</v>
      </c>
      <c r="DO24" s="197">
        <v>0</v>
      </c>
      <c r="DP24" s="195">
        <v>1</v>
      </c>
      <c r="DQ24" s="198">
        <v>1</v>
      </c>
      <c r="DR24" s="200">
        <v>1</v>
      </c>
      <c r="DS24" s="201">
        <v>0</v>
      </c>
      <c r="DT24" s="195">
        <v>0</v>
      </c>
      <c r="DU24" s="195">
        <v>0</v>
      </c>
      <c r="DV24" s="196">
        <v>22</v>
      </c>
      <c r="DW24" s="197">
        <v>41</v>
      </c>
      <c r="DX24" s="197">
        <v>214</v>
      </c>
      <c r="DY24" s="197">
        <v>258</v>
      </c>
      <c r="DZ24" s="195">
        <v>188</v>
      </c>
      <c r="EA24" s="198">
        <v>723</v>
      </c>
      <c r="EB24" s="200">
        <v>723</v>
      </c>
      <c r="EC24" s="37"/>
    </row>
    <row r="25" spans="2:133" ht="21" customHeight="1" x14ac:dyDescent="0.2">
      <c r="B25" s="62" t="s">
        <v>22</v>
      </c>
      <c r="C25" s="194">
        <v>0</v>
      </c>
      <c r="D25" s="195">
        <v>0</v>
      </c>
      <c r="E25" s="195">
        <v>0</v>
      </c>
      <c r="F25" s="196">
        <v>2</v>
      </c>
      <c r="G25" s="197">
        <v>3</v>
      </c>
      <c r="H25" s="197">
        <v>58</v>
      </c>
      <c r="I25" s="197">
        <v>62</v>
      </c>
      <c r="J25" s="195">
        <v>37</v>
      </c>
      <c r="K25" s="198">
        <v>162</v>
      </c>
      <c r="L25" s="199">
        <v>162</v>
      </c>
      <c r="M25" s="194">
        <v>0</v>
      </c>
      <c r="N25" s="195">
        <v>0</v>
      </c>
      <c r="O25" s="198">
        <v>0</v>
      </c>
      <c r="P25" s="196">
        <v>2</v>
      </c>
      <c r="Q25" s="197">
        <v>3</v>
      </c>
      <c r="R25" s="197">
        <v>58</v>
      </c>
      <c r="S25" s="197">
        <v>62</v>
      </c>
      <c r="T25" s="195">
        <v>36</v>
      </c>
      <c r="U25" s="198">
        <v>161</v>
      </c>
      <c r="V25" s="200">
        <v>161</v>
      </c>
      <c r="W25" s="201">
        <v>0</v>
      </c>
      <c r="X25" s="195">
        <v>0</v>
      </c>
      <c r="Y25" s="198">
        <v>0</v>
      </c>
      <c r="Z25" s="201">
        <v>0</v>
      </c>
      <c r="AA25" s="197">
        <v>0</v>
      </c>
      <c r="AB25" s="197">
        <v>0</v>
      </c>
      <c r="AC25" s="197">
        <v>0</v>
      </c>
      <c r="AD25" s="195">
        <v>1</v>
      </c>
      <c r="AE25" s="198">
        <v>1</v>
      </c>
      <c r="AF25" s="202">
        <v>1</v>
      </c>
      <c r="AG25" s="201">
        <v>0</v>
      </c>
      <c r="AH25" s="195">
        <v>0</v>
      </c>
      <c r="AI25" s="198">
        <v>0</v>
      </c>
      <c r="AJ25" s="201">
        <v>14</v>
      </c>
      <c r="AK25" s="197">
        <v>21</v>
      </c>
      <c r="AL25" s="197">
        <v>27</v>
      </c>
      <c r="AM25" s="197">
        <v>36</v>
      </c>
      <c r="AN25" s="195">
        <v>16</v>
      </c>
      <c r="AO25" s="198">
        <v>114</v>
      </c>
      <c r="AP25" s="202">
        <v>114</v>
      </c>
      <c r="AQ25" s="201">
        <v>0</v>
      </c>
      <c r="AR25" s="195">
        <v>0</v>
      </c>
      <c r="AS25" s="198">
        <v>0</v>
      </c>
      <c r="AT25" s="196">
        <v>14</v>
      </c>
      <c r="AU25" s="197">
        <v>21</v>
      </c>
      <c r="AV25" s="197">
        <v>27</v>
      </c>
      <c r="AW25" s="197">
        <v>36</v>
      </c>
      <c r="AX25" s="195">
        <v>16</v>
      </c>
      <c r="AY25" s="198">
        <v>114</v>
      </c>
      <c r="AZ25" s="199">
        <v>114</v>
      </c>
      <c r="BA25" s="194">
        <v>0</v>
      </c>
      <c r="BB25" s="195">
        <v>0</v>
      </c>
      <c r="BC25" s="195">
        <v>0</v>
      </c>
      <c r="BD25" s="196">
        <v>0</v>
      </c>
      <c r="BE25" s="197">
        <v>0</v>
      </c>
      <c r="BF25" s="197">
        <v>0</v>
      </c>
      <c r="BG25" s="197">
        <v>0</v>
      </c>
      <c r="BH25" s="195">
        <v>0</v>
      </c>
      <c r="BI25" s="198">
        <v>0</v>
      </c>
      <c r="BJ25" s="200">
        <v>0</v>
      </c>
      <c r="BK25" s="201">
        <v>0</v>
      </c>
      <c r="BL25" s="195">
        <v>0</v>
      </c>
      <c r="BM25" s="195">
        <v>0</v>
      </c>
      <c r="BN25" s="196">
        <v>0</v>
      </c>
      <c r="BO25" s="197">
        <v>0</v>
      </c>
      <c r="BP25" s="197">
        <v>0</v>
      </c>
      <c r="BQ25" s="197">
        <v>0</v>
      </c>
      <c r="BR25" s="195">
        <v>1</v>
      </c>
      <c r="BS25" s="198">
        <v>1</v>
      </c>
      <c r="BT25" s="199">
        <v>1</v>
      </c>
      <c r="BU25" s="194">
        <v>0</v>
      </c>
      <c r="BV25" s="195">
        <v>0</v>
      </c>
      <c r="BW25" s="195">
        <v>0</v>
      </c>
      <c r="BX25" s="196">
        <v>0</v>
      </c>
      <c r="BY25" s="197">
        <v>0</v>
      </c>
      <c r="BZ25" s="197">
        <v>0</v>
      </c>
      <c r="CA25" s="197">
        <v>0</v>
      </c>
      <c r="CB25" s="195">
        <v>1</v>
      </c>
      <c r="CC25" s="198">
        <v>1</v>
      </c>
      <c r="CD25" s="200">
        <v>1</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8</v>
      </c>
      <c r="CV25" s="195">
        <v>2</v>
      </c>
      <c r="CW25" s="198">
        <v>10</v>
      </c>
      <c r="CX25" s="199">
        <v>10</v>
      </c>
      <c r="CY25" s="194">
        <v>0</v>
      </c>
      <c r="CZ25" s="195">
        <v>0</v>
      </c>
      <c r="DA25" s="195">
        <v>0</v>
      </c>
      <c r="DB25" s="196">
        <v>0</v>
      </c>
      <c r="DC25" s="197">
        <v>0</v>
      </c>
      <c r="DD25" s="197">
        <v>0</v>
      </c>
      <c r="DE25" s="197">
        <v>7</v>
      </c>
      <c r="DF25" s="195">
        <v>2</v>
      </c>
      <c r="DG25" s="198">
        <v>9</v>
      </c>
      <c r="DH25" s="200">
        <v>9</v>
      </c>
      <c r="DI25" s="201">
        <v>0</v>
      </c>
      <c r="DJ25" s="195">
        <v>0</v>
      </c>
      <c r="DK25" s="195">
        <v>0</v>
      </c>
      <c r="DL25" s="196">
        <v>0</v>
      </c>
      <c r="DM25" s="197">
        <v>0</v>
      </c>
      <c r="DN25" s="197">
        <v>0</v>
      </c>
      <c r="DO25" s="197">
        <v>1</v>
      </c>
      <c r="DP25" s="195">
        <v>0</v>
      </c>
      <c r="DQ25" s="198">
        <v>1</v>
      </c>
      <c r="DR25" s="200">
        <v>1</v>
      </c>
      <c r="DS25" s="201">
        <v>0</v>
      </c>
      <c r="DT25" s="195">
        <v>0</v>
      </c>
      <c r="DU25" s="195">
        <v>0</v>
      </c>
      <c r="DV25" s="196">
        <v>16</v>
      </c>
      <c r="DW25" s="197">
        <v>24</v>
      </c>
      <c r="DX25" s="197">
        <v>85</v>
      </c>
      <c r="DY25" s="197">
        <v>106</v>
      </c>
      <c r="DZ25" s="195">
        <v>56</v>
      </c>
      <c r="EA25" s="198">
        <v>287</v>
      </c>
      <c r="EB25" s="200">
        <v>287</v>
      </c>
      <c r="EC25" s="37"/>
    </row>
    <row r="26" spans="2:133" ht="21" customHeight="1" x14ac:dyDescent="0.2">
      <c r="B26" s="62" t="s">
        <v>23</v>
      </c>
      <c r="C26" s="194">
        <v>0</v>
      </c>
      <c r="D26" s="195">
        <v>0</v>
      </c>
      <c r="E26" s="195">
        <v>0</v>
      </c>
      <c r="F26" s="196">
        <v>2</v>
      </c>
      <c r="G26" s="197">
        <v>9</v>
      </c>
      <c r="H26" s="197">
        <v>89</v>
      </c>
      <c r="I26" s="197">
        <v>128</v>
      </c>
      <c r="J26" s="195">
        <v>99</v>
      </c>
      <c r="K26" s="198">
        <v>327</v>
      </c>
      <c r="L26" s="199">
        <v>327</v>
      </c>
      <c r="M26" s="194">
        <v>0</v>
      </c>
      <c r="N26" s="195">
        <v>0</v>
      </c>
      <c r="O26" s="198">
        <v>0</v>
      </c>
      <c r="P26" s="196">
        <v>2</v>
      </c>
      <c r="Q26" s="197">
        <v>9</v>
      </c>
      <c r="R26" s="197">
        <v>89</v>
      </c>
      <c r="S26" s="197">
        <v>126</v>
      </c>
      <c r="T26" s="195">
        <v>99</v>
      </c>
      <c r="U26" s="198">
        <v>325</v>
      </c>
      <c r="V26" s="200">
        <v>325</v>
      </c>
      <c r="W26" s="201">
        <v>0</v>
      </c>
      <c r="X26" s="195">
        <v>0</v>
      </c>
      <c r="Y26" s="198">
        <v>0</v>
      </c>
      <c r="Z26" s="201">
        <v>0</v>
      </c>
      <c r="AA26" s="197">
        <v>0</v>
      </c>
      <c r="AB26" s="197">
        <v>0</v>
      </c>
      <c r="AC26" s="197">
        <v>2</v>
      </c>
      <c r="AD26" s="195">
        <v>0</v>
      </c>
      <c r="AE26" s="198">
        <v>2</v>
      </c>
      <c r="AF26" s="202">
        <v>2</v>
      </c>
      <c r="AG26" s="201">
        <v>0</v>
      </c>
      <c r="AH26" s="195">
        <v>0</v>
      </c>
      <c r="AI26" s="198">
        <v>0</v>
      </c>
      <c r="AJ26" s="201">
        <v>13</v>
      </c>
      <c r="AK26" s="197">
        <v>31</v>
      </c>
      <c r="AL26" s="197">
        <v>37</v>
      </c>
      <c r="AM26" s="197">
        <v>63</v>
      </c>
      <c r="AN26" s="195">
        <v>35</v>
      </c>
      <c r="AO26" s="198">
        <v>179</v>
      </c>
      <c r="AP26" s="202">
        <v>179</v>
      </c>
      <c r="AQ26" s="201">
        <v>0</v>
      </c>
      <c r="AR26" s="195">
        <v>0</v>
      </c>
      <c r="AS26" s="198">
        <v>0</v>
      </c>
      <c r="AT26" s="196">
        <v>13</v>
      </c>
      <c r="AU26" s="197">
        <v>31</v>
      </c>
      <c r="AV26" s="197">
        <v>37</v>
      </c>
      <c r="AW26" s="197">
        <v>62</v>
      </c>
      <c r="AX26" s="195">
        <v>32</v>
      </c>
      <c r="AY26" s="198">
        <v>175</v>
      </c>
      <c r="AZ26" s="199">
        <v>175</v>
      </c>
      <c r="BA26" s="194">
        <v>0</v>
      </c>
      <c r="BB26" s="195">
        <v>0</v>
      </c>
      <c r="BC26" s="195">
        <v>0</v>
      </c>
      <c r="BD26" s="196">
        <v>0</v>
      </c>
      <c r="BE26" s="197">
        <v>0</v>
      </c>
      <c r="BF26" s="197">
        <v>0</v>
      </c>
      <c r="BG26" s="197">
        <v>1</v>
      </c>
      <c r="BH26" s="195">
        <v>3</v>
      </c>
      <c r="BI26" s="198">
        <v>4</v>
      </c>
      <c r="BJ26" s="200">
        <v>4</v>
      </c>
      <c r="BK26" s="201">
        <v>0</v>
      </c>
      <c r="BL26" s="195">
        <v>0</v>
      </c>
      <c r="BM26" s="195">
        <v>0</v>
      </c>
      <c r="BN26" s="196">
        <v>0</v>
      </c>
      <c r="BO26" s="197">
        <v>0</v>
      </c>
      <c r="BP26" s="197">
        <v>0</v>
      </c>
      <c r="BQ26" s="197">
        <v>2</v>
      </c>
      <c r="BR26" s="195">
        <v>1</v>
      </c>
      <c r="BS26" s="198">
        <v>3</v>
      </c>
      <c r="BT26" s="199">
        <v>3</v>
      </c>
      <c r="BU26" s="194">
        <v>0</v>
      </c>
      <c r="BV26" s="195">
        <v>0</v>
      </c>
      <c r="BW26" s="195">
        <v>0</v>
      </c>
      <c r="BX26" s="196">
        <v>0</v>
      </c>
      <c r="BY26" s="197">
        <v>0</v>
      </c>
      <c r="BZ26" s="197">
        <v>0</v>
      </c>
      <c r="CA26" s="197">
        <v>2</v>
      </c>
      <c r="CB26" s="195">
        <v>1</v>
      </c>
      <c r="CC26" s="198">
        <v>3</v>
      </c>
      <c r="CD26" s="200">
        <v>3</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0</v>
      </c>
      <c r="CU26" s="197">
        <v>3</v>
      </c>
      <c r="CV26" s="195">
        <v>8</v>
      </c>
      <c r="CW26" s="198">
        <v>11</v>
      </c>
      <c r="CX26" s="199">
        <v>11</v>
      </c>
      <c r="CY26" s="194">
        <v>0</v>
      </c>
      <c r="CZ26" s="195">
        <v>0</v>
      </c>
      <c r="DA26" s="195">
        <v>0</v>
      </c>
      <c r="DB26" s="196">
        <v>0</v>
      </c>
      <c r="DC26" s="197">
        <v>0</v>
      </c>
      <c r="DD26" s="197">
        <v>0</v>
      </c>
      <c r="DE26" s="197">
        <v>3</v>
      </c>
      <c r="DF26" s="195">
        <v>8</v>
      </c>
      <c r="DG26" s="198">
        <v>11</v>
      </c>
      <c r="DH26" s="200">
        <v>11</v>
      </c>
      <c r="DI26" s="201">
        <v>0</v>
      </c>
      <c r="DJ26" s="195">
        <v>0</v>
      </c>
      <c r="DK26" s="195">
        <v>0</v>
      </c>
      <c r="DL26" s="196">
        <v>0</v>
      </c>
      <c r="DM26" s="197">
        <v>0</v>
      </c>
      <c r="DN26" s="197">
        <v>0</v>
      </c>
      <c r="DO26" s="197">
        <v>0</v>
      </c>
      <c r="DP26" s="195">
        <v>0</v>
      </c>
      <c r="DQ26" s="198">
        <v>0</v>
      </c>
      <c r="DR26" s="200">
        <v>0</v>
      </c>
      <c r="DS26" s="201">
        <v>0</v>
      </c>
      <c r="DT26" s="195">
        <v>0</v>
      </c>
      <c r="DU26" s="195">
        <v>0</v>
      </c>
      <c r="DV26" s="196">
        <v>15</v>
      </c>
      <c r="DW26" s="197">
        <v>40</v>
      </c>
      <c r="DX26" s="197">
        <v>126</v>
      </c>
      <c r="DY26" s="197">
        <v>195</v>
      </c>
      <c r="DZ26" s="195">
        <v>143</v>
      </c>
      <c r="EA26" s="198">
        <v>519</v>
      </c>
      <c r="EB26" s="200">
        <v>519</v>
      </c>
      <c r="EC26" s="37"/>
    </row>
    <row r="27" spans="2:133" ht="21" customHeight="1" x14ac:dyDescent="0.2">
      <c r="B27" s="62" t="s">
        <v>24</v>
      </c>
      <c r="C27" s="194">
        <v>0</v>
      </c>
      <c r="D27" s="195">
        <v>0</v>
      </c>
      <c r="E27" s="195">
        <v>0</v>
      </c>
      <c r="F27" s="196">
        <v>0</v>
      </c>
      <c r="G27" s="197">
        <v>0</v>
      </c>
      <c r="H27" s="197">
        <v>30</v>
      </c>
      <c r="I27" s="197">
        <v>73</v>
      </c>
      <c r="J27" s="195">
        <v>58</v>
      </c>
      <c r="K27" s="198">
        <v>161</v>
      </c>
      <c r="L27" s="199">
        <v>161</v>
      </c>
      <c r="M27" s="194">
        <v>0</v>
      </c>
      <c r="N27" s="195">
        <v>0</v>
      </c>
      <c r="O27" s="198">
        <v>0</v>
      </c>
      <c r="P27" s="196">
        <v>0</v>
      </c>
      <c r="Q27" s="197">
        <v>0</v>
      </c>
      <c r="R27" s="197">
        <v>30</v>
      </c>
      <c r="S27" s="197">
        <v>73</v>
      </c>
      <c r="T27" s="195">
        <v>58</v>
      </c>
      <c r="U27" s="198">
        <v>161</v>
      </c>
      <c r="V27" s="200">
        <v>161</v>
      </c>
      <c r="W27" s="201">
        <v>0</v>
      </c>
      <c r="X27" s="195">
        <v>0</v>
      </c>
      <c r="Y27" s="198">
        <v>0</v>
      </c>
      <c r="Z27" s="201">
        <v>0</v>
      </c>
      <c r="AA27" s="197">
        <v>0</v>
      </c>
      <c r="AB27" s="197">
        <v>0</v>
      </c>
      <c r="AC27" s="197">
        <v>0</v>
      </c>
      <c r="AD27" s="195">
        <v>0</v>
      </c>
      <c r="AE27" s="198">
        <v>0</v>
      </c>
      <c r="AF27" s="202">
        <v>0</v>
      </c>
      <c r="AG27" s="201">
        <v>0</v>
      </c>
      <c r="AH27" s="195">
        <v>0</v>
      </c>
      <c r="AI27" s="198">
        <v>0</v>
      </c>
      <c r="AJ27" s="201">
        <v>11</v>
      </c>
      <c r="AK27" s="197">
        <v>10</v>
      </c>
      <c r="AL27" s="197">
        <v>26</v>
      </c>
      <c r="AM27" s="197">
        <v>33</v>
      </c>
      <c r="AN27" s="195">
        <v>13</v>
      </c>
      <c r="AO27" s="198">
        <v>93</v>
      </c>
      <c r="AP27" s="202">
        <v>93</v>
      </c>
      <c r="AQ27" s="201">
        <v>0</v>
      </c>
      <c r="AR27" s="195">
        <v>0</v>
      </c>
      <c r="AS27" s="198">
        <v>0</v>
      </c>
      <c r="AT27" s="196">
        <v>11</v>
      </c>
      <c r="AU27" s="197">
        <v>10</v>
      </c>
      <c r="AV27" s="197">
        <v>26</v>
      </c>
      <c r="AW27" s="197">
        <v>31</v>
      </c>
      <c r="AX27" s="195">
        <v>13</v>
      </c>
      <c r="AY27" s="198">
        <v>91</v>
      </c>
      <c r="AZ27" s="199">
        <v>91</v>
      </c>
      <c r="BA27" s="194">
        <v>0</v>
      </c>
      <c r="BB27" s="195">
        <v>0</v>
      </c>
      <c r="BC27" s="195">
        <v>0</v>
      </c>
      <c r="BD27" s="196">
        <v>0</v>
      </c>
      <c r="BE27" s="197">
        <v>0</v>
      </c>
      <c r="BF27" s="197">
        <v>0</v>
      </c>
      <c r="BG27" s="197">
        <v>2</v>
      </c>
      <c r="BH27" s="195">
        <v>0</v>
      </c>
      <c r="BI27" s="198">
        <v>2</v>
      </c>
      <c r="BJ27" s="200">
        <v>2</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1</v>
      </c>
      <c r="DW27" s="197">
        <v>10</v>
      </c>
      <c r="DX27" s="197">
        <v>56</v>
      </c>
      <c r="DY27" s="197">
        <v>106</v>
      </c>
      <c r="DZ27" s="195">
        <v>71</v>
      </c>
      <c r="EA27" s="198">
        <v>254</v>
      </c>
      <c r="EB27" s="200">
        <v>254</v>
      </c>
      <c r="EC27" s="37"/>
    </row>
    <row r="28" spans="2:133" ht="21" customHeight="1" x14ac:dyDescent="0.2">
      <c r="B28" s="62" t="s">
        <v>25</v>
      </c>
      <c r="C28" s="194">
        <v>0</v>
      </c>
      <c r="D28" s="195">
        <v>0</v>
      </c>
      <c r="E28" s="195">
        <v>0</v>
      </c>
      <c r="F28" s="196">
        <v>1</v>
      </c>
      <c r="G28" s="197">
        <v>7</v>
      </c>
      <c r="H28" s="197">
        <v>62</v>
      </c>
      <c r="I28" s="197">
        <v>73</v>
      </c>
      <c r="J28" s="195">
        <v>58</v>
      </c>
      <c r="K28" s="198">
        <v>201</v>
      </c>
      <c r="L28" s="199">
        <v>201</v>
      </c>
      <c r="M28" s="194">
        <v>0</v>
      </c>
      <c r="N28" s="195">
        <v>0</v>
      </c>
      <c r="O28" s="198">
        <v>0</v>
      </c>
      <c r="P28" s="196">
        <v>1</v>
      </c>
      <c r="Q28" s="197">
        <v>7</v>
      </c>
      <c r="R28" s="197">
        <v>62</v>
      </c>
      <c r="S28" s="197">
        <v>72</v>
      </c>
      <c r="T28" s="195">
        <v>53</v>
      </c>
      <c r="U28" s="198">
        <v>195</v>
      </c>
      <c r="V28" s="200">
        <v>195</v>
      </c>
      <c r="W28" s="201">
        <v>0</v>
      </c>
      <c r="X28" s="195">
        <v>0</v>
      </c>
      <c r="Y28" s="198">
        <v>0</v>
      </c>
      <c r="Z28" s="201">
        <v>0</v>
      </c>
      <c r="AA28" s="197">
        <v>0</v>
      </c>
      <c r="AB28" s="197">
        <v>0</v>
      </c>
      <c r="AC28" s="197">
        <v>1</v>
      </c>
      <c r="AD28" s="195">
        <v>5</v>
      </c>
      <c r="AE28" s="198">
        <v>6</v>
      </c>
      <c r="AF28" s="202">
        <v>6</v>
      </c>
      <c r="AG28" s="201">
        <v>0</v>
      </c>
      <c r="AH28" s="195">
        <v>0</v>
      </c>
      <c r="AI28" s="198">
        <v>0</v>
      </c>
      <c r="AJ28" s="201">
        <v>12</v>
      </c>
      <c r="AK28" s="197">
        <v>14</v>
      </c>
      <c r="AL28" s="197">
        <v>16</v>
      </c>
      <c r="AM28" s="197">
        <v>54</v>
      </c>
      <c r="AN28" s="195">
        <v>14</v>
      </c>
      <c r="AO28" s="198">
        <v>110</v>
      </c>
      <c r="AP28" s="202">
        <v>110</v>
      </c>
      <c r="AQ28" s="201">
        <v>0</v>
      </c>
      <c r="AR28" s="195">
        <v>0</v>
      </c>
      <c r="AS28" s="198">
        <v>0</v>
      </c>
      <c r="AT28" s="196">
        <v>12</v>
      </c>
      <c r="AU28" s="197">
        <v>14</v>
      </c>
      <c r="AV28" s="197">
        <v>16</v>
      </c>
      <c r="AW28" s="197">
        <v>53</v>
      </c>
      <c r="AX28" s="195">
        <v>14</v>
      </c>
      <c r="AY28" s="198">
        <v>109</v>
      </c>
      <c r="AZ28" s="199">
        <v>109</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2</v>
      </c>
      <c r="CV28" s="195">
        <v>2</v>
      </c>
      <c r="CW28" s="198">
        <v>4</v>
      </c>
      <c r="CX28" s="199">
        <v>4</v>
      </c>
      <c r="CY28" s="194">
        <v>0</v>
      </c>
      <c r="CZ28" s="195">
        <v>0</v>
      </c>
      <c r="DA28" s="195">
        <v>0</v>
      </c>
      <c r="DB28" s="196">
        <v>0</v>
      </c>
      <c r="DC28" s="197">
        <v>0</v>
      </c>
      <c r="DD28" s="197">
        <v>0</v>
      </c>
      <c r="DE28" s="197">
        <v>2</v>
      </c>
      <c r="DF28" s="195">
        <v>2</v>
      </c>
      <c r="DG28" s="198">
        <v>4</v>
      </c>
      <c r="DH28" s="200">
        <v>4</v>
      </c>
      <c r="DI28" s="201">
        <v>0</v>
      </c>
      <c r="DJ28" s="195">
        <v>0</v>
      </c>
      <c r="DK28" s="195">
        <v>0</v>
      </c>
      <c r="DL28" s="196">
        <v>0</v>
      </c>
      <c r="DM28" s="197">
        <v>0</v>
      </c>
      <c r="DN28" s="197">
        <v>0</v>
      </c>
      <c r="DO28" s="197">
        <v>0</v>
      </c>
      <c r="DP28" s="195">
        <v>0</v>
      </c>
      <c r="DQ28" s="198">
        <v>0</v>
      </c>
      <c r="DR28" s="200">
        <v>0</v>
      </c>
      <c r="DS28" s="201">
        <v>0</v>
      </c>
      <c r="DT28" s="195">
        <v>0</v>
      </c>
      <c r="DU28" s="195">
        <v>0</v>
      </c>
      <c r="DV28" s="196">
        <v>13</v>
      </c>
      <c r="DW28" s="197">
        <v>21</v>
      </c>
      <c r="DX28" s="197">
        <v>78</v>
      </c>
      <c r="DY28" s="197">
        <v>129</v>
      </c>
      <c r="DZ28" s="195">
        <v>74</v>
      </c>
      <c r="EA28" s="198">
        <v>315</v>
      </c>
      <c r="EB28" s="200">
        <v>315</v>
      </c>
      <c r="EC28" s="37"/>
    </row>
    <row r="29" spans="2:133" ht="21" customHeight="1" x14ac:dyDescent="0.2">
      <c r="B29" s="62" t="s">
        <v>26</v>
      </c>
      <c r="C29" s="194">
        <v>0</v>
      </c>
      <c r="D29" s="195">
        <v>0</v>
      </c>
      <c r="E29" s="195">
        <v>0</v>
      </c>
      <c r="F29" s="196">
        <v>1</v>
      </c>
      <c r="G29" s="197">
        <v>12</v>
      </c>
      <c r="H29" s="197">
        <v>40</v>
      </c>
      <c r="I29" s="197">
        <v>79</v>
      </c>
      <c r="J29" s="195">
        <v>48</v>
      </c>
      <c r="K29" s="198">
        <v>180</v>
      </c>
      <c r="L29" s="199">
        <v>180</v>
      </c>
      <c r="M29" s="194">
        <v>0</v>
      </c>
      <c r="N29" s="195">
        <v>0</v>
      </c>
      <c r="O29" s="198">
        <v>0</v>
      </c>
      <c r="P29" s="196">
        <v>1</v>
      </c>
      <c r="Q29" s="197">
        <v>12</v>
      </c>
      <c r="R29" s="197">
        <v>39</v>
      </c>
      <c r="S29" s="197">
        <v>78</v>
      </c>
      <c r="T29" s="195">
        <v>47</v>
      </c>
      <c r="U29" s="198">
        <v>177</v>
      </c>
      <c r="V29" s="200">
        <v>177</v>
      </c>
      <c r="W29" s="201">
        <v>0</v>
      </c>
      <c r="X29" s="195">
        <v>0</v>
      </c>
      <c r="Y29" s="198">
        <v>0</v>
      </c>
      <c r="Z29" s="201">
        <v>0</v>
      </c>
      <c r="AA29" s="197">
        <v>0</v>
      </c>
      <c r="AB29" s="197">
        <v>1</v>
      </c>
      <c r="AC29" s="197">
        <v>1</v>
      </c>
      <c r="AD29" s="195">
        <v>1</v>
      </c>
      <c r="AE29" s="198">
        <v>3</v>
      </c>
      <c r="AF29" s="202">
        <v>3</v>
      </c>
      <c r="AG29" s="201">
        <v>0</v>
      </c>
      <c r="AH29" s="195">
        <v>0</v>
      </c>
      <c r="AI29" s="198">
        <v>0</v>
      </c>
      <c r="AJ29" s="201">
        <v>9</v>
      </c>
      <c r="AK29" s="197">
        <v>24</v>
      </c>
      <c r="AL29" s="197">
        <v>21</v>
      </c>
      <c r="AM29" s="197">
        <v>20</v>
      </c>
      <c r="AN29" s="195">
        <v>16</v>
      </c>
      <c r="AO29" s="198">
        <v>90</v>
      </c>
      <c r="AP29" s="202">
        <v>90</v>
      </c>
      <c r="AQ29" s="201">
        <v>0</v>
      </c>
      <c r="AR29" s="195">
        <v>0</v>
      </c>
      <c r="AS29" s="198">
        <v>0</v>
      </c>
      <c r="AT29" s="196">
        <v>9</v>
      </c>
      <c r="AU29" s="197">
        <v>24</v>
      </c>
      <c r="AV29" s="197">
        <v>21</v>
      </c>
      <c r="AW29" s="197">
        <v>19</v>
      </c>
      <c r="AX29" s="195">
        <v>16</v>
      </c>
      <c r="AY29" s="198">
        <v>89</v>
      </c>
      <c r="AZ29" s="199">
        <v>89</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1</v>
      </c>
      <c r="CU29" s="197">
        <v>0</v>
      </c>
      <c r="CV29" s="195">
        <v>2</v>
      </c>
      <c r="CW29" s="198">
        <v>3</v>
      </c>
      <c r="CX29" s="199">
        <v>3</v>
      </c>
      <c r="CY29" s="194">
        <v>0</v>
      </c>
      <c r="CZ29" s="195">
        <v>0</v>
      </c>
      <c r="DA29" s="195">
        <v>0</v>
      </c>
      <c r="DB29" s="196">
        <v>0</v>
      </c>
      <c r="DC29" s="197">
        <v>0</v>
      </c>
      <c r="DD29" s="197">
        <v>1</v>
      </c>
      <c r="DE29" s="197">
        <v>0</v>
      </c>
      <c r="DF29" s="195">
        <v>2</v>
      </c>
      <c r="DG29" s="198">
        <v>3</v>
      </c>
      <c r="DH29" s="200">
        <v>3</v>
      </c>
      <c r="DI29" s="201">
        <v>0</v>
      </c>
      <c r="DJ29" s="195">
        <v>0</v>
      </c>
      <c r="DK29" s="195">
        <v>0</v>
      </c>
      <c r="DL29" s="196">
        <v>0</v>
      </c>
      <c r="DM29" s="197">
        <v>0</v>
      </c>
      <c r="DN29" s="197">
        <v>0</v>
      </c>
      <c r="DO29" s="197">
        <v>0</v>
      </c>
      <c r="DP29" s="195">
        <v>0</v>
      </c>
      <c r="DQ29" s="198">
        <v>0</v>
      </c>
      <c r="DR29" s="200">
        <v>0</v>
      </c>
      <c r="DS29" s="201">
        <v>0</v>
      </c>
      <c r="DT29" s="195">
        <v>0</v>
      </c>
      <c r="DU29" s="195">
        <v>0</v>
      </c>
      <c r="DV29" s="196">
        <v>10</v>
      </c>
      <c r="DW29" s="197">
        <v>36</v>
      </c>
      <c r="DX29" s="197">
        <v>62</v>
      </c>
      <c r="DY29" s="197">
        <v>99</v>
      </c>
      <c r="DZ29" s="195">
        <v>66</v>
      </c>
      <c r="EA29" s="198">
        <v>273</v>
      </c>
      <c r="EB29" s="200">
        <v>273</v>
      </c>
      <c r="EC29" s="37"/>
    </row>
    <row r="30" spans="2:133" ht="21" customHeight="1" x14ac:dyDescent="0.2">
      <c r="B30" s="62" t="s">
        <v>27</v>
      </c>
      <c r="C30" s="194">
        <v>0</v>
      </c>
      <c r="D30" s="195">
        <v>0</v>
      </c>
      <c r="E30" s="195">
        <v>0</v>
      </c>
      <c r="F30" s="196">
        <v>3</v>
      </c>
      <c r="G30" s="197">
        <v>2</v>
      </c>
      <c r="H30" s="197">
        <v>34</v>
      </c>
      <c r="I30" s="197">
        <v>66</v>
      </c>
      <c r="J30" s="195">
        <v>40</v>
      </c>
      <c r="K30" s="198">
        <v>145</v>
      </c>
      <c r="L30" s="199">
        <v>145</v>
      </c>
      <c r="M30" s="194">
        <v>0</v>
      </c>
      <c r="N30" s="195">
        <v>0</v>
      </c>
      <c r="O30" s="198">
        <v>0</v>
      </c>
      <c r="P30" s="196">
        <v>3</v>
      </c>
      <c r="Q30" s="197">
        <v>2</v>
      </c>
      <c r="R30" s="197">
        <v>32</v>
      </c>
      <c r="S30" s="197">
        <v>66</v>
      </c>
      <c r="T30" s="195">
        <v>40</v>
      </c>
      <c r="U30" s="198">
        <v>143</v>
      </c>
      <c r="V30" s="200">
        <v>143</v>
      </c>
      <c r="W30" s="201">
        <v>0</v>
      </c>
      <c r="X30" s="195">
        <v>0</v>
      </c>
      <c r="Y30" s="198">
        <v>0</v>
      </c>
      <c r="Z30" s="201">
        <v>0</v>
      </c>
      <c r="AA30" s="197">
        <v>0</v>
      </c>
      <c r="AB30" s="197">
        <v>2</v>
      </c>
      <c r="AC30" s="197">
        <v>0</v>
      </c>
      <c r="AD30" s="195">
        <v>0</v>
      </c>
      <c r="AE30" s="198">
        <v>2</v>
      </c>
      <c r="AF30" s="202">
        <v>2</v>
      </c>
      <c r="AG30" s="201">
        <v>0</v>
      </c>
      <c r="AH30" s="195">
        <v>0</v>
      </c>
      <c r="AI30" s="198">
        <v>0</v>
      </c>
      <c r="AJ30" s="201">
        <v>9</v>
      </c>
      <c r="AK30" s="197">
        <v>21</v>
      </c>
      <c r="AL30" s="197">
        <v>18</v>
      </c>
      <c r="AM30" s="197">
        <v>17</v>
      </c>
      <c r="AN30" s="195">
        <v>15</v>
      </c>
      <c r="AO30" s="198">
        <v>80</v>
      </c>
      <c r="AP30" s="202">
        <v>80</v>
      </c>
      <c r="AQ30" s="201">
        <v>0</v>
      </c>
      <c r="AR30" s="195">
        <v>0</v>
      </c>
      <c r="AS30" s="198">
        <v>0</v>
      </c>
      <c r="AT30" s="196">
        <v>9</v>
      </c>
      <c r="AU30" s="197">
        <v>19</v>
      </c>
      <c r="AV30" s="197">
        <v>16</v>
      </c>
      <c r="AW30" s="197">
        <v>16</v>
      </c>
      <c r="AX30" s="195">
        <v>15</v>
      </c>
      <c r="AY30" s="198">
        <v>75</v>
      </c>
      <c r="AZ30" s="199">
        <v>75</v>
      </c>
      <c r="BA30" s="194">
        <v>0</v>
      </c>
      <c r="BB30" s="195">
        <v>0</v>
      </c>
      <c r="BC30" s="195">
        <v>0</v>
      </c>
      <c r="BD30" s="196">
        <v>0</v>
      </c>
      <c r="BE30" s="197">
        <v>2</v>
      </c>
      <c r="BF30" s="197">
        <v>2</v>
      </c>
      <c r="BG30" s="197">
        <v>1</v>
      </c>
      <c r="BH30" s="195">
        <v>0</v>
      </c>
      <c r="BI30" s="198">
        <v>5</v>
      </c>
      <c r="BJ30" s="200">
        <v>5</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3</v>
      </c>
      <c r="CV30" s="195">
        <v>2</v>
      </c>
      <c r="CW30" s="198">
        <v>5</v>
      </c>
      <c r="CX30" s="199">
        <v>5</v>
      </c>
      <c r="CY30" s="194">
        <v>0</v>
      </c>
      <c r="CZ30" s="195">
        <v>0</v>
      </c>
      <c r="DA30" s="195">
        <v>0</v>
      </c>
      <c r="DB30" s="196">
        <v>0</v>
      </c>
      <c r="DC30" s="197">
        <v>0</v>
      </c>
      <c r="DD30" s="197">
        <v>0</v>
      </c>
      <c r="DE30" s="197">
        <v>3</v>
      </c>
      <c r="DF30" s="195">
        <v>0</v>
      </c>
      <c r="DG30" s="198">
        <v>3</v>
      </c>
      <c r="DH30" s="200">
        <v>3</v>
      </c>
      <c r="DI30" s="201">
        <v>0</v>
      </c>
      <c r="DJ30" s="195">
        <v>0</v>
      </c>
      <c r="DK30" s="195">
        <v>0</v>
      </c>
      <c r="DL30" s="196">
        <v>0</v>
      </c>
      <c r="DM30" s="197">
        <v>0</v>
      </c>
      <c r="DN30" s="197">
        <v>0</v>
      </c>
      <c r="DO30" s="197">
        <v>0</v>
      </c>
      <c r="DP30" s="195">
        <v>2</v>
      </c>
      <c r="DQ30" s="198">
        <v>2</v>
      </c>
      <c r="DR30" s="200">
        <v>2</v>
      </c>
      <c r="DS30" s="201">
        <v>0</v>
      </c>
      <c r="DT30" s="195">
        <v>0</v>
      </c>
      <c r="DU30" s="195">
        <v>0</v>
      </c>
      <c r="DV30" s="196">
        <v>12</v>
      </c>
      <c r="DW30" s="197">
        <v>23</v>
      </c>
      <c r="DX30" s="197">
        <v>52</v>
      </c>
      <c r="DY30" s="197">
        <v>86</v>
      </c>
      <c r="DZ30" s="195">
        <v>56</v>
      </c>
      <c r="EA30" s="198">
        <v>229</v>
      </c>
      <c r="EB30" s="200">
        <v>229</v>
      </c>
      <c r="EC30" s="37"/>
    </row>
    <row r="31" spans="2:133" ht="21" customHeight="1" x14ac:dyDescent="0.2">
      <c r="B31" s="62" t="s">
        <v>28</v>
      </c>
      <c r="C31" s="194">
        <v>0</v>
      </c>
      <c r="D31" s="195">
        <v>0</v>
      </c>
      <c r="E31" s="195">
        <v>0</v>
      </c>
      <c r="F31" s="196">
        <v>0</v>
      </c>
      <c r="G31" s="197">
        <v>2</v>
      </c>
      <c r="H31" s="197">
        <v>15</v>
      </c>
      <c r="I31" s="197">
        <v>17</v>
      </c>
      <c r="J31" s="195">
        <v>14</v>
      </c>
      <c r="K31" s="198">
        <v>48</v>
      </c>
      <c r="L31" s="199">
        <v>48</v>
      </c>
      <c r="M31" s="194">
        <v>0</v>
      </c>
      <c r="N31" s="195">
        <v>0</v>
      </c>
      <c r="O31" s="198">
        <v>0</v>
      </c>
      <c r="P31" s="196">
        <v>0</v>
      </c>
      <c r="Q31" s="197">
        <v>2</v>
      </c>
      <c r="R31" s="197">
        <v>15</v>
      </c>
      <c r="S31" s="197">
        <v>17</v>
      </c>
      <c r="T31" s="195">
        <v>13</v>
      </c>
      <c r="U31" s="198">
        <v>47</v>
      </c>
      <c r="V31" s="200">
        <v>47</v>
      </c>
      <c r="W31" s="201">
        <v>0</v>
      </c>
      <c r="X31" s="195">
        <v>0</v>
      </c>
      <c r="Y31" s="198">
        <v>0</v>
      </c>
      <c r="Z31" s="201">
        <v>0</v>
      </c>
      <c r="AA31" s="197">
        <v>0</v>
      </c>
      <c r="AB31" s="197">
        <v>0</v>
      </c>
      <c r="AC31" s="197">
        <v>0</v>
      </c>
      <c r="AD31" s="195">
        <v>1</v>
      </c>
      <c r="AE31" s="198">
        <v>1</v>
      </c>
      <c r="AF31" s="202">
        <v>1</v>
      </c>
      <c r="AG31" s="201">
        <v>0</v>
      </c>
      <c r="AH31" s="195">
        <v>0</v>
      </c>
      <c r="AI31" s="198">
        <v>0</v>
      </c>
      <c r="AJ31" s="201">
        <v>5</v>
      </c>
      <c r="AK31" s="197">
        <v>10</v>
      </c>
      <c r="AL31" s="197">
        <v>8</v>
      </c>
      <c r="AM31" s="197">
        <v>11</v>
      </c>
      <c r="AN31" s="195">
        <v>4</v>
      </c>
      <c r="AO31" s="198">
        <v>38</v>
      </c>
      <c r="AP31" s="202">
        <v>38</v>
      </c>
      <c r="AQ31" s="201">
        <v>0</v>
      </c>
      <c r="AR31" s="195">
        <v>0</v>
      </c>
      <c r="AS31" s="198">
        <v>0</v>
      </c>
      <c r="AT31" s="196">
        <v>5</v>
      </c>
      <c r="AU31" s="197">
        <v>10</v>
      </c>
      <c r="AV31" s="197">
        <v>8</v>
      </c>
      <c r="AW31" s="197">
        <v>11</v>
      </c>
      <c r="AX31" s="195">
        <v>4</v>
      </c>
      <c r="AY31" s="198">
        <v>38</v>
      </c>
      <c r="AZ31" s="199">
        <v>38</v>
      </c>
      <c r="BA31" s="194">
        <v>0</v>
      </c>
      <c r="BB31" s="195">
        <v>0</v>
      </c>
      <c r="BC31" s="195">
        <v>0</v>
      </c>
      <c r="BD31" s="196">
        <v>0</v>
      </c>
      <c r="BE31" s="197">
        <v>0</v>
      </c>
      <c r="BF31" s="197">
        <v>0</v>
      </c>
      <c r="BG31" s="197">
        <v>0</v>
      </c>
      <c r="BH31" s="195">
        <v>0</v>
      </c>
      <c r="BI31" s="198">
        <v>0</v>
      </c>
      <c r="BJ31" s="200">
        <v>0</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5</v>
      </c>
      <c r="DW31" s="197">
        <v>12</v>
      </c>
      <c r="DX31" s="197">
        <v>23</v>
      </c>
      <c r="DY31" s="197">
        <v>28</v>
      </c>
      <c r="DZ31" s="195">
        <v>18</v>
      </c>
      <c r="EA31" s="198">
        <v>86</v>
      </c>
      <c r="EB31" s="200">
        <v>86</v>
      </c>
      <c r="EC31" s="37"/>
    </row>
    <row r="32" spans="2:133" ht="21" customHeight="1" x14ac:dyDescent="0.2">
      <c r="B32" s="62" t="s">
        <v>29</v>
      </c>
      <c r="C32" s="194">
        <v>0</v>
      </c>
      <c r="D32" s="195">
        <v>0</v>
      </c>
      <c r="E32" s="195">
        <v>0</v>
      </c>
      <c r="F32" s="196">
        <v>0</v>
      </c>
      <c r="G32" s="197">
        <v>2</v>
      </c>
      <c r="H32" s="197">
        <v>12</v>
      </c>
      <c r="I32" s="197">
        <v>31</v>
      </c>
      <c r="J32" s="195">
        <v>20</v>
      </c>
      <c r="K32" s="198">
        <v>65</v>
      </c>
      <c r="L32" s="199">
        <v>65</v>
      </c>
      <c r="M32" s="194">
        <v>0</v>
      </c>
      <c r="N32" s="195">
        <v>0</v>
      </c>
      <c r="O32" s="198">
        <v>0</v>
      </c>
      <c r="P32" s="196">
        <v>0</v>
      </c>
      <c r="Q32" s="197">
        <v>2</v>
      </c>
      <c r="R32" s="197">
        <v>12</v>
      </c>
      <c r="S32" s="197">
        <v>31</v>
      </c>
      <c r="T32" s="195">
        <v>20</v>
      </c>
      <c r="U32" s="198">
        <v>65</v>
      </c>
      <c r="V32" s="200">
        <v>65</v>
      </c>
      <c r="W32" s="201">
        <v>0</v>
      </c>
      <c r="X32" s="195">
        <v>0</v>
      </c>
      <c r="Y32" s="198">
        <v>0</v>
      </c>
      <c r="Z32" s="201">
        <v>0</v>
      </c>
      <c r="AA32" s="197">
        <v>0</v>
      </c>
      <c r="AB32" s="197">
        <v>0</v>
      </c>
      <c r="AC32" s="197">
        <v>0</v>
      </c>
      <c r="AD32" s="195">
        <v>0</v>
      </c>
      <c r="AE32" s="198">
        <v>0</v>
      </c>
      <c r="AF32" s="202">
        <v>0</v>
      </c>
      <c r="AG32" s="201">
        <v>0</v>
      </c>
      <c r="AH32" s="195">
        <v>0</v>
      </c>
      <c r="AI32" s="198">
        <v>0</v>
      </c>
      <c r="AJ32" s="201">
        <v>3</v>
      </c>
      <c r="AK32" s="197">
        <v>7</v>
      </c>
      <c r="AL32" s="197">
        <v>11</v>
      </c>
      <c r="AM32" s="197">
        <v>13</v>
      </c>
      <c r="AN32" s="195">
        <v>6</v>
      </c>
      <c r="AO32" s="198">
        <v>40</v>
      </c>
      <c r="AP32" s="202">
        <v>40</v>
      </c>
      <c r="AQ32" s="201">
        <v>0</v>
      </c>
      <c r="AR32" s="195">
        <v>0</v>
      </c>
      <c r="AS32" s="198">
        <v>0</v>
      </c>
      <c r="AT32" s="196">
        <v>3</v>
      </c>
      <c r="AU32" s="197">
        <v>7</v>
      </c>
      <c r="AV32" s="197">
        <v>11</v>
      </c>
      <c r="AW32" s="197">
        <v>13</v>
      </c>
      <c r="AX32" s="195">
        <v>6</v>
      </c>
      <c r="AY32" s="198">
        <v>40</v>
      </c>
      <c r="AZ32" s="199">
        <v>40</v>
      </c>
      <c r="BA32" s="194">
        <v>0</v>
      </c>
      <c r="BB32" s="195">
        <v>0</v>
      </c>
      <c r="BC32" s="195">
        <v>0</v>
      </c>
      <c r="BD32" s="196">
        <v>0</v>
      </c>
      <c r="BE32" s="197">
        <v>0</v>
      </c>
      <c r="BF32" s="197">
        <v>0</v>
      </c>
      <c r="BG32" s="197">
        <v>0</v>
      </c>
      <c r="BH32" s="195">
        <v>0</v>
      </c>
      <c r="BI32" s="198">
        <v>0</v>
      </c>
      <c r="BJ32" s="200">
        <v>0</v>
      </c>
      <c r="BK32" s="201">
        <v>0</v>
      </c>
      <c r="BL32" s="195">
        <v>0</v>
      </c>
      <c r="BM32" s="195">
        <v>0</v>
      </c>
      <c r="BN32" s="196">
        <v>0</v>
      </c>
      <c r="BO32" s="197">
        <v>0</v>
      </c>
      <c r="BP32" s="197">
        <v>0</v>
      </c>
      <c r="BQ32" s="197">
        <v>0</v>
      </c>
      <c r="BR32" s="195">
        <v>0</v>
      </c>
      <c r="BS32" s="198">
        <v>0</v>
      </c>
      <c r="BT32" s="199">
        <v>0</v>
      </c>
      <c r="BU32" s="194">
        <v>0</v>
      </c>
      <c r="BV32" s="195">
        <v>0</v>
      </c>
      <c r="BW32" s="195">
        <v>0</v>
      </c>
      <c r="BX32" s="196">
        <v>0</v>
      </c>
      <c r="BY32" s="197">
        <v>0</v>
      </c>
      <c r="BZ32" s="197">
        <v>0</v>
      </c>
      <c r="CA32" s="197">
        <v>0</v>
      </c>
      <c r="CB32" s="195">
        <v>0</v>
      </c>
      <c r="CC32" s="198">
        <v>0</v>
      </c>
      <c r="CD32" s="200">
        <v>0</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0</v>
      </c>
      <c r="CV32" s="195">
        <v>0</v>
      </c>
      <c r="CW32" s="198">
        <v>0</v>
      </c>
      <c r="CX32" s="199">
        <v>0</v>
      </c>
      <c r="CY32" s="194">
        <v>0</v>
      </c>
      <c r="CZ32" s="195">
        <v>0</v>
      </c>
      <c r="DA32" s="195">
        <v>0</v>
      </c>
      <c r="DB32" s="196">
        <v>0</v>
      </c>
      <c r="DC32" s="197">
        <v>0</v>
      </c>
      <c r="DD32" s="197">
        <v>0</v>
      </c>
      <c r="DE32" s="197">
        <v>0</v>
      </c>
      <c r="DF32" s="195">
        <v>0</v>
      </c>
      <c r="DG32" s="198">
        <v>0</v>
      </c>
      <c r="DH32" s="200">
        <v>0</v>
      </c>
      <c r="DI32" s="201">
        <v>0</v>
      </c>
      <c r="DJ32" s="195">
        <v>0</v>
      </c>
      <c r="DK32" s="195">
        <v>0</v>
      </c>
      <c r="DL32" s="196">
        <v>0</v>
      </c>
      <c r="DM32" s="197">
        <v>0</v>
      </c>
      <c r="DN32" s="197">
        <v>0</v>
      </c>
      <c r="DO32" s="197">
        <v>0</v>
      </c>
      <c r="DP32" s="195">
        <v>0</v>
      </c>
      <c r="DQ32" s="198">
        <v>0</v>
      </c>
      <c r="DR32" s="200">
        <v>0</v>
      </c>
      <c r="DS32" s="201">
        <v>0</v>
      </c>
      <c r="DT32" s="195">
        <v>0</v>
      </c>
      <c r="DU32" s="195">
        <v>0</v>
      </c>
      <c r="DV32" s="196">
        <v>3</v>
      </c>
      <c r="DW32" s="197">
        <v>9</v>
      </c>
      <c r="DX32" s="197">
        <v>23</v>
      </c>
      <c r="DY32" s="197">
        <v>44</v>
      </c>
      <c r="DZ32" s="195">
        <v>26</v>
      </c>
      <c r="EA32" s="198">
        <v>105</v>
      </c>
      <c r="EB32" s="200">
        <v>105</v>
      </c>
      <c r="EC32" s="37"/>
    </row>
    <row r="33" spans="2:133" ht="21" customHeight="1" x14ac:dyDescent="0.2">
      <c r="B33" s="62" t="s">
        <v>30</v>
      </c>
      <c r="C33" s="194">
        <v>0</v>
      </c>
      <c r="D33" s="195">
        <v>0</v>
      </c>
      <c r="E33" s="195">
        <v>0</v>
      </c>
      <c r="F33" s="196">
        <v>0</v>
      </c>
      <c r="G33" s="197">
        <v>1</v>
      </c>
      <c r="H33" s="197">
        <v>28</v>
      </c>
      <c r="I33" s="197">
        <v>31</v>
      </c>
      <c r="J33" s="195">
        <v>13</v>
      </c>
      <c r="K33" s="198">
        <v>73</v>
      </c>
      <c r="L33" s="199">
        <v>73</v>
      </c>
      <c r="M33" s="194">
        <v>0</v>
      </c>
      <c r="N33" s="195">
        <v>0</v>
      </c>
      <c r="O33" s="198">
        <v>0</v>
      </c>
      <c r="P33" s="196">
        <v>0</v>
      </c>
      <c r="Q33" s="197">
        <v>1</v>
      </c>
      <c r="R33" s="197">
        <v>28</v>
      </c>
      <c r="S33" s="197">
        <v>31</v>
      </c>
      <c r="T33" s="195">
        <v>13</v>
      </c>
      <c r="U33" s="198">
        <v>73</v>
      </c>
      <c r="V33" s="200">
        <v>73</v>
      </c>
      <c r="W33" s="201">
        <v>0</v>
      </c>
      <c r="X33" s="195">
        <v>0</v>
      </c>
      <c r="Y33" s="198">
        <v>0</v>
      </c>
      <c r="Z33" s="201">
        <v>0</v>
      </c>
      <c r="AA33" s="197">
        <v>0</v>
      </c>
      <c r="AB33" s="197">
        <v>0</v>
      </c>
      <c r="AC33" s="197">
        <v>0</v>
      </c>
      <c r="AD33" s="195">
        <v>0</v>
      </c>
      <c r="AE33" s="198">
        <v>0</v>
      </c>
      <c r="AF33" s="202">
        <v>0</v>
      </c>
      <c r="AG33" s="201">
        <v>0</v>
      </c>
      <c r="AH33" s="195">
        <v>0</v>
      </c>
      <c r="AI33" s="198">
        <v>0</v>
      </c>
      <c r="AJ33" s="201">
        <v>10</v>
      </c>
      <c r="AK33" s="197">
        <v>2</v>
      </c>
      <c r="AL33" s="197">
        <v>11</v>
      </c>
      <c r="AM33" s="197">
        <v>17</v>
      </c>
      <c r="AN33" s="195">
        <v>4</v>
      </c>
      <c r="AO33" s="198">
        <v>44</v>
      </c>
      <c r="AP33" s="202">
        <v>44</v>
      </c>
      <c r="AQ33" s="201">
        <v>0</v>
      </c>
      <c r="AR33" s="195">
        <v>0</v>
      </c>
      <c r="AS33" s="198">
        <v>0</v>
      </c>
      <c r="AT33" s="196">
        <v>10</v>
      </c>
      <c r="AU33" s="197">
        <v>2</v>
      </c>
      <c r="AV33" s="197">
        <v>10</v>
      </c>
      <c r="AW33" s="197">
        <v>17</v>
      </c>
      <c r="AX33" s="195">
        <v>4</v>
      </c>
      <c r="AY33" s="198">
        <v>43</v>
      </c>
      <c r="AZ33" s="199">
        <v>43</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0</v>
      </c>
      <c r="CT33" s="197">
        <v>2</v>
      </c>
      <c r="CU33" s="197">
        <v>1</v>
      </c>
      <c r="CV33" s="195">
        <v>1</v>
      </c>
      <c r="CW33" s="198">
        <v>4</v>
      </c>
      <c r="CX33" s="199">
        <v>4</v>
      </c>
      <c r="CY33" s="194">
        <v>0</v>
      </c>
      <c r="CZ33" s="195">
        <v>0</v>
      </c>
      <c r="DA33" s="195">
        <v>0</v>
      </c>
      <c r="DB33" s="196">
        <v>0</v>
      </c>
      <c r="DC33" s="197">
        <v>0</v>
      </c>
      <c r="DD33" s="197">
        <v>2</v>
      </c>
      <c r="DE33" s="197">
        <v>1</v>
      </c>
      <c r="DF33" s="195">
        <v>0</v>
      </c>
      <c r="DG33" s="198">
        <v>3</v>
      </c>
      <c r="DH33" s="200">
        <v>3</v>
      </c>
      <c r="DI33" s="201">
        <v>0</v>
      </c>
      <c r="DJ33" s="195">
        <v>0</v>
      </c>
      <c r="DK33" s="195">
        <v>0</v>
      </c>
      <c r="DL33" s="196">
        <v>0</v>
      </c>
      <c r="DM33" s="197">
        <v>0</v>
      </c>
      <c r="DN33" s="197">
        <v>0</v>
      </c>
      <c r="DO33" s="197">
        <v>0</v>
      </c>
      <c r="DP33" s="195">
        <v>1</v>
      </c>
      <c r="DQ33" s="198">
        <v>1</v>
      </c>
      <c r="DR33" s="200">
        <v>1</v>
      </c>
      <c r="DS33" s="201">
        <v>0</v>
      </c>
      <c r="DT33" s="195">
        <v>0</v>
      </c>
      <c r="DU33" s="195">
        <v>0</v>
      </c>
      <c r="DV33" s="196">
        <v>10</v>
      </c>
      <c r="DW33" s="197">
        <v>3</v>
      </c>
      <c r="DX33" s="197">
        <v>41</v>
      </c>
      <c r="DY33" s="197">
        <v>49</v>
      </c>
      <c r="DZ33" s="195">
        <v>18</v>
      </c>
      <c r="EA33" s="198">
        <v>121</v>
      </c>
      <c r="EB33" s="200">
        <v>121</v>
      </c>
      <c r="EC33" s="37"/>
    </row>
    <row r="34" spans="2:133" ht="21" customHeight="1" x14ac:dyDescent="0.2">
      <c r="B34" s="62" t="s">
        <v>31</v>
      </c>
      <c r="C34" s="194">
        <v>0</v>
      </c>
      <c r="D34" s="195">
        <v>0</v>
      </c>
      <c r="E34" s="195">
        <v>0</v>
      </c>
      <c r="F34" s="196">
        <v>0</v>
      </c>
      <c r="G34" s="197">
        <v>2</v>
      </c>
      <c r="H34" s="197">
        <v>29</v>
      </c>
      <c r="I34" s="197">
        <v>33</v>
      </c>
      <c r="J34" s="195">
        <v>24</v>
      </c>
      <c r="K34" s="198">
        <v>88</v>
      </c>
      <c r="L34" s="199">
        <v>88</v>
      </c>
      <c r="M34" s="194">
        <v>0</v>
      </c>
      <c r="N34" s="195">
        <v>0</v>
      </c>
      <c r="O34" s="198">
        <v>0</v>
      </c>
      <c r="P34" s="196">
        <v>0</v>
      </c>
      <c r="Q34" s="197">
        <v>2</v>
      </c>
      <c r="R34" s="197">
        <v>29</v>
      </c>
      <c r="S34" s="197">
        <v>33</v>
      </c>
      <c r="T34" s="195">
        <v>24</v>
      </c>
      <c r="U34" s="198">
        <v>88</v>
      </c>
      <c r="V34" s="200">
        <v>88</v>
      </c>
      <c r="W34" s="201">
        <v>0</v>
      </c>
      <c r="X34" s="195">
        <v>0</v>
      </c>
      <c r="Y34" s="198">
        <v>0</v>
      </c>
      <c r="Z34" s="201">
        <v>0</v>
      </c>
      <c r="AA34" s="197">
        <v>0</v>
      </c>
      <c r="AB34" s="197">
        <v>0</v>
      </c>
      <c r="AC34" s="197">
        <v>0</v>
      </c>
      <c r="AD34" s="195">
        <v>0</v>
      </c>
      <c r="AE34" s="198">
        <v>0</v>
      </c>
      <c r="AF34" s="202">
        <v>0</v>
      </c>
      <c r="AG34" s="201">
        <v>0</v>
      </c>
      <c r="AH34" s="195">
        <v>0</v>
      </c>
      <c r="AI34" s="198">
        <v>0</v>
      </c>
      <c r="AJ34" s="201">
        <v>2</v>
      </c>
      <c r="AK34" s="197">
        <v>11</v>
      </c>
      <c r="AL34" s="197">
        <v>7</v>
      </c>
      <c r="AM34" s="197">
        <v>12</v>
      </c>
      <c r="AN34" s="195">
        <v>5</v>
      </c>
      <c r="AO34" s="198">
        <v>37</v>
      </c>
      <c r="AP34" s="202">
        <v>37</v>
      </c>
      <c r="AQ34" s="201">
        <v>0</v>
      </c>
      <c r="AR34" s="195">
        <v>0</v>
      </c>
      <c r="AS34" s="198">
        <v>0</v>
      </c>
      <c r="AT34" s="196">
        <v>2</v>
      </c>
      <c r="AU34" s="197">
        <v>11</v>
      </c>
      <c r="AV34" s="197">
        <v>7</v>
      </c>
      <c r="AW34" s="197">
        <v>12</v>
      </c>
      <c r="AX34" s="195">
        <v>5</v>
      </c>
      <c r="AY34" s="198">
        <v>37</v>
      </c>
      <c r="AZ34" s="199">
        <v>37</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0</v>
      </c>
      <c r="BR34" s="195">
        <v>0</v>
      </c>
      <c r="BS34" s="198">
        <v>0</v>
      </c>
      <c r="BT34" s="199">
        <v>0</v>
      </c>
      <c r="BU34" s="194">
        <v>0</v>
      </c>
      <c r="BV34" s="195">
        <v>0</v>
      </c>
      <c r="BW34" s="195">
        <v>0</v>
      </c>
      <c r="BX34" s="196">
        <v>0</v>
      </c>
      <c r="BY34" s="197">
        <v>0</v>
      </c>
      <c r="BZ34" s="197">
        <v>0</v>
      </c>
      <c r="CA34" s="197">
        <v>0</v>
      </c>
      <c r="CB34" s="195">
        <v>0</v>
      </c>
      <c r="CC34" s="198">
        <v>0</v>
      </c>
      <c r="CD34" s="200">
        <v>0</v>
      </c>
      <c r="CE34" s="201">
        <v>0</v>
      </c>
      <c r="CF34" s="195">
        <v>0</v>
      </c>
      <c r="CG34" s="195">
        <v>0</v>
      </c>
      <c r="CH34" s="196">
        <v>0</v>
      </c>
      <c r="CI34" s="197">
        <v>0</v>
      </c>
      <c r="CJ34" s="197">
        <v>0</v>
      </c>
      <c r="CK34" s="197">
        <v>0</v>
      </c>
      <c r="CL34" s="195">
        <v>0</v>
      </c>
      <c r="CM34" s="198">
        <v>0</v>
      </c>
      <c r="CN34" s="200">
        <v>0</v>
      </c>
      <c r="CO34" s="201">
        <v>0</v>
      </c>
      <c r="CP34" s="195">
        <v>0</v>
      </c>
      <c r="CQ34" s="195">
        <v>0</v>
      </c>
      <c r="CR34" s="196">
        <v>1</v>
      </c>
      <c r="CS34" s="197">
        <v>1</v>
      </c>
      <c r="CT34" s="197">
        <v>0</v>
      </c>
      <c r="CU34" s="197">
        <v>3</v>
      </c>
      <c r="CV34" s="195">
        <v>0</v>
      </c>
      <c r="CW34" s="198">
        <v>5</v>
      </c>
      <c r="CX34" s="199">
        <v>5</v>
      </c>
      <c r="CY34" s="194">
        <v>0</v>
      </c>
      <c r="CZ34" s="195">
        <v>0</v>
      </c>
      <c r="DA34" s="195">
        <v>0</v>
      </c>
      <c r="DB34" s="196">
        <v>1</v>
      </c>
      <c r="DC34" s="197">
        <v>1</v>
      </c>
      <c r="DD34" s="197">
        <v>0</v>
      </c>
      <c r="DE34" s="197">
        <v>3</v>
      </c>
      <c r="DF34" s="195">
        <v>0</v>
      </c>
      <c r="DG34" s="198">
        <v>5</v>
      </c>
      <c r="DH34" s="200">
        <v>5</v>
      </c>
      <c r="DI34" s="201">
        <v>0</v>
      </c>
      <c r="DJ34" s="195">
        <v>0</v>
      </c>
      <c r="DK34" s="195">
        <v>0</v>
      </c>
      <c r="DL34" s="196">
        <v>0</v>
      </c>
      <c r="DM34" s="197">
        <v>0</v>
      </c>
      <c r="DN34" s="197">
        <v>0</v>
      </c>
      <c r="DO34" s="197">
        <v>0</v>
      </c>
      <c r="DP34" s="195">
        <v>0</v>
      </c>
      <c r="DQ34" s="198">
        <v>0</v>
      </c>
      <c r="DR34" s="200">
        <v>0</v>
      </c>
      <c r="DS34" s="201">
        <v>0</v>
      </c>
      <c r="DT34" s="195">
        <v>0</v>
      </c>
      <c r="DU34" s="195">
        <v>0</v>
      </c>
      <c r="DV34" s="196">
        <v>3</v>
      </c>
      <c r="DW34" s="197">
        <v>14</v>
      </c>
      <c r="DX34" s="197">
        <v>36</v>
      </c>
      <c r="DY34" s="197">
        <v>48</v>
      </c>
      <c r="DZ34" s="195">
        <v>29</v>
      </c>
      <c r="EA34" s="198">
        <v>130</v>
      </c>
      <c r="EB34" s="200">
        <v>130</v>
      </c>
      <c r="EC34" s="37"/>
    </row>
    <row r="35" spans="2:133" ht="21" customHeight="1" x14ac:dyDescent="0.2">
      <c r="B35" s="62" t="s">
        <v>32</v>
      </c>
      <c r="C35" s="194">
        <v>0</v>
      </c>
      <c r="D35" s="195">
        <v>0</v>
      </c>
      <c r="E35" s="195">
        <v>0</v>
      </c>
      <c r="F35" s="196">
        <v>2</v>
      </c>
      <c r="G35" s="197">
        <v>0</v>
      </c>
      <c r="H35" s="197">
        <v>12</v>
      </c>
      <c r="I35" s="197">
        <v>28</v>
      </c>
      <c r="J35" s="195">
        <v>16</v>
      </c>
      <c r="K35" s="198">
        <v>58</v>
      </c>
      <c r="L35" s="199">
        <v>58</v>
      </c>
      <c r="M35" s="194">
        <v>0</v>
      </c>
      <c r="N35" s="195">
        <v>0</v>
      </c>
      <c r="O35" s="198">
        <v>0</v>
      </c>
      <c r="P35" s="196">
        <v>2</v>
      </c>
      <c r="Q35" s="197">
        <v>0</v>
      </c>
      <c r="R35" s="197">
        <v>12</v>
      </c>
      <c r="S35" s="197">
        <v>28</v>
      </c>
      <c r="T35" s="195">
        <v>15</v>
      </c>
      <c r="U35" s="198">
        <v>57</v>
      </c>
      <c r="V35" s="200">
        <v>57</v>
      </c>
      <c r="W35" s="201">
        <v>0</v>
      </c>
      <c r="X35" s="195">
        <v>0</v>
      </c>
      <c r="Y35" s="198">
        <v>0</v>
      </c>
      <c r="Z35" s="201">
        <v>0</v>
      </c>
      <c r="AA35" s="197">
        <v>0</v>
      </c>
      <c r="AB35" s="197">
        <v>0</v>
      </c>
      <c r="AC35" s="197">
        <v>0</v>
      </c>
      <c r="AD35" s="195">
        <v>1</v>
      </c>
      <c r="AE35" s="198">
        <v>1</v>
      </c>
      <c r="AF35" s="202">
        <v>1</v>
      </c>
      <c r="AG35" s="201">
        <v>0</v>
      </c>
      <c r="AH35" s="195">
        <v>0</v>
      </c>
      <c r="AI35" s="198">
        <v>0</v>
      </c>
      <c r="AJ35" s="201">
        <v>1</v>
      </c>
      <c r="AK35" s="197">
        <v>9</v>
      </c>
      <c r="AL35" s="197">
        <v>13</v>
      </c>
      <c r="AM35" s="197">
        <v>19</v>
      </c>
      <c r="AN35" s="195">
        <v>5</v>
      </c>
      <c r="AO35" s="198">
        <v>47</v>
      </c>
      <c r="AP35" s="202">
        <v>47</v>
      </c>
      <c r="AQ35" s="201">
        <v>0</v>
      </c>
      <c r="AR35" s="195">
        <v>0</v>
      </c>
      <c r="AS35" s="198">
        <v>0</v>
      </c>
      <c r="AT35" s="196">
        <v>1</v>
      </c>
      <c r="AU35" s="197">
        <v>9</v>
      </c>
      <c r="AV35" s="197">
        <v>13</v>
      </c>
      <c r="AW35" s="197">
        <v>19</v>
      </c>
      <c r="AX35" s="195">
        <v>5</v>
      </c>
      <c r="AY35" s="198">
        <v>47</v>
      </c>
      <c r="AZ35" s="199">
        <v>47</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2</v>
      </c>
      <c r="CU35" s="197">
        <v>0</v>
      </c>
      <c r="CV35" s="195">
        <v>1</v>
      </c>
      <c r="CW35" s="198">
        <v>3</v>
      </c>
      <c r="CX35" s="199">
        <v>3</v>
      </c>
      <c r="CY35" s="194">
        <v>0</v>
      </c>
      <c r="CZ35" s="195">
        <v>0</v>
      </c>
      <c r="DA35" s="195">
        <v>0</v>
      </c>
      <c r="DB35" s="196">
        <v>0</v>
      </c>
      <c r="DC35" s="197">
        <v>0</v>
      </c>
      <c r="DD35" s="197">
        <v>2</v>
      </c>
      <c r="DE35" s="197">
        <v>0</v>
      </c>
      <c r="DF35" s="195">
        <v>1</v>
      </c>
      <c r="DG35" s="198">
        <v>3</v>
      </c>
      <c r="DH35" s="200">
        <v>3</v>
      </c>
      <c r="DI35" s="201">
        <v>0</v>
      </c>
      <c r="DJ35" s="195">
        <v>0</v>
      </c>
      <c r="DK35" s="195">
        <v>0</v>
      </c>
      <c r="DL35" s="196">
        <v>0</v>
      </c>
      <c r="DM35" s="197">
        <v>0</v>
      </c>
      <c r="DN35" s="197">
        <v>0</v>
      </c>
      <c r="DO35" s="197">
        <v>0</v>
      </c>
      <c r="DP35" s="195">
        <v>0</v>
      </c>
      <c r="DQ35" s="198">
        <v>0</v>
      </c>
      <c r="DR35" s="200">
        <v>0</v>
      </c>
      <c r="DS35" s="201">
        <v>0</v>
      </c>
      <c r="DT35" s="195">
        <v>0</v>
      </c>
      <c r="DU35" s="195">
        <v>0</v>
      </c>
      <c r="DV35" s="196">
        <v>3</v>
      </c>
      <c r="DW35" s="197">
        <v>9</v>
      </c>
      <c r="DX35" s="197">
        <v>27</v>
      </c>
      <c r="DY35" s="197">
        <v>47</v>
      </c>
      <c r="DZ35" s="195">
        <v>22</v>
      </c>
      <c r="EA35" s="198">
        <v>108</v>
      </c>
      <c r="EB35" s="200">
        <v>108</v>
      </c>
      <c r="EC35" s="37"/>
    </row>
    <row r="36" spans="2:133" ht="21" customHeight="1" x14ac:dyDescent="0.2">
      <c r="B36" s="62" t="s">
        <v>33</v>
      </c>
      <c r="C36" s="194">
        <v>0</v>
      </c>
      <c r="D36" s="195">
        <v>0</v>
      </c>
      <c r="E36" s="195">
        <v>0</v>
      </c>
      <c r="F36" s="196">
        <v>0</v>
      </c>
      <c r="G36" s="197">
        <v>6</v>
      </c>
      <c r="H36" s="197">
        <v>24</v>
      </c>
      <c r="I36" s="197">
        <v>34</v>
      </c>
      <c r="J36" s="195">
        <v>21</v>
      </c>
      <c r="K36" s="198">
        <v>85</v>
      </c>
      <c r="L36" s="199">
        <v>85</v>
      </c>
      <c r="M36" s="194">
        <v>0</v>
      </c>
      <c r="N36" s="195">
        <v>0</v>
      </c>
      <c r="O36" s="198">
        <v>0</v>
      </c>
      <c r="P36" s="196">
        <v>0</v>
      </c>
      <c r="Q36" s="197">
        <v>6</v>
      </c>
      <c r="R36" s="197">
        <v>24</v>
      </c>
      <c r="S36" s="197">
        <v>34</v>
      </c>
      <c r="T36" s="195">
        <v>21</v>
      </c>
      <c r="U36" s="198">
        <v>85</v>
      </c>
      <c r="V36" s="200">
        <v>85</v>
      </c>
      <c r="W36" s="201">
        <v>0</v>
      </c>
      <c r="X36" s="195">
        <v>0</v>
      </c>
      <c r="Y36" s="198">
        <v>0</v>
      </c>
      <c r="Z36" s="201">
        <v>0</v>
      </c>
      <c r="AA36" s="197">
        <v>0</v>
      </c>
      <c r="AB36" s="197">
        <v>0</v>
      </c>
      <c r="AC36" s="197">
        <v>0</v>
      </c>
      <c r="AD36" s="195">
        <v>0</v>
      </c>
      <c r="AE36" s="198">
        <v>0</v>
      </c>
      <c r="AF36" s="202">
        <v>0</v>
      </c>
      <c r="AG36" s="201">
        <v>0</v>
      </c>
      <c r="AH36" s="195">
        <v>0</v>
      </c>
      <c r="AI36" s="198">
        <v>0</v>
      </c>
      <c r="AJ36" s="201">
        <v>5</v>
      </c>
      <c r="AK36" s="197">
        <v>9</v>
      </c>
      <c r="AL36" s="197">
        <v>11</v>
      </c>
      <c r="AM36" s="197">
        <v>18</v>
      </c>
      <c r="AN36" s="195">
        <v>5</v>
      </c>
      <c r="AO36" s="198">
        <v>48</v>
      </c>
      <c r="AP36" s="202">
        <v>48</v>
      </c>
      <c r="AQ36" s="201">
        <v>0</v>
      </c>
      <c r="AR36" s="195">
        <v>0</v>
      </c>
      <c r="AS36" s="198">
        <v>0</v>
      </c>
      <c r="AT36" s="196">
        <v>5</v>
      </c>
      <c r="AU36" s="197">
        <v>9</v>
      </c>
      <c r="AV36" s="197">
        <v>11</v>
      </c>
      <c r="AW36" s="197">
        <v>18</v>
      </c>
      <c r="AX36" s="195">
        <v>5</v>
      </c>
      <c r="AY36" s="198">
        <v>48</v>
      </c>
      <c r="AZ36" s="199">
        <v>48</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3</v>
      </c>
      <c r="CS36" s="197">
        <v>7</v>
      </c>
      <c r="CT36" s="197">
        <v>5</v>
      </c>
      <c r="CU36" s="197">
        <v>8</v>
      </c>
      <c r="CV36" s="195">
        <v>10</v>
      </c>
      <c r="CW36" s="198">
        <v>33</v>
      </c>
      <c r="CX36" s="199">
        <v>33</v>
      </c>
      <c r="CY36" s="194">
        <v>0</v>
      </c>
      <c r="CZ36" s="195">
        <v>0</v>
      </c>
      <c r="DA36" s="195">
        <v>0</v>
      </c>
      <c r="DB36" s="196">
        <v>3</v>
      </c>
      <c r="DC36" s="197">
        <v>7</v>
      </c>
      <c r="DD36" s="197">
        <v>5</v>
      </c>
      <c r="DE36" s="197">
        <v>8</v>
      </c>
      <c r="DF36" s="195">
        <v>10</v>
      </c>
      <c r="DG36" s="198">
        <v>33</v>
      </c>
      <c r="DH36" s="200">
        <v>33</v>
      </c>
      <c r="DI36" s="201">
        <v>0</v>
      </c>
      <c r="DJ36" s="195">
        <v>0</v>
      </c>
      <c r="DK36" s="195">
        <v>0</v>
      </c>
      <c r="DL36" s="196">
        <v>0</v>
      </c>
      <c r="DM36" s="197">
        <v>0</v>
      </c>
      <c r="DN36" s="197">
        <v>0</v>
      </c>
      <c r="DO36" s="197">
        <v>0</v>
      </c>
      <c r="DP36" s="195">
        <v>0</v>
      </c>
      <c r="DQ36" s="198">
        <v>0</v>
      </c>
      <c r="DR36" s="200">
        <v>0</v>
      </c>
      <c r="DS36" s="201">
        <v>0</v>
      </c>
      <c r="DT36" s="195">
        <v>0</v>
      </c>
      <c r="DU36" s="195">
        <v>0</v>
      </c>
      <c r="DV36" s="196">
        <v>8</v>
      </c>
      <c r="DW36" s="197">
        <v>22</v>
      </c>
      <c r="DX36" s="197">
        <v>40</v>
      </c>
      <c r="DY36" s="197">
        <v>60</v>
      </c>
      <c r="DZ36" s="195">
        <v>36</v>
      </c>
      <c r="EA36" s="198">
        <v>166</v>
      </c>
      <c r="EB36" s="200">
        <v>166</v>
      </c>
      <c r="EC36" s="37"/>
    </row>
    <row r="37" spans="2:133" ht="21" customHeight="1" x14ac:dyDescent="0.2">
      <c r="B37" s="62" t="s">
        <v>34</v>
      </c>
      <c r="C37" s="194">
        <v>0</v>
      </c>
      <c r="D37" s="195">
        <v>0</v>
      </c>
      <c r="E37" s="195">
        <v>0</v>
      </c>
      <c r="F37" s="196">
        <v>0</v>
      </c>
      <c r="G37" s="197">
        <v>0</v>
      </c>
      <c r="H37" s="197">
        <v>8</v>
      </c>
      <c r="I37" s="197">
        <v>23</v>
      </c>
      <c r="J37" s="195">
        <v>11</v>
      </c>
      <c r="K37" s="198">
        <v>42</v>
      </c>
      <c r="L37" s="199">
        <v>42</v>
      </c>
      <c r="M37" s="194">
        <v>0</v>
      </c>
      <c r="N37" s="195">
        <v>0</v>
      </c>
      <c r="O37" s="198">
        <v>0</v>
      </c>
      <c r="P37" s="196">
        <v>0</v>
      </c>
      <c r="Q37" s="197">
        <v>0</v>
      </c>
      <c r="R37" s="197">
        <v>8</v>
      </c>
      <c r="S37" s="197">
        <v>23</v>
      </c>
      <c r="T37" s="195">
        <v>11</v>
      </c>
      <c r="U37" s="198">
        <v>42</v>
      </c>
      <c r="V37" s="200">
        <v>42</v>
      </c>
      <c r="W37" s="201">
        <v>0</v>
      </c>
      <c r="X37" s="195">
        <v>0</v>
      </c>
      <c r="Y37" s="198">
        <v>0</v>
      </c>
      <c r="Z37" s="201">
        <v>0</v>
      </c>
      <c r="AA37" s="197">
        <v>0</v>
      </c>
      <c r="AB37" s="197">
        <v>0</v>
      </c>
      <c r="AC37" s="197">
        <v>0</v>
      </c>
      <c r="AD37" s="195">
        <v>0</v>
      </c>
      <c r="AE37" s="198">
        <v>0</v>
      </c>
      <c r="AF37" s="202">
        <v>0</v>
      </c>
      <c r="AG37" s="201">
        <v>0</v>
      </c>
      <c r="AH37" s="195">
        <v>0</v>
      </c>
      <c r="AI37" s="198">
        <v>0</v>
      </c>
      <c r="AJ37" s="201">
        <v>3</v>
      </c>
      <c r="AK37" s="197">
        <v>15</v>
      </c>
      <c r="AL37" s="197">
        <v>10</v>
      </c>
      <c r="AM37" s="197">
        <v>9</v>
      </c>
      <c r="AN37" s="195">
        <v>5</v>
      </c>
      <c r="AO37" s="198">
        <v>42</v>
      </c>
      <c r="AP37" s="202">
        <v>42</v>
      </c>
      <c r="AQ37" s="201">
        <v>0</v>
      </c>
      <c r="AR37" s="195">
        <v>0</v>
      </c>
      <c r="AS37" s="198">
        <v>0</v>
      </c>
      <c r="AT37" s="196">
        <v>3</v>
      </c>
      <c r="AU37" s="197">
        <v>14</v>
      </c>
      <c r="AV37" s="197">
        <v>10</v>
      </c>
      <c r="AW37" s="197">
        <v>9</v>
      </c>
      <c r="AX37" s="195">
        <v>5</v>
      </c>
      <c r="AY37" s="198">
        <v>41</v>
      </c>
      <c r="AZ37" s="199">
        <v>41</v>
      </c>
      <c r="BA37" s="194">
        <v>0</v>
      </c>
      <c r="BB37" s="195">
        <v>0</v>
      </c>
      <c r="BC37" s="195">
        <v>0</v>
      </c>
      <c r="BD37" s="196">
        <v>0</v>
      </c>
      <c r="BE37" s="197">
        <v>1</v>
      </c>
      <c r="BF37" s="197">
        <v>0</v>
      </c>
      <c r="BG37" s="197">
        <v>0</v>
      </c>
      <c r="BH37" s="195">
        <v>0</v>
      </c>
      <c r="BI37" s="198">
        <v>1</v>
      </c>
      <c r="BJ37" s="200">
        <v>1</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0</v>
      </c>
      <c r="CT37" s="197">
        <v>0</v>
      </c>
      <c r="CU37" s="197">
        <v>1</v>
      </c>
      <c r="CV37" s="195">
        <v>1</v>
      </c>
      <c r="CW37" s="198">
        <v>2</v>
      </c>
      <c r="CX37" s="199">
        <v>2</v>
      </c>
      <c r="CY37" s="194">
        <v>0</v>
      </c>
      <c r="CZ37" s="195">
        <v>0</v>
      </c>
      <c r="DA37" s="195">
        <v>0</v>
      </c>
      <c r="DB37" s="196">
        <v>0</v>
      </c>
      <c r="DC37" s="197">
        <v>0</v>
      </c>
      <c r="DD37" s="197">
        <v>0</v>
      </c>
      <c r="DE37" s="197">
        <v>1</v>
      </c>
      <c r="DF37" s="195">
        <v>1</v>
      </c>
      <c r="DG37" s="198">
        <v>2</v>
      </c>
      <c r="DH37" s="200">
        <v>2</v>
      </c>
      <c r="DI37" s="201">
        <v>0</v>
      </c>
      <c r="DJ37" s="195">
        <v>0</v>
      </c>
      <c r="DK37" s="195">
        <v>0</v>
      </c>
      <c r="DL37" s="196">
        <v>0</v>
      </c>
      <c r="DM37" s="197">
        <v>0</v>
      </c>
      <c r="DN37" s="197">
        <v>0</v>
      </c>
      <c r="DO37" s="197">
        <v>0</v>
      </c>
      <c r="DP37" s="195">
        <v>0</v>
      </c>
      <c r="DQ37" s="198">
        <v>0</v>
      </c>
      <c r="DR37" s="200">
        <v>0</v>
      </c>
      <c r="DS37" s="201">
        <v>0</v>
      </c>
      <c r="DT37" s="195">
        <v>0</v>
      </c>
      <c r="DU37" s="195">
        <v>0</v>
      </c>
      <c r="DV37" s="196">
        <v>3</v>
      </c>
      <c r="DW37" s="197">
        <v>15</v>
      </c>
      <c r="DX37" s="197">
        <v>18</v>
      </c>
      <c r="DY37" s="197">
        <v>33</v>
      </c>
      <c r="DZ37" s="195">
        <v>17</v>
      </c>
      <c r="EA37" s="198">
        <v>86</v>
      </c>
      <c r="EB37" s="200">
        <v>86</v>
      </c>
      <c r="EC37" s="37"/>
    </row>
    <row r="38" spans="2:133" ht="21" customHeight="1" x14ac:dyDescent="0.2">
      <c r="B38" s="62" t="s">
        <v>35</v>
      </c>
      <c r="C38" s="194">
        <v>0</v>
      </c>
      <c r="D38" s="195">
        <v>0</v>
      </c>
      <c r="E38" s="195">
        <v>0</v>
      </c>
      <c r="F38" s="196">
        <v>1</v>
      </c>
      <c r="G38" s="197">
        <v>2</v>
      </c>
      <c r="H38" s="197">
        <v>24</v>
      </c>
      <c r="I38" s="197">
        <v>50</v>
      </c>
      <c r="J38" s="195">
        <v>31</v>
      </c>
      <c r="K38" s="198">
        <v>108</v>
      </c>
      <c r="L38" s="199">
        <v>108</v>
      </c>
      <c r="M38" s="194">
        <v>0</v>
      </c>
      <c r="N38" s="195">
        <v>0</v>
      </c>
      <c r="O38" s="198">
        <v>0</v>
      </c>
      <c r="P38" s="196">
        <v>1</v>
      </c>
      <c r="Q38" s="197">
        <v>2</v>
      </c>
      <c r="R38" s="197">
        <v>24</v>
      </c>
      <c r="S38" s="197">
        <v>50</v>
      </c>
      <c r="T38" s="195">
        <v>31</v>
      </c>
      <c r="U38" s="198">
        <v>108</v>
      </c>
      <c r="V38" s="200">
        <v>108</v>
      </c>
      <c r="W38" s="201">
        <v>0</v>
      </c>
      <c r="X38" s="195">
        <v>0</v>
      </c>
      <c r="Y38" s="198">
        <v>0</v>
      </c>
      <c r="Z38" s="201">
        <v>0</v>
      </c>
      <c r="AA38" s="197">
        <v>0</v>
      </c>
      <c r="AB38" s="197">
        <v>0</v>
      </c>
      <c r="AC38" s="197">
        <v>0</v>
      </c>
      <c r="AD38" s="195">
        <v>0</v>
      </c>
      <c r="AE38" s="198">
        <v>0</v>
      </c>
      <c r="AF38" s="202">
        <v>0</v>
      </c>
      <c r="AG38" s="201">
        <v>0</v>
      </c>
      <c r="AH38" s="195">
        <v>0</v>
      </c>
      <c r="AI38" s="198">
        <v>0</v>
      </c>
      <c r="AJ38" s="201">
        <v>24</v>
      </c>
      <c r="AK38" s="197">
        <v>27</v>
      </c>
      <c r="AL38" s="197">
        <v>24</v>
      </c>
      <c r="AM38" s="197">
        <v>12</v>
      </c>
      <c r="AN38" s="195">
        <v>8</v>
      </c>
      <c r="AO38" s="198">
        <v>95</v>
      </c>
      <c r="AP38" s="202">
        <v>95</v>
      </c>
      <c r="AQ38" s="201">
        <v>0</v>
      </c>
      <c r="AR38" s="195">
        <v>0</v>
      </c>
      <c r="AS38" s="198">
        <v>0</v>
      </c>
      <c r="AT38" s="196">
        <v>24</v>
      </c>
      <c r="AU38" s="197">
        <v>27</v>
      </c>
      <c r="AV38" s="197">
        <v>24</v>
      </c>
      <c r="AW38" s="197">
        <v>12</v>
      </c>
      <c r="AX38" s="195">
        <v>8</v>
      </c>
      <c r="AY38" s="198">
        <v>95</v>
      </c>
      <c r="AZ38" s="199">
        <v>95</v>
      </c>
      <c r="BA38" s="194">
        <v>0</v>
      </c>
      <c r="BB38" s="195">
        <v>0</v>
      </c>
      <c r="BC38" s="195">
        <v>0</v>
      </c>
      <c r="BD38" s="196">
        <v>0</v>
      </c>
      <c r="BE38" s="197">
        <v>0</v>
      </c>
      <c r="BF38" s="197">
        <v>0</v>
      </c>
      <c r="BG38" s="197">
        <v>0</v>
      </c>
      <c r="BH38" s="195">
        <v>0</v>
      </c>
      <c r="BI38" s="198">
        <v>0</v>
      </c>
      <c r="BJ38" s="200">
        <v>0</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3</v>
      </c>
      <c r="CS38" s="197">
        <v>2</v>
      </c>
      <c r="CT38" s="197">
        <v>4</v>
      </c>
      <c r="CU38" s="197">
        <v>8</v>
      </c>
      <c r="CV38" s="195">
        <v>8</v>
      </c>
      <c r="CW38" s="198">
        <v>25</v>
      </c>
      <c r="CX38" s="199">
        <v>25</v>
      </c>
      <c r="CY38" s="194">
        <v>0</v>
      </c>
      <c r="CZ38" s="195">
        <v>0</v>
      </c>
      <c r="DA38" s="195">
        <v>0</v>
      </c>
      <c r="DB38" s="196">
        <v>2</v>
      </c>
      <c r="DC38" s="197">
        <v>2</v>
      </c>
      <c r="DD38" s="197">
        <v>4</v>
      </c>
      <c r="DE38" s="197">
        <v>8</v>
      </c>
      <c r="DF38" s="195">
        <v>7</v>
      </c>
      <c r="DG38" s="198">
        <v>23</v>
      </c>
      <c r="DH38" s="200">
        <v>23</v>
      </c>
      <c r="DI38" s="201">
        <v>0</v>
      </c>
      <c r="DJ38" s="195">
        <v>0</v>
      </c>
      <c r="DK38" s="195">
        <v>0</v>
      </c>
      <c r="DL38" s="196">
        <v>1</v>
      </c>
      <c r="DM38" s="197">
        <v>0</v>
      </c>
      <c r="DN38" s="197">
        <v>0</v>
      </c>
      <c r="DO38" s="197">
        <v>0</v>
      </c>
      <c r="DP38" s="195">
        <v>1</v>
      </c>
      <c r="DQ38" s="198">
        <v>2</v>
      </c>
      <c r="DR38" s="200">
        <v>2</v>
      </c>
      <c r="DS38" s="201">
        <v>0</v>
      </c>
      <c r="DT38" s="195">
        <v>0</v>
      </c>
      <c r="DU38" s="195">
        <v>0</v>
      </c>
      <c r="DV38" s="196">
        <v>28</v>
      </c>
      <c r="DW38" s="197">
        <v>31</v>
      </c>
      <c r="DX38" s="197">
        <v>52</v>
      </c>
      <c r="DY38" s="197">
        <v>69</v>
      </c>
      <c r="DZ38" s="195">
        <v>47</v>
      </c>
      <c r="EA38" s="198">
        <v>227</v>
      </c>
      <c r="EB38" s="200">
        <v>227</v>
      </c>
      <c r="EC38" s="37"/>
    </row>
    <row r="39" spans="2:133" ht="21" customHeight="1" x14ac:dyDescent="0.2">
      <c r="B39" s="62" t="s">
        <v>36</v>
      </c>
      <c r="C39" s="194">
        <v>0</v>
      </c>
      <c r="D39" s="195">
        <v>0</v>
      </c>
      <c r="E39" s="195">
        <v>0</v>
      </c>
      <c r="F39" s="196">
        <v>0</v>
      </c>
      <c r="G39" s="197">
        <v>3</v>
      </c>
      <c r="H39" s="197">
        <v>58</v>
      </c>
      <c r="I39" s="197">
        <v>78</v>
      </c>
      <c r="J39" s="195">
        <v>73</v>
      </c>
      <c r="K39" s="198">
        <v>212</v>
      </c>
      <c r="L39" s="199">
        <v>212</v>
      </c>
      <c r="M39" s="194">
        <v>0</v>
      </c>
      <c r="N39" s="195">
        <v>0</v>
      </c>
      <c r="O39" s="198">
        <v>0</v>
      </c>
      <c r="P39" s="196">
        <v>0</v>
      </c>
      <c r="Q39" s="197">
        <v>3</v>
      </c>
      <c r="R39" s="197">
        <v>57</v>
      </c>
      <c r="S39" s="197">
        <v>74</v>
      </c>
      <c r="T39" s="195">
        <v>73</v>
      </c>
      <c r="U39" s="198">
        <v>207</v>
      </c>
      <c r="V39" s="200">
        <v>207</v>
      </c>
      <c r="W39" s="201">
        <v>0</v>
      </c>
      <c r="X39" s="195">
        <v>0</v>
      </c>
      <c r="Y39" s="198">
        <v>0</v>
      </c>
      <c r="Z39" s="201">
        <v>0</v>
      </c>
      <c r="AA39" s="197">
        <v>0</v>
      </c>
      <c r="AB39" s="197">
        <v>1</v>
      </c>
      <c r="AC39" s="197">
        <v>4</v>
      </c>
      <c r="AD39" s="195">
        <v>0</v>
      </c>
      <c r="AE39" s="198">
        <v>5</v>
      </c>
      <c r="AF39" s="202">
        <v>5</v>
      </c>
      <c r="AG39" s="201">
        <v>0</v>
      </c>
      <c r="AH39" s="195">
        <v>0</v>
      </c>
      <c r="AI39" s="198">
        <v>0</v>
      </c>
      <c r="AJ39" s="201">
        <v>16</v>
      </c>
      <c r="AK39" s="197">
        <v>23</v>
      </c>
      <c r="AL39" s="197">
        <v>42</v>
      </c>
      <c r="AM39" s="197">
        <v>49</v>
      </c>
      <c r="AN39" s="195">
        <v>25</v>
      </c>
      <c r="AO39" s="198">
        <v>155</v>
      </c>
      <c r="AP39" s="202">
        <v>155</v>
      </c>
      <c r="AQ39" s="201">
        <v>0</v>
      </c>
      <c r="AR39" s="195">
        <v>0</v>
      </c>
      <c r="AS39" s="198">
        <v>0</v>
      </c>
      <c r="AT39" s="196">
        <v>16</v>
      </c>
      <c r="AU39" s="197">
        <v>23</v>
      </c>
      <c r="AV39" s="197">
        <v>41</v>
      </c>
      <c r="AW39" s="197">
        <v>47</v>
      </c>
      <c r="AX39" s="195">
        <v>25</v>
      </c>
      <c r="AY39" s="198">
        <v>152</v>
      </c>
      <c r="AZ39" s="199">
        <v>152</v>
      </c>
      <c r="BA39" s="194">
        <v>0</v>
      </c>
      <c r="BB39" s="195">
        <v>0</v>
      </c>
      <c r="BC39" s="195">
        <v>0</v>
      </c>
      <c r="BD39" s="196">
        <v>0</v>
      </c>
      <c r="BE39" s="197">
        <v>0</v>
      </c>
      <c r="BF39" s="197">
        <v>1</v>
      </c>
      <c r="BG39" s="197">
        <v>2</v>
      </c>
      <c r="BH39" s="195">
        <v>0</v>
      </c>
      <c r="BI39" s="198">
        <v>3</v>
      </c>
      <c r="BJ39" s="200">
        <v>3</v>
      </c>
      <c r="BK39" s="201">
        <v>0</v>
      </c>
      <c r="BL39" s="195">
        <v>0</v>
      </c>
      <c r="BM39" s="195">
        <v>0</v>
      </c>
      <c r="BN39" s="196">
        <v>0</v>
      </c>
      <c r="BO39" s="197">
        <v>0</v>
      </c>
      <c r="BP39" s="197">
        <v>0</v>
      </c>
      <c r="BQ39" s="197">
        <v>2</v>
      </c>
      <c r="BR39" s="195">
        <v>1</v>
      </c>
      <c r="BS39" s="198">
        <v>3</v>
      </c>
      <c r="BT39" s="199">
        <v>3</v>
      </c>
      <c r="BU39" s="194">
        <v>0</v>
      </c>
      <c r="BV39" s="195">
        <v>0</v>
      </c>
      <c r="BW39" s="195">
        <v>0</v>
      </c>
      <c r="BX39" s="196">
        <v>0</v>
      </c>
      <c r="BY39" s="197">
        <v>0</v>
      </c>
      <c r="BZ39" s="197">
        <v>0</v>
      </c>
      <c r="CA39" s="197">
        <v>2</v>
      </c>
      <c r="CB39" s="195">
        <v>1</v>
      </c>
      <c r="CC39" s="198">
        <v>3</v>
      </c>
      <c r="CD39" s="200">
        <v>3</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5</v>
      </c>
      <c r="CV39" s="195">
        <v>1</v>
      </c>
      <c r="CW39" s="198">
        <v>6</v>
      </c>
      <c r="CX39" s="199">
        <v>6</v>
      </c>
      <c r="CY39" s="194">
        <v>0</v>
      </c>
      <c r="CZ39" s="195">
        <v>0</v>
      </c>
      <c r="DA39" s="195">
        <v>0</v>
      </c>
      <c r="DB39" s="196">
        <v>0</v>
      </c>
      <c r="DC39" s="197">
        <v>0</v>
      </c>
      <c r="DD39" s="197">
        <v>0</v>
      </c>
      <c r="DE39" s="197">
        <v>4</v>
      </c>
      <c r="DF39" s="195">
        <v>1</v>
      </c>
      <c r="DG39" s="198">
        <v>5</v>
      </c>
      <c r="DH39" s="200">
        <v>5</v>
      </c>
      <c r="DI39" s="201">
        <v>0</v>
      </c>
      <c r="DJ39" s="195">
        <v>0</v>
      </c>
      <c r="DK39" s="195">
        <v>0</v>
      </c>
      <c r="DL39" s="196">
        <v>0</v>
      </c>
      <c r="DM39" s="197">
        <v>0</v>
      </c>
      <c r="DN39" s="197">
        <v>0</v>
      </c>
      <c r="DO39" s="197">
        <v>1</v>
      </c>
      <c r="DP39" s="195">
        <v>0</v>
      </c>
      <c r="DQ39" s="198">
        <v>1</v>
      </c>
      <c r="DR39" s="200">
        <v>1</v>
      </c>
      <c r="DS39" s="201">
        <v>0</v>
      </c>
      <c r="DT39" s="195">
        <v>0</v>
      </c>
      <c r="DU39" s="195">
        <v>0</v>
      </c>
      <c r="DV39" s="196">
        <v>16</v>
      </c>
      <c r="DW39" s="197">
        <v>26</v>
      </c>
      <c r="DX39" s="197">
        <v>100</v>
      </c>
      <c r="DY39" s="197">
        <v>133</v>
      </c>
      <c r="DZ39" s="195">
        <v>100</v>
      </c>
      <c r="EA39" s="198">
        <v>375</v>
      </c>
      <c r="EB39" s="200">
        <v>375</v>
      </c>
      <c r="EC39" s="37"/>
    </row>
    <row r="40" spans="2:133" ht="21" customHeight="1" thickBot="1" x14ac:dyDescent="0.25">
      <c r="B40" s="63" t="s">
        <v>37</v>
      </c>
      <c r="C40" s="203">
        <v>0</v>
      </c>
      <c r="D40" s="204">
        <v>0</v>
      </c>
      <c r="E40" s="204">
        <v>0</v>
      </c>
      <c r="F40" s="205">
        <v>0</v>
      </c>
      <c r="G40" s="206">
        <v>0</v>
      </c>
      <c r="H40" s="206">
        <v>11</v>
      </c>
      <c r="I40" s="206">
        <v>6</v>
      </c>
      <c r="J40" s="204">
        <v>7</v>
      </c>
      <c r="K40" s="207">
        <v>24</v>
      </c>
      <c r="L40" s="208">
        <v>24</v>
      </c>
      <c r="M40" s="203">
        <v>0</v>
      </c>
      <c r="N40" s="204">
        <v>0</v>
      </c>
      <c r="O40" s="207">
        <v>0</v>
      </c>
      <c r="P40" s="205">
        <v>0</v>
      </c>
      <c r="Q40" s="206">
        <v>0</v>
      </c>
      <c r="R40" s="206">
        <v>11</v>
      </c>
      <c r="S40" s="206">
        <v>6</v>
      </c>
      <c r="T40" s="204">
        <v>7</v>
      </c>
      <c r="U40" s="207">
        <v>24</v>
      </c>
      <c r="V40" s="209">
        <v>24</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0</v>
      </c>
      <c r="AL40" s="206">
        <v>7</v>
      </c>
      <c r="AM40" s="206">
        <v>1</v>
      </c>
      <c r="AN40" s="204">
        <v>1</v>
      </c>
      <c r="AO40" s="207">
        <v>11</v>
      </c>
      <c r="AP40" s="211">
        <v>11</v>
      </c>
      <c r="AQ40" s="210">
        <v>0</v>
      </c>
      <c r="AR40" s="204">
        <v>0</v>
      </c>
      <c r="AS40" s="207">
        <v>0</v>
      </c>
      <c r="AT40" s="205">
        <v>2</v>
      </c>
      <c r="AU40" s="206">
        <v>0</v>
      </c>
      <c r="AV40" s="206">
        <v>7</v>
      </c>
      <c r="AW40" s="206">
        <v>1</v>
      </c>
      <c r="AX40" s="204">
        <v>1</v>
      </c>
      <c r="AY40" s="207">
        <v>11</v>
      </c>
      <c r="AZ40" s="208">
        <v>11</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0</v>
      </c>
      <c r="BR40" s="204">
        <v>0</v>
      </c>
      <c r="BS40" s="207">
        <v>0</v>
      </c>
      <c r="BT40" s="208">
        <v>0</v>
      </c>
      <c r="BU40" s="203">
        <v>0</v>
      </c>
      <c r="BV40" s="204">
        <v>0</v>
      </c>
      <c r="BW40" s="204">
        <v>0</v>
      </c>
      <c r="BX40" s="205">
        <v>0</v>
      </c>
      <c r="BY40" s="206">
        <v>0</v>
      </c>
      <c r="BZ40" s="206">
        <v>0</v>
      </c>
      <c r="CA40" s="206">
        <v>0</v>
      </c>
      <c r="CB40" s="204">
        <v>0</v>
      </c>
      <c r="CC40" s="207">
        <v>0</v>
      </c>
      <c r="CD40" s="209">
        <v>0</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0</v>
      </c>
      <c r="CW40" s="207">
        <v>0</v>
      </c>
      <c r="CX40" s="208">
        <v>0</v>
      </c>
      <c r="CY40" s="203">
        <v>0</v>
      </c>
      <c r="CZ40" s="204">
        <v>0</v>
      </c>
      <c r="DA40" s="204">
        <v>0</v>
      </c>
      <c r="DB40" s="205">
        <v>0</v>
      </c>
      <c r="DC40" s="206">
        <v>0</v>
      </c>
      <c r="DD40" s="206">
        <v>0</v>
      </c>
      <c r="DE40" s="206">
        <v>0</v>
      </c>
      <c r="DF40" s="204">
        <v>0</v>
      </c>
      <c r="DG40" s="207">
        <v>0</v>
      </c>
      <c r="DH40" s="209">
        <v>0</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0</v>
      </c>
      <c r="DX40" s="206">
        <v>18</v>
      </c>
      <c r="DY40" s="206">
        <v>7</v>
      </c>
      <c r="DZ40" s="204">
        <v>8</v>
      </c>
      <c r="EA40" s="207">
        <v>35</v>
      </c>
      <c r="EB40" s="209">
        <v>35</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H1:I1"/>
    <mergeCell ref="K1:L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88671875" style="44" customWidth="1"/>
    <col min="2" max="2" width="11.10937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5">
        <f>第１表!F2</f>
        <v>5</v>
      </c>
      <c r="G1" s="525"/>
      <c r="H1" s="248">
        <f>第１表!G2</f>
        <v>7</v>
      </c>
      <c r="I1" s="524">
        <f>H1</f>
        <v>7</v>
      </c>
      <c r="J1" s="524"/>
    </row>
    <row r="2" spans="2:299" ht="24" customHeight="1" thickBot="1" x14ac:dyDescent="0.25">
      <c r="B2" s="20" t="s">
        <v>129</v>
      </c>
    </row>
    <row r="3" spans="2:299" ht="21" customHeight="1" thickBot="1" x14ac:dyDescent="0.25">
      <c r="B3" s="511" t="s">
        <v>38</v>
      </c>
      <c r="C3" s="506" t="s">
        <v>96</v>
      </c>
      <c r="D3" s="506"/>
      <c r="E3" s="506"/>
      <c r="F3" s="506"/>
      <c r="G3" s="506"/>
      <c r="H3" s="506"/>
      <c r="I3" s="506"/>
      <c r="J3" s="506"/>
      <c r="K3" s="506"/>
      <c r="L3" s="506"/>
      <c r="M3" s="506"/>
      <c r="N3" s="506"/>
      <c r="O3" s="506"/>
      <c r="P3" s="506"/>
      <c r="Q3" s="506"/>
      <c r="R3" s="506"/>
      <c r="S3" s="506"/>
      <c r="T3" s="506"/>
      <c r="U3" s="506"/>
      <c r="V3" s="506"/>
      <c r="W3" s="506"/>
      <c r="X3" s="506"/>
      <c r="Y3" s="506"/>
      <c r="Z3" s="506"/>
      <c r="AA3" s="506"/>
      <c r="AB3" s="506"/>
      <c r="AC3" s="506"/>
      <c r="AD3" s="506"/>
      <c r="AE3" s="506"/>
      <c r="AF3" s="506"/>
      <c r="AG3" s="506"/>
      <c r="AH3" s="506"/>
      <c r="AI3" s="506"/>
      <c r="AJ3" s="506"/>
      <c r="AK3" s="506"/>
      <c r="AL3" s="506"/>
      <c r="AM3" s="506"/>
      <c r="AN3" s="506"/>
      <c r="AO3" s="506"/>
      <c r="AP3" s="506"/>
      <c r="AQ3" s="506"/>
      <c r="AR3" s="506"/>
      <c r="AS3" s="506"/>
      <c r="AT3" s="506"/>
      <c r="AU3" s="506"/>
      <c r="AV3" s="506"/>
      <c r="AW3" s="506"/>
      <c r="AX3" s="506"/>
      <c r="AY3" s="506"/>
      <c r="AZ3" s="506"/>
      <c r="BA3" s="506"/>
      <c r="BB3" s="506"/>
      <c r="BC3" s="506"/>
      <c r="BD3" s="506"/>
      <c r="BE3" s="506"/>
      <c r="BF3" s="506"/>
      <c r="BG3" s="506"/>
      <c r="BH3" s="506"/>
      <c r="BI3" s="506"/>
      <c r="BJ3" s="506"/>
      <c r="BK3" s="506"/>
      <c r="BL3" s="506"/>
      <c r="BM3" s="506"/>
      <c r="BN3" s="506"/>
      <c r="BO3" s="506"/>
      <c r="BP3" s="506"/>
      <c r="BQ3" s="506"/>
      <c r="BR3" s="506"/>
      <c r="BS3" s="506"/>
      <c r="BT3" s="506"/>
      <c r="BU3" s="506"/>
      <c r="BV3" s="506"/>
      <c r="BW3" s="506"/>
      <c r="BX3" s="506"/>
      <c r="BY3" s="506"/>
      <c r="BZ3" s="506"/>
      <c r="CA3" s="506"/>
      <c r="CB3" s="506"/>
      <c r="CC3" s="506"/>
      <c r="CD3" s="506"/>
      <c r="CE3" s="506"/>
      <c r="CF3" s="506"/>
      <c r="CG3" s="506"/>
      <c r="CH3" s="506"/>
      <c r="CI3" s="506"/>
      <c r="CJ3" s="506"/>
      <c r="CK3" s="506"/>
      <c r="CL3" s="506"/>
      <c r="CM3" s="506"/>
      <c r="CN3" s="506"/>
      <c r="CO3" s="506"/>
      <c r="CP3" s="506"/>
      <c r="CQ3" s="506"/>
      <c r="CR3" s="506"/>
      <c r="CS3" s="506"/>
      <c r="CT3" s="506"/>
      <c r="CU3" s="506"/>
      <c r="CV3" s="506"/>
      <c r="CW3" s="507"/>
      <c r="CX3" s="506" t="s">
        <v>103</v>
      </c>
      <c r="CY3" s="506"/>
      <c r="CZ3" s="506"/>
      <c r="DA3" s="506"/>
      <c r="DB3" s="506"/>
      <c r="DC3" s="506"/>
      <c r="DD3" s="506"/>
      <c r="DE3" s="506"/>
      <c r="DF3" s="506"/>
      <c r="DG3" s="506"/>
      <c r="DH3" s="506"/>
      <c r="DI3" s="506"/>
      <c r="DJ3" s="506"/>
      <c r="DK3" s="506"/>
      <c r="DL3" s="506"/>
      <c r="DM3" s="506"/>
      <c r="DN3" s="506"/>
      <c r="DO3" s="506"/>
      <c r="DP3" s="506"/>
      <c r="DQ3" s="506"/>
      <c r="DR3" s="506"/>
      <c r="DS3" s="506"/>
      <c r="DT3" s="506"/>
      <c r="DU3" s="506"/>
      <c r="DV3" s="506"/>
      <c r="DW3" s="506"/>
      <c r="DX3" s="506"/>
      <c r="DY3" s="506"/>
      <c r="DZ3" s="506"/>
      <c r="EA3" s="506"/>
      <c r="EB3" s="506"/>
      <c r="EC3" s="506"/>
      <c r="ED3" s="506"/>
      <c r="EE3" s="506"/>
      <c r="EF3" s="506"/>
      <c r="EG3" s="506"/>
      <c r="EH3" s="506"/>
      <c r="EI3" s="506"/>
      <c r="EJ3" s="506"/>
      <c r="EK3" s="506"/>
      <c r="EL3" s="506"/>
      <c r="EM3" s="506"/>
      <c r="EN3" s="506"/>
      <c r="EO3" s="506"/>
      <c r="EP3" s="506"/>
      <c r="EQ3" s="506"/>
      <c r="ER3" s="506"/>
      <c r="ES3" s="506"/>
      <c r="ET3" s="506"/>
      <c r="EU3" s="506"/>
      <c r="EV3" s="506"/>
      <c r="EW3" s="506"/>
      <c r="EX3" s="506"/>
      <c r="EY3" s="506"/>
      <c r="EZ3" s="506"/>
      <c r="FA3" s="506"/>
      <c r="FB3" s="506"/>
      <c r="FC3" s="506"/>
      <c r="FD3" s="506"/>
      <c r="FE3" s="506"/>
      <c r="FF3" s="506"/>
      <c r="FG3" s="506"/>
      <c r="FH3" s="506"/>
      <c r="FI3" s="506"/>
      <c r="FJ3" s="506"/>
      <c r="FK3" s="506"/>
      <c r="FL3" s="506"/>
      <c r="FM3" s="506"/>
      <c r="FN3" s="506"/>
      <c r="FO3" s="506"/>
      <c r="FP3" s="506"/>
      <c r="FQ3" s="506"/>
      <c r="FR3" s="506"/>
      <c r="FS3" s="506"/>
      <c r="FT3" s="506"/>
      <c r="FU3" s="506"/>
      <c r="FV3" s="506"/>
      <c r="FW3" s="506"/>
      <c r="FX3" s="506"/>
      <c r="FY3" s="506"/>
      <c r="FZ3" s="506"/>
      <c r="GA3" s="506"/>
      <c r="GB3" s="506"/>
      <c r="GC3" s="506"/>
      <c r="GD3" s="506"/>
      <c r="GE3" s="506"/>
      <c r="GF3" s="506"/>
      <c r="GG3" s="506"/>
      <c r="GH3" s="506"/>
      <c r="GI3" s="506"/>
      <c r="GJ3" s="506"/>
      <c r="GK3" s="506"/>
      <c r="GL3" s="506"/>
      <c r="GM3" s="506"/>
      <c r="GN3" s="506"/>
      <c r="GO3" s="506"/>
      <c r="GP3" s="506"/>
      <c r="GQ3" s="506"/>
      <c r="GR3" s="507"/>
      <c r="GS3" s="506" t="s">
        <v>104</v>
      </c>
      <c r="GT3" s="506"/>
      <c r="GU3" s="506"/>
      <c r="GV3" s="506"/>
      <c r="GW3" s="506"/>
      <c r="GX3" s="506"/>
      <c r="GY3" s="506"/>
      <c r="GZ3" s="506"/>
      <c r="HA3" s="506"/>
      <c r="HB3" s="506"/>
      <c r="HC3" s="506"/>
      <c r="HD3" s="506"/>
      <c r="HE3" s="506"/>
      <c r="HF3" s="506"/>
      <c r="HG3" s="506"/>
      <c r="HH3" s="506"/>
      <c r="HI3" s="506"/>
      <c r="HJ3" s="506"/>
      <c r="HK3" s="506"/>
      <c r="HL3" s="506"/>
      <c r="HM3" s="506"/>
      <c r="HN3" s="506"/>
      <c r="HO3" s="506"/>
      <c r="HP3" s="506"/>
      <c r="HQ3" s="506"/>
      <c r="HR3" s="506"/>
      <c r="HS3" s="506"/>
      <c r="HT3" s="506"/>
      <c r="HU3" s="506"/>
      <c r="HV3" s="506"/>
      <c r="HW3" s="506"/>
      <c r="HX3" s="506"/>
      <c r="HY3" s="506"/>
      <c r="HZ3" s="506"/>
      <c r="IA3" s="506"/>
      <c r="IB3" s="506"/>
      <c r="IC3" s="506"/>
      <c r="ID3" s="506"/>
      <c r="IE3" s="506"/>
      <c r="IF3" s="506"/>
      <c r="IG3" s="506"/>
      <c r="IH3" s="506"/>
      <c r="II3" s="506"/>
      <c r="IJ3" s="506"/>
      <c r="IK3" s="506"/>
      <c r="IL3" s="506"/>
      <c r="IM3" s="506"/>
      <c r="IN3" s="506"/>
      <c r="IO3" s="506"/>
      <c r="IP3" s="506"/>
      <c r="IQ3" s="506"/>
      <c r="IR3" s="506"/>
      <c r="IS3" s="506"/>
      <c r="IT3" s="506"/>
      <c r="IU3" s="506"/>
      <c r="IV3" s="506"/>
      <c r="IW3" s="506"/>
      <c r="IX3" s="506"/>
      <c r="IY3" s="506"/>
      <c r="IZ3" s="506"/>
      <c r="JA3" s="506"/>
      <c r="JB3" s="506"/>
      <c r="JC3" s="506"/>
      <c r="JD3" s="506"/>
      <c r="JE3" s="506"/>
      <c r="JF3" s="506"/>
      <c r="JG3" s="506"/>
      <c r="JH3" s="506"/>
      <c r="JI3" s="506"/>
      <c r="JJ3" s="506"/>
      <c r="JK3" s="506"/>
      <c r="JL3" s="506"/>
      <c r="JM3" s="506"/>
      <c r="JN3" s="506"/>
      <c r="JO3" s="506"/>
      <c r="JP3" s="506"/>
      <c r="JQ3" s="506"/>
      <c r="JR3" s="506"/>
      <c r="JS3" s="506"/>
      <c r="JT3" s="506"/>
      <c r="JU3" s="506"/>
      <c r="JV3" s="506"/>
      <c r="JW3" s="506"/>
      <c r="JX3" s="506"/>
      <c r="JY3" s="506"/>
      <c r="JZ3" s="506"/>
      <c r="KA3" s="506"/>
      <c r="KB3" s="506"/>
      <c r="KC3" s="506"/>
      <c r="KD3" s="506"/>
      <c r="KE3" s="506"/>
      <c r="KF3" s="506"/>
      <c r="KG3" s="506"/>
      <c r="KH3" s="506"/>
      <c r="KI3" s="506"/>
      <c r="KJ3" s="506"/>
      <c r="KK3" s="506"/>
      <c r="KL3" s="506"/>
      <c r="KM3" s="507"/>
    </row>
    <row r="4" spans="2:299" ht="21" customHeight="1" thickBot="1" x14ac:dyDescent="0.25">
      <c r="B4" s="523"/>
      <c r="C4" s="508" t="s">
        <v>39</v>
      </c>
      <c r="D4" s="509"/>
      <c r="E4" s="509"/>
      <c r="F4" s="509"/>
      <c r="G4" s="509"/>
      <c r="H4" s="509"/>
      <c r="I4" s="509"/>
      <c r="J4" s="509"/>
      <c r="K4" s="509"/>
      <c r="L4" s="509"/>
      <c r="M4" s="509"/>
      <c r="N4" s="509"/>
      <c r="O4" s="509"/>
      <c r="P4" s="509"/>
      <c r="Q4" s="509"/>
      <c r="R4" s="509"/>
      <c r="S4" s="509"/>
      <c r="T4" s="509"/>
      <c r="U4" s="509"/>
      <c r="V4" s="509"/>
      <c r="W4" s="509"/>
      <c r="X4" s="509"/>
      <c r="Y4" s="509"/>
      <c r="Z4" s="509"/>
      <c r="AA4" s="509"/>
      <c r="AB4" s="509"/>
      <c r="AC4" s="509"/>
      <c r="AD4" s="509"/>
      <c r="AE4" s="509"/>
      <c r="AF4" s="509"/>
      <c r="AG4" s="509"/>
      <c r="AH4" s="509"/>
      <c r="AI4" s="509"/>
      <c r="AJ4" s="509"/>
      <c r="AK4" s="509"/>
      <c r="AL4" s="509"/>
      <c r="AM4" s="509"/>
      <c r="AN4" s="509"/>
      <c r="AO4" s="509"/>
      <c r="AP4" s="509"/>
      <c r="AQ4" s="509"/>
      <c r="AR4" s="509"/>
      <c r="AS4" s="509"/>
      <c r="AT4" s="509"/>
      <c r="AU4" s="509"/>
      <c r="AV4" s="509"/>
      <c r="AW4" s="509"/>
      <c r="AX4" s="509"/>
      <c r="AY4" s="509"/>
      <c r="AZ4" s="509"/>
      <c r="BA4" s="509"/>
      <c r="BB4" s="509"/>
      <c r="BC4" s="509"/>
      <c r="BD4" s="509"/>
      <c r="BE4" s="509"/>
      <c r="BF4" s="509"/>
      <c r="BG4" s="509"/>
      <c r="BH4" s="509"/>
      <c r="BI4" s="509"/>
      <c r="BJ4" s="509"/>
      <c r="BK4" s="509"/>
      <c r="BL4" s="509"/>
      <c r="BM4" s="509"/>
      <c r="BN4" s="509"/>
      <c r="BO4" s="509"/>
      <c r="BP4" s="509"/>
      <c r="BQ4" s="509"/>
      <c r="BR4" s="509"/>
      <c r="BS4" s="509"/>
      <c r="BT4" s="509"/>
      <c r="BU4" s="509"/>
      <c r="BV4" s="509"/>
      <c r="BW4" s="509"/>
      <c r="BX4" s="509"/>
      <c r="BY4" s="509"/>
      <c r="BZ4" s="509"/>
      <c r="CA4" s="510"/>
      <c r="CB4" s="511" t="s">
        <v>40</v>
      </c>
      <c r="CC4" s="512"/>
      <c r="CD4" s="512"/>
      <c r="CE4" s="512"/>
      <c r="CF4" s="512"/>
      <c r="CG4" s="512"/>
      <c r="CH4" s="512"/>
      <c r="CI4" s="512"/>
      <c r="CJ4" s="512"/>
      <c r="CK4" s="512"/>
      <c r="CL4" s="513"/>
      <c r="CM4" s="511" t="s">
        <v>41</v>
      </c>
      <c r="CN4" s="512"/>
      <c r="CO4" s="512"/>
      <c r="CP4" s="512"/>
      <c r="CQ4" s="512"/>
      <c r="CR4" s="512"/>
      <c r="CS4" s="512"/>
      <c r="CT4" s="512"/>
      <c r="CU4" s="512"/>
      <c r="CV4" s="512"/>
      <c r="CW4" s="513"/>
      <c r="CX4" s="508" t="s">
        <v>39</v>
      </c>
      <c r="CY4" s="509"/>
      <c r="CZ4" s="509"/>
      <c r="DA4" s="509"/>
      <c r="DB4" s="509"/>
      <c r="DC4" s="509"/>
      <c r="DD4" s="509"/>
      <c r="DE4" s="509"/>
      <c r="DF4" s="509"/>
      <c r="DG4" s="509"/>
      <c r="DH4" s="509"/>
      <c r="DI4" s="509"/>
      <c r="DJ4" s="509"/>
      <c r="DK4" s="509"/>
      <c r="DL4" s="509"/>
      <c r="DM4" s="509"/>
      <c r="DN4" s="509"/>
      <c r="DO4" s="509"/>
      <c r="DP4" s="509"/>
      <c r="DQ4" s="509"/>
      <c r="DR4" s="509"/>
      <c r="DS4" s="509"/>
      <c r="DT4" s="509"/>
      <c r="DU4" s="509"/>
      <c r="DV4" s="509"/>
      <c r="DW4" s="509"/>
      <c r="DX4" s="509"/>
      <c r="DY4" s="509"/>
      <c r="DZ4" s="509"/>
      <c r="EA4" s="509"/>
      <c r="EB4" s="509"/>
      <c r="EC4" s="509"/>
      <c r="ED4" s="509"/>
      <c r="EE4" s="509"/>
      <c r="EF4" s="509"/>
      <c r="EG4" s="509"/>
      <c r="EH4" s="509"/>
      <c r="EI4" s="509"/>
      <c r="EJ4" s="509"/>
      <c r="EK4" s="509"/>
      <c r="EL4" s="509"/>
      <c r="EM4" s="509"/>
      <c r="EN4" s="509"/>
      <c r="EO4" s="509"/>
      <c r="EP4" s="509"/>
      <c r="EQ4" s="509"/>
      <c r="ER4" s="509"/>
      <c r="ES4" s="509"/>
      <c r="ET4" s="509"/>
      <c r="EU4" s="509"/>
      <c r="EV4" s="509"/>
      <c r="EW4" s="509"/>
      <c r="EX4" s="509"/>
      <c r="EY4" s="509"/>
      <c r="EZ4" s="509"/>
      <c r="FA4" s="509"/>
      <c r="FB4" s="509"/>
      <c r="FC4" s="509"/>
      <c r="FD4" s="509"/>
      <c r="FE4" s="509"/>
      <c r="FF4" s="509"/>
      <c r="FG4" s="509"/>
      <c r="FH4" s="509"/>
      <c r="FI4" s="509"/>
      <c r="FJ4" s="509"/>
      <c r="FK4" s="509"/>
      <c r="FL4" s="509"/>
      <c r="FM4" s="509"/>
      <c r="FN4" s="509"/>
      <c r="FO4" s="509"/>
      <c r="FP4" s="509"/>
      <c r="FQ4" s="509"/>
      <c r="FR4" s="509"/>
      <c r="FS4" s="509"/>
      <c r="FT4" s="509"/>
      <c r="FU4" s="509"/>
      <c r="FV4" s="510"/>
      <c r="FW4" s="511" t="s">
        <v>40</v>
      </c>
      <c r="FX4" s="512"/>
      <c r="FY4" s="512"/>
      <c r="FZ4" s="512"/>
      <c r="GA4" s="512"/>
      <c r="GB4" s="512"/>
      <c r="GC4" s="512"/>
      <c r="GD4" s="512"/>
      <c r="GE4" s="512"/>
      <c r="GF4" s="512"/>
      <c r="GG4" s="513"/>
      <c r="GH4" s="511" t="s">
        <v>41</v>
      </c>
      <c r="GI4" s="512"/>
      <c r="GJ4" s="512"/>
      <c r="GK4" s="512"/>
      <c r="GL4" s="512"/>
      <c r="GM4" s="512"/>
      <c r="GN4" s="512"/>
      <c r="GO4" s="512"/>
      <c r="GP4" s="512"/>
      <c r="GQ4" s="512"/>
      <c r="GR4" s="513"/>
      <c r="GS4" s="508" t="s">
        <v>39</v>
      </c>
      <c r="GT4" s="509"/>
      <c r="GU4" s="509"/>
      <c r="GV4" s="509"/>
      <c r="GW4" s="509"/>
      <c r="GX4" s="509"/>
      <c r="GY4" s="509"/>
      <c r="GZ4" s="509"/>
      <c r="HA4" s="509"/>
      <c r="HB4" s="509"/>
      <c r="HC4" s="509"/>
      <c r="HD4" s="509"/>
      <c r="HE4" s="509"/>
      <c r="HF4" s="509"/>
      <c r="HG4" s="509"/>
      <c r="HH4" s="509"/>
      <c r="HI4" s="509"/>
      <c r="HJ4" s="509"/>
      <c r="HK4" s="509"/>
      <c r="HL4" s="509"/>
      <c r="HM4" s="509"/>
      <c r="HN4" s="509"/>
      <c r="HO4" s="509"/>
      <c r="HP4" s="509"/>
      <c r="HQ4" s="509"/>
      <c r="HR4" s="509"/>
      <c r="HS4" s="509"/>
      <c r="HT4" s="509"/>
      <c r="HU4" s="509"/>
      <c r="HV4" s="509"/>
      <c r="HW4" s="509"/>
      <c r="HX4" s="509"/>
      <c r="HY4" s="509"/>
      <c r="HZ4" s="509"/>
      <c r="IA4" s="509"/>
      <c r="IB4" s="509"/>
      <c r="IC4" s="509"/>
      <c r="ID4" s="509"/>
      <c r="IE4" s="509"/>
      <c r="IF4" s="509"/>
      <c r="IG4" s="509"/>
      <c r="IH4" s="509"/>
      <c r="II4" s="509"/>
      <c r="IJ4" s="509"/>
      <c r="IK4" s="509"/>
      <c r="IL4" s="509"/>
      <c r="IM4" s="509"/>
      <c r="IN4" s="509"/>
      <c r="IO4" s="509"/>
      <c r="IP4" s="509"/>
      <c r="IQ4" s="509"/>
      <c r="IR4" s="509"/>
      <c r="IS4" s="509"/>
      <c r="IT4" s="509"/>
      <c r="IU4" s="509"/>
      <c r="IV4" s="509"/>
      <c r="IW4" s="509"/>
      <c r="IX4" s="509"/>
      <c r="IY4" s="509"/>
      <c r="IZ4" s="509"/>
      <c r="JA4" s="509"/>
      <c r="JB4" s="509"/>
      <c r="JC4" s="509"/>
      <c r="JD4" s="509"/>
      <c r="JE4" s="509"/>
      <c r="JF4" s="509"/>
      <c r="JG4" s="509"/>
      <c r="JH4" s="509"/>
      <c r="JI4" s="509"/>
      <c r="JJ4" s="509"/>
      <c r="JK4" s="509"/>
      <c r="JL4" s="509"/>
      <c r="JM4" s="509"/>
      <c r="JN4" s="509"/>
      <c r="JO4" s="509"/>
      <c r="JP4" s="509"/>
      <c r="JQ4" s="510"/>
      <c r="JR4" s="511" t="s">
        <v>40</v>
      </c>
      <c r="JS4" s="512"/>
      <c r="JT4" s="512"/>
      <c r="JU4" s="512"/>
      <c r="JV4" s="512"/>
      <c r="JW4" s="512"/>
      <c r="JX4" s="512"/>
      <c r="JY4" s="512"/>
      <c r="JZ4" s="512"/>
      <c r="KA4" s="512"/>
      <c r="KB4" s="513"/>
      <c r="KC4" s="511" t="s">
        <v>41</v>
      </c>
      <c r="KD4" s="512"/>
      <c r="KE4" s="512"/>
      <c r="KF4" s="512"/>
      <c r="KG4" s="512"/>
      <c r="KH4" s="512"/>
      <c r="KI4" s="512"/>
      <c r="KJ4" s="512"/>
      <c r="KK4" s="512"/>
      <c r="KL4" s="512"/>
      <c r="KM4" s="513"/>
    </row>
    <row r="5" spans="2:299" ht="21" customHeight="1" thickBot="1" x14ac:dyDescent="0.25">
      <c r="B5" s="517"/>
      <c r="C5" s="517"/>
      <c r="D5" s="518"/>
      <c r="E5" s="518"/>
      <c r="F5" s="518"/>
      <c r="G5" s="518"/>
      <c r="H5" s="518"/>
      <c r="I5" s="518"/>
      <c r="J5" s="518"/>
      <c r="K5" s="518"/>
      <c r="L5" s="518"/>
      <c r="M5" s="519"/>
      <c r="N5" s="520" t="s">
        <v>97</v>
      </c>
      <c r="O5" s="521"/>
      <c r="P5" s="521"/>
      <c r="Q5" s="521"/>
      <c r="R5" s="521"/>
      <c r="S5" s="521"/>
      <c r="T5" s="521"/>
      <c r="U5" s="521"/>
      <c r="V5" s="521"/>
      <c r="W5" s="521"/>
      <c r="X5" s="522"/>
      <c r="Y5" s="520" t="s">
        <v>98</v>
      </c>
      <c r="Z5" s="521"/>
      <c r="AA5" s="521"/>
      <c r="AB5" s="521"/>
      <c r="AC5" s="521"/>
      <c r="AD5" s="521"/>
      <c r="AE5" s="521"/>
      <c r="AF5" s="521"/>
      <c r="AG5" s="521"/>
      <c r="AH5" s="521"/>
      <c r="AI5" s="522"/>
      <c r="AJ5" s="520" t="s">
        <v>99</v>
      </c>
      <c r="AK5" s="521"/>
      <c r="AL5" s="521"/>
      <c r="AM5" s="521"/>
      <c r="AN5" s="521"/>
      <c r="AO5" s="521"/>
      <c r="AP5" s="521"/>
      <c r="AQ5" s="521"/>
      <c r="AR5" s="521"/>
      <c r="AS5" s="521"/>
      <c r="AT5" s="522"/>
      <c r="AU5" s="520" t="s">
        <v>100</v>
      </c>
      <c r="AV5" s="521"/>
      <c r="AW5" s="521"/>
      <c r="AX5" s="521"/>
      <c r="AY5" s="521"/>
      <c r="AZ5" s="521"/>
      <c r="BA5" s="521"/>
      <c r="BB5" s="521"/>
      <c r="BC5" s="521"/>
      <c r="BD5" s="521"/>
      <c r="BE5" s="522"/>
      <c r="BF5" s="520" t="s">
        <v>101</v>
      </c>
      <c r="BG5" s="521"/>
      <c r="BH5" s="521"/>
      <c r="BI5" s="521"/>
      <c r="BJ5" s="521"/>
      <c r="BK5" s="521"/>
      <c r="BL5" s="521"/>
      <c r="BM5" s="521"/>
      <c r="BN5" s="521"/>
      <c r="BO5" s="521"/>
      <c r="BP5" s="522"/>
      <c r="BQ5" s="520" t="s">
        <v>102</v>
      </c>
      <c r="BR5" s="521"/>
      <c r="BS5" s="521"/>
      <c r="BT5" s="521"/>
      <c r="BU5" s="521"/>
      <c r="BV5" s="521"/>
      <c r="BW5" s="521"/>
      <c r="BX5" s="521"/>
      <c r="BY5" s="521"/>
      <c r="BZ5" s="521"/>
      <c r="CA5" s="522"/>
      <c r="CB5" s="514"/>
      <c r="CC5" s="515"/>
      <c r="CD5" s="515"/>
      <c r="CE5" s="515"/>
      <c r="CF5" s="515"/>
      <c r="CG5" s="515"/>
      <c r="CH5" s="515"/>
      <c r="CI5" s="515"/>
      <c r="CJ5" s="515"/>
      <c r="CK5" s="515"/>
      <c r="CL5" s="516"/>
      <c r="CM5" s="514"/>
      <c r="CN5" s="515"/>
      <c r="CO5" s="515"/>
      <c r="CP5" s="515"/>
      <c r="CQ5" s="515"/>
      <c r="CR5" s="515"/>
      <c r="CS5" s="515"/>
      <c r="CT5" s="515"/>
      <c r="CU5" s="515"/>
      <c r="CV5" s="515"/>
      <c r="CW5" s="516"/>
      <c r="CX5" s="517"/>
      <c r="CY5" s="518"/>
      <c r="CZ5" s="518"/>
      <c r="DA5" s="518"/>
      <c r="DB5" s="518"/>
      <c r="DC5" s="518"/>
      <c r="DD5" s="518"/>
      <c r="DE5" s="518"/>
      <c r="DF5" s="518"/>
      <c r="DG5" s="518"/>
      <c r="DH5" s="519"/>
      <c r="DI5" s="520" t="s">
        <v>97</v>
      </c>
      <c r="DJ5" s="521"/>
      <c r="DK5" s="521"/>
      <c r="DL5" s="521"/>
      <c r="DM5" s="521"/>
      <c r="DN5" s="521"/>
      <c r="DO5" s="521"/>
      <c r="DP5" s="521"/>
      <c r="DQ5" s="521"/>
      <c r="DR5" s="521"/>
      <c r="DS5" s="522"/>
      <c r="DT5" s="520" t="s">
        <v>98</v>
      </c>
      <c r="DU5" s="521"/>
      <c r="DV5" s="521"/>
      <c r="DW5" s="521"/>
      <c r="DX5" s="521"/>
      <c r="DY5" s="521"/>
      <c r="DZ5" s="521"/>
      <c r="EA5" s="521"/>
      <c r="EB5" s="521"/>
      <c r="EC5" s="521"/>
      <c r="ED5" s="522"/>
      <c r="EE5" s="520" t="s">
        <v>99</v>
      </c>
      <c r="EF5" s="521"/>
      <c r="EG5" s="521"/>
      <c r="EH5" s="521"/>
      <c r="EI5" s="521"/>
      <c r="EJ5" s="521"/>
      <c r="EK5" s="521"/>
      <c r="EL5" s="521"/>
      <c r="EM5" s="521"/>
      <c r="EN5" s="521"/>
      <c r="EO5" s="522"/>
      <c r="EP5" s="520" t="s">
        <v>100</v>
      </c>
      <c r="EQ5" s="521"/>
      <c r="ER5" s="521"/>
      <c r="ES5" s="521"/>
      <c r="ET5" s="521"/>
      <c r="EU5" s="521"/>
      <c r="EV5" s="521"/>
      <c r="EW5" s="521"/>
      <c r="EX5" s="521"/>
      <c r="EY5" s="521"/>
      <c r="EZ5" s="522"/>
      <c r="FA5" s="520" t="s">
        <v>101</v>
      </c>
      <c r="FB5" s="521"/>
      <c r="FC5" s="521"/>
      <c r="FD5" s="521"/>
      <c r="FE5" s="521"/>
      <c r="FF5" s="521"/>
      <c r="FG5" s="521"/>
      <c r="FH5" s="521"/>
      <c r="FI5" s="521"/>
      <c r="FJ5" s="521"/>
      <c r="FK5" s="522"/>
      <c r="FL5" s="520" t="s">
        <v>102</v>
      </c>
      <c r="FM5" s="521"/>
      <c r="FN5" s="521"/>
      <c r="FO5" s="521"/>
      <c r="FP5" s="521"/>
      <c r="FQ5" s="521"/>
      <c r="FR5" s="521"/>
      <c r="FS5" s="521"/>
      <c r="FT5" s="521"/>
      <c r="FU5" s="521"/>
      <c r="FV5" s="522"/>
      <c r="FW5" s="514"/>
      <c r="FX5" s="515"/>
      <c r="FY5" s="515"/>
      <c r="FZ5" s="515"/>
      <c r="GA5" s="515"/>
      <c r="GB5" s="515"/>
      <c r="GC5" s="515"/>
      <c r="GD5" s="515"/>
      <c r="GE5" s="515"/>
      <c r="GF5" s="515"/>
      <c r="GG5" s="516"/>
      <c r="GH5" s="514"/>
      <c r="GI5" s="515"/>
      <c r="GJ5" s="515"/>
      <c r="GK5" s="515"/>
      <c r="GL5" s="515"/>
      <c r="GM5" s="515"/>
      <c r="GN5" s="515"/>
      <c r="GO5" s="515"/>
      <c r="GP5" s="515"/>
      <c r="GQ5" s="515"/>
      <c r="GR5" s="516"/>
      <c r="GS5" s="517"/>
      <c r="GT5" s="518"/>
      <c r="GU5" s="518"/>
      <c r="GV5" s="518"/>
      <c r="GW5" s="518"/>
      <c r="GX5" s="518"/>
      <c r="GY5" s="518"/>
      <c r="GZ5" s="518"/>
      <c r="HA5" s="518"/>
      <c r="HB5" s="518"/>
      <c r="HC5" s="519"/>
      <c r="HD5" s="520" t="s">
        <v>97</v>
      </c>
      <c r="HE5" s="521"/>
      <c r="HF5" s="521"/>
      <c r="HG5" s="521"/>
      <c r="HH5" s="521"/>
      <c r="HI5" s="521"/>
      <c r="HJ5" s="521"/>
      <c r="HK5" s="521"/>
      <c r="HL5" s="521"/>
      <c r="HM5" s="521"/>
      <c r="HN5" s="522"/>
      <c r="HO5" s="520" t="s">
        <v>98</v>
      </c>
      <c r="HP5" s="521"/>
      <c r="HQ5" s="521"/>
      <c r="HR5" s="521"/>
      <c r="HS5" s="521"/>
      <c r="HT5" s="521"/>
      <c r="HU5" s="521"/>
      <c r="HV5" s="521"/>
      <c r="HW5" s="521"/>
      <c r="HX5" s="521"/>
      <c r="HY5" s="522"/>
      <c r="HZ5" s="520" t="s">
        <v>99</v>
      </c>
      <c r="IA5" s="521"/>
      <c r="IB5" s="521"/>
      <c r="IC5" s="521"/>
      <c r="ID5" s="521"/>
      <c r="IE5" s="521"/>
      <c r="IF5" s="521"/>
      <c r="IG5" s="521"/>
      <c r="IH5" s="521"/>
      <c r="II5" s="521"/>
      <c r="IJ5" s="522"/>
      <c r="IK5" s="520" t="s">
        <v>100</v>
      </c>
      <c r="IL5" s="521"/>
      <c r="IM5" s="521"/>
      <c r="IN5" s="521"/>
      <c r="IO5" s="521"/>
      <c r="IP5" s="521"/>
      <c r="IQ5" s="521"/>
      <c r="IR5" s="521"/>
      <c r="IS5" s="521"/>
      <c r="IT5" s="521"/>
      <c r="IU5" s="522"/>
      <c r="IV5" s="520" t="s">
        <v>101</v>
      </c>
      <c r="IW5" s="521"/>
      <c r="IX5" s="521"/>
      <c r="IY5" s="521"/>
      <c r="IZ5" s="521"/>
      <c r="JA5" s="521"/>
      <c r="JB5" s="521"/>
      <c r="JC5" s="521"/>
      <c r="JD5" s="521"/>
      <c r="JE5" s="521"/>
      <c r="JF5" s="522"/>
      <c r="JG5" s="520" t="s">
        <v>102</v>
      </c>
      <c r="JH5" s="521"/>
      <c r="JI5" s="521"/>
      <c r="JJ5" s="521"/>
      <c r="JK5" s="521"/>
      <c r="JL5" s="521"/>
      <c r="JM5" s="521"/>
      <c r="JN5" s="521"/>
      <c r="JO5" s="521"/>
      <c r="JP5" s="521"/>
      <c r="JQ5" s="522"/>
      <c r="JR5" s="514"/>
      <c r="JS5" s="515"/>
      <c r="JT5" s="515"/>
      <c r="JU5" s="515"/>
      <c r="JV5" s="515"/>
      <c r="JW5" s="515"/>
      <c r="JX5" s="515"/>
      <c r="JY5" s="515"/>
      <c r="JZ5" s="515"/>
      <c r="KA5" s="515"/>
      <c r="KB5" s="516"/>
      <c r="KC5" s="514"/>
      <c r="KD5" s="515"/>
      <c r="KE5" s="515"/>
      <c r="KF5" s="515"/>
      <c r="KG5" s="515"/>
      <c r="KH5" s="515"/>
      <c r="KI5" s="515"/>
      <c r="KJ5" s="515"/>
      <c r="KK5" s="515"/>
      <c r="KL5" s="515"/>
      <c r="KM5" s="516"/>
    </row>
    <row r="6" spans="2:299" ht="30" customHeight="1" thickBot="1" x14ac:dyDescent="0.25">
      <c r="B6" s="315" t="s">
        <v>42</v>
      </c>
      <c r="C6" s="51" t="s">
        <v>43</v>
      </c>
      <c r="D6" s="47" t="s">
        <v>44</v>
      </c>
      <c r="E6" s="48" t="s">
        <v>45</v>
      </c>
      <c r="F6" s="52" t="s">
        <v>46</v>
      </c>
      <c r="G6" s="47" t="s">
        <v>47</v>
      </c>
      <c r="H6" s="47" t="s">
        <v>48</v>
      </c>
      <c r="I6" s="47" t="s">
        <v>49</v>
      </c>
      <c r="J6" s="47" t="s">
        <v>50</v>
      </c>
      <c r="K6" s="47" t="s">
        <v>51</v>
      </c>
      <c r="L6" s="48" t="s">
        <v>45</v>
      </c>
      <c r="M6" s="53" t="s">
        <v>52</v>
      </c>
      <c r="N6" s="354" t="s">
        <v>43</v>
      </c>
      <c r="O6" s="355" t="s">
        <v>44</v>
      </c>
      <c r="P6" s="356" t="s">
        <v>45</v>
      </c>
      <c r="Q6" s="357" t="s">
        <v>46</v>
      </c>
      <c r="R6" s="355" t="s">
        <v>47</v>
      </c>
      <c r="S6" s="355" t="s">
        <v>48</v>
      </c>
      <c r="T6" s="355" t="s">
        <v>49</v>
      </c>
      <c r="U6" s="355" t="s">
        <v>50</v>
      </c>
      <c r="V6" s="355" t="s">
        <v>51</v>
      </c>
      <c r="W6" s="356" t="s">
        <v>45</v>
      </c>
      <c r="X6" s="353" t="s">
        <v>52</v>
      </c>
      <c r="Y6" s="354" t="s">
        <v>43</v>
      </c>
      <c r="Z6" s="355" t="s">
        <v>44</v>
      </c>
      <c r="AA6" s="356" t="s">
        <v>45</v>
      </c>
      <c r="AB6" s="357" t="s">
        <v>46</v>
      </c>
      <c r="AC6" s="355" t="s">
        <v>47</v>
      </c>
      <c r="AD6" s="355" t="s">
        <v>48</v>
      </c>
      <c r="AE6" s="355" t="s">
        <v>49</v>
      </c>
      <c r="AF6" s="355" t="s">
        <v>50</v>
      </c>
      <c r="AG6" s="355" t="s">
        <v>51</v>
      </c>
      <c r="AH6" s="356" t="s">
        <v>45</v>
      </c>
      <c r="AI6" s="358" t="s">
        <v>52</v>
      </c>
      <c r="AJ6" s="354" t="s">
        <v>43</v>
      </c>
      <c r="AK6" s="355" t="s">
        <v>44</v>
      </c>
      <c r="AL6" s="356" t="s">
        <v>45</v>
      </c>
      <c r="AM6" s="357" t="s">
        <v>46</v>
      </c>
      <c r="AN6" s="355" t="s">
        <v>47</v>
      </c>
      <c r="AO6" s="355" t="s">
        <v>48</v>
      </c>
      <c r="AP6" s="355" t="s">
        <v>49</v>
      </c>
      <c r="AQ6" s="355" t="s">
        <v>50</v>
      </c>
      <c r="AR6" s="355" t="s">
        <v>51</v>
      </c>
      <c r="AS6" s="356" t="s">
        <v>45</v>
      </c>
      <c r="AT6" s="358" t="s">
        <v>52</v>
      </c>
      <c r="AU6" s="354" t="s">
        <v>43</v>
      </c>
      <c r="AV6" s="355" t="s">
        <v>44</v>
      </c>
      <c r="AW6" s="356" t="s">
        <v>45</v>
      </c>
      <c r="AX6" s="357" t="s">
        <v>46</v>
      </c>
      <c r="AY6" s="355" t="s">
        <v>47</v>
      </c>
      <c r="AZ6" s="355" t="s">
        <v>48</v>
      </c>
      <c r="BA6" s="355" t="s">
        <v>49</v>
      </c>
      <c r="BB6" s="355" t="s">
        <v>50</v>
      </c>
      <c r="BC6" s="355" t="s">
        <v>51</v>
      </c>
      <c r="BD6" s="356" t="s">
        <v>45</v>
      </c>
      <c r="BE6" s="358" t="s">
        <v>52</v>
      </c>
      <c r="BF6" s="354" t="s">
        <v>43</v>
      </c>
      <c r="BG6" s="355" t="s">
        <v>44</v>
      </c>
      <c r="BH6" s="356" t="s">
        <v>45</v>
      </c>
      <c r="BI6" s="357" t="s">
        <v>46</v>
      </c>
      <c r="BJ6" s="355" t="s">
        <v>47</v>
      </c>
      <c r="BK6" s="355" t="s">
        <v>48</v>
      </c>
      <c r="BL6" s="355" t="s">
        <v>49</v>
      </c>
      <c r="BM6" s="355" t="s">
        <v>50</v>
      </c>
      <c r="BN6" s="355" t="s">
        <v>51</v>
      </c>
      <c r="BO6" s="356" t="s">
        <v>45</v>
      </c>
      <c r="BP6" s="358" t="s">
        <v>52</v>
      </c>
      <c r="BQ6" s="354" t="s">
        <v>43</v>
      </c>
      <c r="BR6" s="355" t="s">
        <v>44</v>
      </c>
      <c r="BS6" s="356" t="s">
        <v>45</v>
      </c>
      <c r="BT6" s="357" t="s">
        <v>46</v>
      </c>
      <c r="BU6" s="355" t="s">
        <v>47</v>
      </c>
      <c r="BV6" s="355" t="s">
        <v>48</v>
      </c>
      <c r="BW6" s="355" t="s">
        <v>49</v>
      </c>
      <c r="BX6" s="355" t="s">
        <v>50</v>
      </c>
      <c r="BY6" s="355" t="s">
        <v>51</v>
      </c>
      <c r="BZ6" s="356" t="s">
        <v>45</v>
      </c>
      <c r="CA6" s="358" t="s">
        <v>52</v>
      </c>
      <c r="CB6" s="354" t="s">
        <v>43</v>
      </c>
      <c r="CC6" s="355" t="s">
        <v>44</v>
      </c>
      <c r="CD6" s="356" t="s">
        <v>45</v>
      </c>
      <c r="CE6" s="357" t="s">
        <v>46</v>
      </c>
      <c r="CF6" s="355" t="s">
        <v>47</v>
      </c>
      <c r="CG6" s="355" t="s">
        <v>48</v>
      </c>
      <c r="CH6" s="355" t="s">
        <v>49</v>
      </c>
      <c r="CI6" s="355" t="s">
        <v>50</v>
      </c>
      <c r="CJ6" s="355" t="s">
        <v>51</v>
      </c>
      <c r="CK6" s="356" t="s">
        <v>45</v>
      </c>
      <c r="CL6" s="358" t="s">
        <v>52</v>
      </c>
      <c r="CM6" s="354" t="s">
        <v>43</v>
      </c>
      <c r="CN6" s="355" t="s">
        <v>44</v>
      </c>
      <c r="CO6" s="356" t="s">
        <v>45</v>
      </c>
      <c r="CP6" s="357" t="s">
        <v>46</v>
      </c>
      <c r="CQ6" s="355" t="s">
        <v>47</v>
      </c>
      <c r="CR6" s="355" t="s">
        <v>48</v>
      </c>
      <c r="CS6" s="355" t="s">
        <v>49</v>
      </c>
      <c r="CT6" s="355" t="s">
        <v>50</v>
      </c>
      <c r="CU6" s="355" t="s">
        <v>51</v>
      </c>
      <c r="CV6" s="356" t="s">
        <v>45</v>
      </c>
      <c r="CW6" s="358" t="s">
        <v>52</v>
      </c>
      <c r="CX6" s="51" t="s">
        <v>43</v>
      </c>
      <c r="CY6" s="47" t="s">
        <v>44</v>
      </c>
      <c r="CZ6" s="48" t="s">
        <v>45</v>
      </c>
      <c r="DA6" s="52" t="s">
        <v>46</v>
      </c>
      <c r="DB6" s="47" t="s">
        <v>47</v>
      </c>
      <c r="DC6" s="47" t="s">
        <v>48</v>
      </c>
      <c r="DD6" s="47" t="s">
        <v>49</v>
      </c>
      <c r="DE6" s="47" t="s">
        <v>50</v>
      </c>
      <c r="DF6" s="47" t="s">
        <v>51</v>
      </c>
      <c r="DG6" s="48" t="s">
        <v>45</v>
      </c>
      <c r="DH6" s="53" t="s">
        <v>52</v>
      </c>
      <c r="DI6" s="354" t="s">
        <v>43</v>
      </c>
      <c r="DJ6" s="355" t="s">
        <v>44</v>
      </c>
      <c r="DK6" s="356" t="s">
        <v>45</v>
      </c>
      <c r="DL6" s="357" t="s">
        <v>46</v>
      </c>
      <c r="DM6" s="355" t="s">
        <v>47</v>
      </c>
      <c r="DN6" s="355" t="s">
        <v>48</v>
      </c>
      <c r="DO6" s="355" t="s">
        <v>49</v>
      </c>
      <c r="DP6" s="355" t="s">
        <v>50</v>
      </c>
      <c r="DQ6" s="355" t="s">
        <v>51</v>
      </c>
      <c r="DR6" s="356" t="s">
        <v>45</v>
      </c>
      <c r="DS6" s="358" t="s">
        <v>52</v>
      </c>
      <c r="DT6" s="354" t="s">
        <v>43</v>
      </c>
      <c r="DU6" s="355" t="s">
        <v>44</v>
      </c>
      <c r="DV6" s="356" t="s">
        <v>45</v>
      </c>
      <c r="DW6" s="357" t="s">
        <v>46</v>
      </c>
      <c r="DX6" s="355" t="s">
        <v>47</v>
      </c>
      <c r="DY6" s="355" t="s">
        <v>48</v>
      </c>
      <c r="DZ6" s="355" t="s">
        <v>49</v>
      </c>
      <c r="EA6" s="355" t="s">
        <v>50</v>
      </c>
      <c r="EB6" s="355" t="s">
        <v>51</v>
      </c>
      <c r="EC6" s="356" t="s">
        <v>45</v>
      </c>
      <c r="ED6" s="358" t="s">
        <v>52</v>
      </c>
      <c r="EE6" s="354" t="s">
        <v>43</v>
      </c>
      <c r="EF6" s="355" t="s">
        <v>44</v>
      </c>
      <c r="EG6" s="356" t="s">
        <v>45</v>
      </c>
      <c r="EH6" s="357" t="s">
        <v>46</v>
      </c>
      <c r="EI6" s="355" t="s">
        <v>47</v>
      </c>
      <c r="EJ6" s="355" t="s">
        <v>48</v>
      </c>
      <c r="EK6" s="355" t="s">
        <v>49</v>
      </c>
      <c r="EL6" s="355" t="s">
        <v>50</v>
      </c>
      <c r="EM6" s="355" t="s">
        <v>51</v>
      </c>
      <c r="EN6" s="356" t="s">
        <v>45</v>
      </c>
      <c r="EO6" s="358" t="s">
        <v>52</v>
      </c>
      <c r="EP6" s="354" t="s">
        <v>43</v>
      </c>
      <c r="EQ6" s="355" t="s">
        <v>44</v>
      </c>
      <c r="ER6" s="356" t="s">
        <v>45</v>
      </c>
      <c r="ES6" s="357" t="s">
        <v>46</v>
      </c>
      <c r="ET6" s="355" t="s">
        <v>47</v>
      </c>
      <c r="EU6" s="355" t="s">
        <v>48</v>
      </c>
      <c r="EV6" s="355" t="s">
        <v>49</v>
      </c>
      <c r="EW6" s="355" t="s">
        <v>50</v>
      </c>
      <c r="EX6" s="355" t="s">
        <v>51</v>
      </c>
      <c r="EY6" s="356" t="s">
        <v>45</v>
      </c>
      <c r="EZ6" s="358" t="s">
        <v>52</v>
      </c>
      <c r="FA6" s="354" t="s">
        <v>43</v>
      </c>
      <c r="FB6" s="355" t="s">
        <v>44</v>
      </c>
      <c r="FC6" s="356" t="s">
        <v>45</v>
      </c>
      <c r="FD6" s="357" t="s">
        <v>46</v>
      </c>
      <c r="FE6" s="355" t="s">
        <v>47</v>
      </c>
      <c r="FF6" s="355" t="s">
        <v>48</v>
      </c>
      <c r="FG6" s="355" t="s">
        <v>49</v>
      </c>
      <c r="FH6" s="355" t="s">
        <v>50</v>
      </c>
      <c r="FI6" s="355" t="s">
        <v>51</v>
      </c>
      <c r="FJ6" s="356" t="s">
        <v>45</v>
      </c>
      <c r="FK6" s="358" t="s">
        <v>52</v>
      </c>
      <c r="FL6" s="354" t="s">
        <v>43</v>
      </c>
      <c r="FM6" s="355" t="s">
        <v>44</v>
      </c>
      <c r="FN6" s="356" t="s">
        <v>45</v>
      </c>
      <c r="FO6" s="357" t="s">
        <v>46</v>
      </c>
      <c r="FP6" s="355" t="s">
        <v>47</v>
      </c>
      <c r="FQ6" s="355" t="s">
        <v>48</v>
      </c>
      <c r="FR6" s="355" t="s">
        <v>49</v>
      </c>
      <c r="FS6" s="355" t="s">
        <v>50</v>
      </c>
      <c r="FT6" s="355" t="s">
        <v>51</v>
      </c>
      <c r="FU6" s="356" t="s">
        <v>45</v>
      </c>
      <c r="FV6" s="358" t="s">
        <v>52</v>
      </c>
      <c r="FW6" s="354" t="s">
        <v>43</v>
      </c>
      <c r="FX6" s="355" t="s">
        <v>44</v>
      </c>
      <c r="FY6" s="356" t="s">
        <v>45</v>
      </c>
      <c r="FZ6" s="357" t="s">
        <v>46</v>
      </c>
      <c r="GA6" s="355" t="s">
        <v>47</v>
      </c>
      <c r="GB6" s="355" t="s">
        <v>48</v>
      </c>
      <c r="GC6" s="355" t="s">
        <v>49</v>
      </c>
      <c r="GD6" s="355" t="s">
        <v>50</v>
      </c>
      <c r="GE6" s="355" t="s">
        <v>51</v>
      </c>
      <c r="GF6" s="356" t="s">
        <v>45</v>
      </c>
      <c r="GG6" s="358" t="s">
        <v>52</v>
      </c>
      <c r="GH6" s="354" t="s">
        <v>43</v>
      </c>
      <c r="GI6" s="355" t="s">
        <v>44</v>
      </c>
      <c r="GJ6" s="356" t="s">
        <v>45</v>
      </c>
      <c r="GK6" s="357" t="s">
        <v>46</v>
      </c>
      <c r="GL6" s="355" t="s">
        <v>47</v>
      </c>
      <c r="GM6" s="355" t="s">
        <v>48</v>
      </c>
      <c r="GN6" s="355" t="s">
        <v>49</v>
      </c>
      <c r="GO6" s="355" t="s">
        <v>50</v>
      </c>
      <c r="GP6" s="355" t="s">
        <v>51</v>
      </c>
      <c r="GQ6" s="356" t="s">
        <v>45</v>
      </c>
      <c r="GR6" s="358" t="s">
        <v>52</v>
      </c>
      <c r="GS6" s="51" t="s">
        <v>43</v>
      </c>
      <c r="GT6" s="47" t="s">
        <v>44</v>
      </c>
      <c r="GU6" s="48" t="s">
        <v>45</v>
      </c>
      <c r="GV6" s="52" t="s">
        <v>46</v>
      </c>
      <c r="GW6" s="47" t="s">
        <v>47</v>
      </c>
      <c r="GX6" s="47" t="s">
        <v>48</v>
      </c>
      <c r="GY6" s="47" t="s">
        <v>49</v>
      </c>
      <c r="GZ6" s="47" t="s">
        <v>50</v>
      </c>
      <c r="HA6" s="47" t="s">
        <v>51</v>
      </c>
      <c r="HB6" s="48" t="s">
        <v>45</v>
      </c>
      <c r="HC6" s="53" t="s">
        <v>52</v>
      </c>
      <c r="HD6" s="354" t="s">
        <v>43</v>
      </c>
      <c r="HE6" s="355" t="s">
        <v>44</v>
      </c>
      <c r="HF6" s="356" t="s">
        <v>45</v>
      </c>
      <c r="HG6" s="357" t="s">
        <v>46</v>
      </c>
      <c r="HH6" s="355" t="s">
        <v>47</v>
      </c>
      <c r="HI6" s="355" t="s">
        <v>48</v>
      </c>
      <c r="HJ6" s="355" t="s">
        <v>49</v>
      </c>
      <c r="HK6" s="355" t="s">
        <v>50</v>
      </c>
      <c r="HL6" s="355" t="s">
        <v>51</v>
      </c>
      <c r="HM6" s="356" t="s">
        <v>45</v>
      </c>
      <c r="HN6" s="358" t="s">
        <v>52</v>
      </c>
      <c r="HO6" s="354" t="s">
        <v>43</v>
      </c>
      <c r="HP6" s="355" t="s">
        <v>44</v>
      </c>
      <c r="HQ6" s="356" t="s">
        <v>45</v>
      </c>
      <c r="HR6" s="357" t="s">
        <v>46</v>
      </c>
      <c r="HS6" s="355" t="s">
        <v>47</v>
      </c>
      <c r="HT6" s="355" t="s">
        <v>48</v>
      </c>
      <c r="HU6" s="355" t="s">
        <v>49</v>
      </c>
      <c r="HV6" s="355" t="s">
        <v>50</v>
      </c>
      <c r="HW6" s="355" t="s">
        <v>51</v>
      </c>
      <c r="HX6" s="356" t="s">
        <v>45</v>
      </c>
      <c r="HY6" s="358" t="s">
        <v>52</v>
      </c>
      <c r="HZ6" s="354" t="s">
        <v>43</v>
      </c>
      <c r="IA6" s="355" t="s">
        <v>44</v>
      </c>
      <c r="IB6" s="356" t="s">
        <v>45</v>
      </c>
      <c r="IC6" s="357" t="s">
        <v>46</v>
      </c>
      <c r="ID6" s="355" t="s">
        <v>47</v>
      </c>
      <c r="IE6" s="355" t="s">
        <v>48</v>
      </c>
      <c r="IF6" s="355" t="s">
        <v>49</v>
      </c>
      <c r="IG6" s="355" t="s">
        <v>50</v>
      </c>
      <c r="IH6" s="355" t="s">
        <v>51</v>
      </c>
      <c r="II6" s="356" t="s">
        <v>45</v>
      </c>
      <c r="IJ6" s="358" t="s">
        <v>52</v>
      </c>
      <c r="IK6" s="354" t="s">
        <v>43</v>
      </c>
      <c r="IL6" s="355" t="s">
        <v>44</v>
      </c>
      <c r="IM6" s="356" t="s">
        <v>45</v>
      </c>
      <c r="IN6" s="357" t="s">
        <v>46</v>
      </c>
      <c r="IO6" s="355" t="s">
        <v>47</v>
      </c>
      <c r="IP6" s="355" t="s">
        <v>48</v>
      </c>
      <c r="IQ6" s="355" t="s">
        <v>49</v>
      </c>
      <c r="IR6" s="355" t="s">
        <v>50</v>
      </c>
      <c r="IS6" s="355" t="s">
        <v>51</v>
      </c>
      <c r="IT6" s="356" t="s">
        <v>45</v>
      </c>
      <c r="IU6" s="358" t="s">
        <v>52</v>
      </c>
      <c r="IV6" s="354" t="s">
        <v>43</v>
      </c>
      <c r="IW6" s="355" t="s">
        <v>44</v>
      </c>
      <c r="IX6" s="356" t="s">
        <v>45</v>
      </c>
      <c r="IY6" s="357" t="s">
        <v>46</v>
      </c>
      <c r="IZ6" s="355" t="s">
        <v>47</v>
      </c>
      <c r="JA6" s="355" t="s">
        <v>48</v>
      </c>
      <c r="JB6" s="355" t="s">
        <v>49</v>
      </c>
      <c r="JC6" s="355" t="s">
        <v>50</v>
      </c>
      <c r="JD6" s="355" t="s">
        <v>51</v>
      </c>
      <c r="JE6" s="356" t="s">
        <v>45</v>
      </c>
      <c r="JF6" s="358" t="s">
        <v>52</v>
      </c>
      <c r="JG6" s="354" t="s">
        <v>43</v>
      </c>
      <c r="JH6" s="355" t="s">
        <v>44</v>
      </c>
      <c r="JI6" s="356" t="s">
        <v>45</v>
      </c>
      <c r="JJ6" s="357" t="s">
        <v>46</v>
      </c>
      <c r="JK6" s="355" t="s">
        <v>47</v>
      </c>
      <c r="JL6" s="355" t="s">
        <v>48</v>
      </c>
      <c r="JM6" s="355" t="s">
        <v>49</v>
      </c>
      <c r="JN6" s="355" t="s">
        <v>50</v>
      </c>
      <c r="JO6" s="355" t="s">
        <v>51</v>
      </c>
      <c r="JP6" s="356" t="s">
        <v>45</v>
      </c>
      <c r="JQ6" s="358" t="s">
        <v>52</v>
      </c>
      <c r="JR6" s="354" t="s">
        <v>43</v>
      </c>
      <c r="JS6" s="355" t="s">
        <v>44</v>
      </c>
      <c r="JT6" s="356" t="s">
        <v>45</v>
      </c>
      <c r="JU6" s="357" t="s">
        <v>46</v>
      </c>
      <c r="JV6" s="355" t="s">
        <v>47</v>
      </c>
      <c r="JW6" s="355" t="s">
        <v>48</v>
      </c>
      <c r="JX6" s="355" t="s">
        <v>49</v>
      </c>
      <c r="JY6" s="355" t="s">
        <v>50</v>
      </c>
      <c r="JZ6" s="355" t="s">
        <v>51</v>
      </c>
      <c r="KA6" s="356" t="s">
        <v>45</v>
      </c>
      <c r="KB6" s="358" t="s">
        <v>52</v>
      </c>
      <c r="KC6" s="354" t="s">
        <v>43</v>
      </c>
      <c r="KD6" s="355" t="s">
        <v>44</v>
      </c>
      <c r="KE6" s="356" t="s">
        <v>45</v>
      </c>
      <c r="KF6" s="357" t="s">
        <v>46</v>
      </c>
      <c r="KG6" s="355" t="s">
        <v>47</v>
      </c>
      <c r="KH6" s="355" t="s">
        <v>48</v>
      </c>
      <c r="KI6" s="355" t="s">
        <v>49</v>
      </c>
      <c r="KJ6" s="355" t="s">
        <v>50</v>
      </c>
      <c r="KK6" s="355" t="s">
        <v>51</v>
      </c>
      <c r="KL6" s="356" t="s">
        <v>45</v>
      </c>
      <c r="KM6" s="358" t="s">
        <v>52</v>
      </c>
    </row>
    <row r="7" spans="2:299" ht="21" customHeight="1" x14ac:dyDescent="0.2">
      <c r="B7" s="125" t="s">
        <v>4</v>
      </c>
      <c r="C7" s="312">
        <v>20034</v>
      </c>
      <c r="D7" s="78">
        <v>20532</v>
      </c>
      <c r="E7" s="79">
        <v>40566</v>
      </c>
      <c r="F7" s="240"/>
      <c r="G7" s="78">
        <v>30502</v>
      </c>
      <c r="H7" s="78">
        <v>30262</v>
      </c>
      <c r="I7" s="78">
        <v>20586</v>
      </c>
      <c r="J7" s="78">
        <v>17437</v>
      </c>
      <c r="K7" s="78">
        <v>10673</v>
      </c>
      <c r="L7" s="80">
        <v>109460</v>
      </c>
      <c r="M7" s="81">
        <v>150026</v>
      </c>
      <c r="N7" s="66">
        <v>840</v>
      </c>
      <c r="O7" s="67">
        <v>1006</v>
      </c>
      <c r="P7" s="68">
        <v>1846</v>
      </c>
      <c r="Q7" s="243"/>
      <c r="R7" s="67">
        <v>1324</v>
      </c>
      <c r="S7" s="67">
        <v>1509</v>
      </c>
      <c r="T7" s="67">
        <v>1005</v>
      </c>
      <c r="U7" s="67">
        <v>934</v>
      </c>
      <c r="V7" s="67">
        <v>754</v>
      </c>
      <c r="W7" s="68">
        <v>5526</v>
      </c>
      <c r="X7" s="69">
        <v>7372</v>
      </c>
      <c r="Y7" s="66">
        <v>1903</v>
      </c>
      <c r="Z7" s="67">
        <v>2333</v>
      </c>
      <c r="AA7" s="68">
        <v>4236</v>
      </c>
      <c r="AB7" s="243"/>
      <c r="AC7" s="67">
        <v>2847</v>
      </c>
      <c r="AD7" s="67">
        <v>3441</v>
      </c>
      <c r="AE7" s="67">
        <v>2313</v>
      </c>
      <c r="AF7" s="67">
        <v>1969</v>
      </c>
      <c r="AG7" s="67">
        <v>1495</v>
      </c>
      <c r="AH7" s="68">
        <v>12065</v>
      </c>
      <c r="AI7" s="69">
        <v>16301</v>
      </c>
      <c r="AJ7" s="66">
        <v>3122</v>
      </c>
      <c r="AK7" s="67">
        <v>3444</v>
      </c>
      <c r="AL7" s="68">
        <v>6566</v>
      </c>
      <c r="AM7" s="243"/>
      <c r="AN7" s="67">
        <v>4914</v>
      </c>
      <c r="AO7" s="67">
        <v>4981</v>
      </c>
      <c r="AP7" s="67">
        <v>3409</v>
      </c>
      <c r="AQ7" s="67">
        <v>2895</v>
      </c>
      <c r="AR7" s="67">
        <v>1933</v>
      </c>
      <c r="AS7" s="68">
        <v>18132</v>
      </c>
      <c r="AT7" s="69">
        <v>24698</v>
      </c>
      <c r="AU7" s="66">
        <v>5175</v>
      </c>
      <c r="AV7" s="67">
        <v>5019</v>
      </c>
      <c r="AW7" s="68">
        <v>10194</v>
      </c>
      <c r="AX7" s="243"/>
      <c r="AY7" s="67">
        <v>7712</v>
      </c>
      <c r="AZ7" s="67">
        <v>7208</v>
      </c>
      <c r="BA7" s="67">
        <v>4707</v>
      </c>
      <c r="BB7" s="67">
        <v>3902</v>
      </c>
      <c r="BC7" s="67">
        <v>2422</v>
      </c>
      <c r="BD7" s="68">
        <v>25951</v>
      </c>
      <c r="BE7" s="69">
        <v>36145</v>
      </c>
      <c r="BF7" s="66">
        <v>5727</v>
      </c>
      <c r="BG7" s="67">
        <v>5293</v>
      </c>
      <c r="BH7" s="68">
        <v>11020</v>
      </c>
      <c r="BI7" s="243"/>
      <c r="BJ7" s="67">
        <v>8211</v>
      </c>
      <c r="BK7" s="67">
        <v>7358</v>
      </c>
      <c r="BL7" s="67">
        <v>5040</v>
      </c>
      <c r="BM7" s="67">
        <v>4199</v>
      </c>
      <c r="BN7" s="67">
        <v>2290</v>
      </c>
      <c r="BO7" s="68">
        <v>27098</v>
      </c>
      <c r="BP7" s="69">
        <v>38118</v>
      </c>
      <c r="BQ7" s="66">
        <v>3267</v>
      </c>
      <c r="BR7" s="67">
        <v>3437</v>
      </c>
      <c r="BS7" s="68">
        <v>6704</v>
      </c>
      <c r="BT7" s="243"/>
      <c r="BU7" s="67">
        <v>5494</v>
      </c>
      <c r="BV7" s="67">
        <v>5765</v>
      </c>
      <c r="BW7" s="67">
        <v>4112</v>
      </c>
      <c r="BX7" s="67">
        <v>3538</v>
      </c>
      <c r="BY7" s="67">
        <v>1779</v>
      </c>
      <c r="BZ7" s="68">
        <v>20688</v>
      </c>
      <c r="CA7" s="69">
        <v>27392</v>
      </c>
      <c r="CB7" s="66">
        <v>508</v>
      </c>
      <c r="CC7" s="67">
        <v>786</v>
      </c>
      <c r="CD7" s="68">
        <v>1294</v>
      </c>
      <c r="CE7" s="243"/>
      <c r="CF7" s="67">
        <v>865</v>
      </c>
      <c r="CG7" s="67">
        <v>1356</v>
      </c>
      <c r="CH7" s="67">
        <v>849</v>
      </c>
      <c r="CI7" s="67">
        <v>814</v>
      </c>
      <c r="CJ7" s="67">
        <v>729</v>
      </c>
      <c r="CK7" s="68">
        <v>4613</v>
      </c>
      <c r="CL7" s="69">
        <v>5907</v>
      </c>
      <c r="CM7" s="66">
        <v>20542</v>
      </c>
      <c r="CN7" s="67">
        <v>21318</v>
      </c>
      <c r="CO7" s="68">
        <v>41860</v>
      </c>
      <c r="CP7" s="243"/>
      <c r="CQ7" s="67">
        <v>31367</v>
      </c>
      <c r="CR7" s="67">
        <v>31618</v>
      </c>
      <c r="CS7" s="67">
        <v>21435</v>
      </c>
      <c r="CT7" s="67">
        <v>18251</v>
      </c>
      <c r="CU7" s="67">
        <v>11402</v>
      </c>
      <c r="CV7" s="68">
        <v>114073</v>
      </c>
      <c r="CW7" s="69">
        <v>155933</v>
      </c>
      <c r="CX7" s="122">
        <v>38665</v>
      </c>
      <c r="CY7" s="78">
        <v>44746</v>
      </c>
      <c r="CZ7" s="79">
        <v>83411</v>
      </c>
      <c r="DA7" s="240"/>
      <c r="DB7" s="78">
        <v>55643</v>
      </c>
      <c r="DC7" s="78">
        <v>52578</v>
      </c>
      <c r="DD7" s="78">
        <v>39296</v>
      </c>
      <c r="DE7" s="78">
        <v>38759</v>
      </c>
      <c r="DF7" s="78">
        <v>25872</v>
      </c>
      <c r="DG7" s="80">
        <v>212148</v>
      </c>
      <c r="DH7" s="81">
        <v>295559</v>
      </c>
      <c r="DI7" s="66">
        <v>840</v>
      </c>
      <c r="DJ7" s="67">
        <v>1042</v>
      </c>
      <c r="DK7" s="68">
        <v>1882</v>
      </c>
      <c r="DL7" s="243"/>
      <c r="DM7" s="67">
        <v>976</v>
      </c>
      <c r="DN7" s="67">
        <v>1030</v>
      </c>
      <c r="DO7" s="67">
        <v>687</v>
      </c>
      <c r="DP7" s="67">
        <v>700</v>
      </c>
      <c r="DQ7" s="67">
        <v>592</v>
      </c>
      <c r="DR7" s="68">
        <v>3985</v>
      </c>
      <c r="DS7" s="69">
        <v>5867</v>
      </c>
      <c r="DT7" s="66">
        <v>2587</v>
      </c>
      <c r="DU7" s="67">
        <v>3089</v>
      </c>
      <c r="DV7" s="68">
        <v>5676</v>
      </c>
      <c r="DW7" s="243"/>
      <c r="DX7" s="67">
        <v>2898</v>
      </c>
      <c r="DY7" s="67">
        <v>2903</v>
      </c>
      <c r="DZ7" s="67">
        <v>1808</v>
      </c>
      <c r="EA7" s="67">
        <v>1808</v>
      </c>
      <c r="EB7" s="67">
        <v>1418</v>
      </c>
      <c r="EC7" s="68">
        <v>10835</v>
      </c>
      <c r="ED7" s="69">
        <v>16511</v>
      </c>
      <c r="EE7" s="66">
        <v>6079</v>
      </c>
      <c r="EF7" s="67">
        <v>6727</v>
      </c>
      <c r="EG7" s="68">
        <v>12806</v>
      </c>
      <c r="EH7" s="243"/>
      <c r="EI7" s="67">
        <v>6766</v>
      </c>
      <c r="EJ7" s="67">
        <v>5681</v>
      </c>
      <c r="EK7" s="67">
        <v>3790</v>
      </c>
      <c r="EL7" s="67">
        <v>3378</v>
      </c>
      <c r="EM7" s="67">
        <v>2755</v>
      </c>
      <c r="EN7" s="68">
        <v>22370</v>
      </c>
      <c r="EO7" s="69">
        <v>35176</v>
      </c>
      <c r="EP7" s="66">
        <v>11791</v>
      </c>
      <c r="EQ7" s="67">
        <v>12065</v>
      </c>
      <c r="ER7" s="68">
        <v>23856</v>
      </c>
      <c r="ES7" s="243"/>
      <c r="ET7" s="67">
        <v>13375</v>
      </c>
      <c r="EU7" s="67">
        <v>11033</v>
      </c>
      <c r="EV7" s="67">
        <v>7214</v>
      </c>
      <c r="EW7" s="67">
        <v>6506</v>
      </c>
      <c r="EX7" s="67">
        <v>4469</v>
      </c>
      <c r="EY7" s="68">
        <v>42597</v>
      </c>
      <c r="EZ7" s="69">
        <v>66453</v>
      </c>
      <c r="FA7" s="66">
        <v>11383</v>
      </c>
      <c r="FB7" s="67">
        <v>13176</v>
      </c>
      <c r="FC7" s="68">
        <v>24559</v>
      </c>
      <c r="FD7" s="243"/>
      <c r="FE7" s="67">
        <v>17143</v>
      </c>
      <c r="FF7" s="67">
        <v>15184</v>
      </c>
      <c r="FG7" s="67">
        <v>10806</v>
      </c>
      <c r="FH7" s="67">
        <v>9880</v>
      </c>
      <c r="FI7" s="67">
        <v>6662</v>
      </c>
      <c r="FJ7" s="68">
        <v>59675</v>
      </c>
      <c r="FK7" s="69">
        <v>84234</v>
      </c>
      <c r="FL7" s="66">
        <v>5985</v>
      </c>
      <c r="FM7" s="67">
        <v>8647</v>
      </c>
      <c r="FN7" s="68">
        <v>14632</v>
      </c>
      <c r="FO7" s="243"/>
      <c r="FP7" s="67">
        <v>14485</v>
      </c>
      <c r="FQ7" s="67">
        <v>16747</v>
      </c>
      <c r="FR7" s="67">
        <v>14991</v>
      </c>
      <c r="FS7" s="67">
        <v>16487</v>
      </c>
      <c r="FT7" s="67">
        <v>9976</v>
      </c>
      <c r="FU7" s="68">
        <v>72686</v>
      </c>
      <c r="FV7" s="69">
        <v>87318</v>
      </c>
      <c r="FW7" s="66">
        <v>364</v>
      </c>
      <c r="FX7" s="67">
        <v>689</v>
      </c>
      <c r="FY7" s="68">
        <v>1053</v>
      </c>
      <c r="FZ7" s="243"/>
      <c r="GA7" s="67">
        <v>692</v>
      </c>
      <c r="GB7" s="67">
        <v>1052</v>
      </c>
      <c r="GC7" s="67">
        <v>622</v>
      </c>
      <c r="GD7" s="67">
        <v>592</v>
      </c>
      <c r="GE7" s="67">
        <v>630</v>
      </c>
      <c r="GF7" s="68">
        <v>3588</v>
      </c>
      <c r="GG7" s="69">
        <v>4641</v>
      </c>
      <c r="GH7" s="66">
        <v>39029</v>
      </c>
      <c r="GI7" s="67">
        <v>45435</v>
      </c>
      <c r="GJ7" s="68">
        <v>84464</v>
      </c>
      <c r="GK7" s="243"/>
      <c r="GL7" s="67">
        <v>56335</v>
      </c>
      <c r="GM7" s="67">
        <v>53630</v>
      </c>
      <c r="GN7" s="67">
        <v>39918</v>
      </c>
      <c r="GO7" s="67">
        <v>39351</v>
      </c>
      <c r="GP7" s="67">
        <v>26502</v>
      </c>
      <c r="GQ7" s="68">
        <v>215736</v>
      </c>
      <c r="GR7" s="69">
        <v>300200</v>
      </c>
      <c r="GS7" s="122">
        <v>58699</v>
      </c>
      <c r="GT7" s="78">
        <v>65278</v>
      </c>
      <c r="GU7" s="79">
        <v>123977</v>
      </c>
      <c r="GV7" s="240"/>
      <c r="GW7" s="78">
        <v>86145</v>
      </c>
      <c r="GX7" s="78">
        <v>82840</v>
      </c>
      <c r="GY7" s="78">
        <v>59882</v>
      </c>
      <c r="GZ7" s="78">
        <v>56196</v>
      </c>
      <c r="HA7" s="78">
        <v>36545</v>
      </c>
      <c r="HB7" s="80">
        <v>321608</v>
      </c>
      <c r="HC7" s="81">
        <v>445585</v>
      </c>
      <c r="HD7" s="66">
        <v>1680</v>
      </c>
      <c r="HE7" s="67">
        <v>2048</v>
      </c>
      <c r="HF7" s="68">
        <v>3728</v>
      </c>
      <c r="HG7" s="243"/>
      <c r="HH7" s="67">
        <v>2300</v>
      </c>
      <c r="HI7" s="67">
        <v>2539</v>
      </c>
      <c r="HJ7" s="67">
        <v>1692</v>
      </c>
      <c r="HK7" s="67">
        <v>1634</v>
      </c>
      <c r="HL7" s="67">
        <v>1346</v>
      </c>
      <c r="HM7" s="68">
        <v>9511</v>
      </c>
      <c r="HN7" s="69">
        <v>13239</v>
      </c>
      <c r="HO7" s="66">
        <v>4490</v>
      </c>
      <c r="HP7" s="67">
        <v>5422</v>
      </c>
      <c r="HQ7" s="68">
        <v>9912</v>
      </c>
      <c r="HR7" s="243"/>
      <c r="HS7" s="67">
        <v>5745</v>
      </c>
      <c r="HT7" s="67">
        <v>6344</v>
      </c>
      <c r="HU7" s="67">
        <v>4121</v>
      </c>
      <c r="HV7" s="67">
        <v>3777</v>
      </c>
      <c r="HW7" s="67">
        <v>2913</v>
      </c>
      <c r="HX7" s="68">
        <v>22900</v>
      </c>
      <c r="HY7" s="69">
        <v>32812</v>
      </c>
      <c r="HZ7" s="66">
        <v>9201</v>
      </c>
      <c r="IA7" s="67">
        <v>10171</v>
      </c>
      <c r="IB7" s="68">
        <v>19372</v>
      </c>
      <c r="IC7" s="243"/>
      <c r="ID7" s="67">
        <v>11680</v>
      </c>
      <c r="IE7" s="67">
        <v>10662</v>
      </c>
      <c r="IF7" s="67">
        <v>7199</v>
      </c>
      <c r="IG7" s="67">
        <v>6273</v>
      </c>
      <c r="IH7" s="67">
        <v>4688</v>
      </c>
      <c r="II7" s="68">
        <v>40502</v>
      </c>
      <c r="IJ7" s="69">
        <v>59874</v>
      </c>
      <c r="IK7" s="66">
        <v>16966</v>
      </c>
      <c r="IL7" s="67">
        <v>17084</v>
      </c>
      <c r="IM7" s="68">
        <v>34050</v>
      </c>
      <c r="IN7" s="243"/>
      <c r="IO7" s="67">
        <v>21087</v>
      </c>
      <c r="IP7" s="67">
        <v>18241</v>
      </c>
      <c r="IQ7" s="67">
        <v>11921</v>
      </c>
      <c r="IR7" s="67">
        <v>10408</v>
      </c>
      <c r="IS7" s="67">
        <v>6891</v>
      </c>
      <c r="IT7" s="68">
        <v>68548</v>
      </c>
      <c r="IU7" s="69">
        <v>102598</v>
      </c>
      <c r="IV7" s="66">
        <v>17110</v>
      </c>
      <c r="IW7" s="67">
        <v>18469</v>
      </c>
      <c r="IX7" s="68">
        <v>35579</v>
      </c>
      <c r="IY7" s="243"/>
      <c r="IZ7" s="67">
        <v>25354</v>
      </c>
      <c r="JA7" s="67">
        <v>22542</v>
      </c>
      <c r="JB7" s="67">
        <v>15846</v>
      </c>
      <c r="JC7" s="67">
        <v>14079</v>
      </c>
      <c r="JD7" s="67">
        <v>8952</v>
      </c>
      <c r="JE7" s="68">
        <v>86773</v>
      </c>
      <c r="JF7" s="69">
        <v>122352</v>
      </c>
      <c r="JG7" s="66">
        <v>9252</v>
      </c>
      <c r="JH7" s="67">
        <v>12084</v>
      </c>
      <c r="JI7" s="68">
        <v>21336</v>
      </c>
      <c r="JJ7" s="243"/>
      <c r="JK7" s="67">
        <v>19979</v>
      </c>
      <c r="JL7" s="67">
        <v>22512</v>
      </c>
      <c r="JM7" s="67">
        <v>19103</v>
      </c>
      <c r="JN7" s="67">
        <v>20025</v>
      </c>
      <c r="JO7" s="67">
        <v>11755</v>
      </c>
      <c r="JP7" s="68">
        <v>93374</v>
      </c>
      <c r="JQ7" s="69">
        <v>114710</v>
      </c>
      <c r="JR7" s="66">
        <v>872</v>
      </c>
      <c r="JS7" s="67">
        <v>1475</v>
      </c>
      <c r="JT7" s="68">
        <v>2347</v>
      </c>
      <c r="JU7" s="243"/>
      <c r="JV7" s="67">
        <v>1557</v>
      </c>
      <c r="JW7" s="67">
        <v>2408</v>
      </c>
      <c r="JX7" s="67">
        <v>1471</v>
      </c>
      <c r="JY7" s="67">
        <v>1406</v>
      </c>
      <c r="JZ7" s="67">
        <v>1359</v>
      </c>
      <c r="KA7" s="68">
        <v>8201</v>
      </c>
      <c r="KB7" s="69">
        <v>10548</v>
      </c>
      <c r="KC7" s="66">
        <v>59571</v>
      </c>
      <c r="KD7" s="67">
        <v>66753</v>
      </c>
      <c r="KE7" s="68">
        <v>126324</v>
      </c>
      <c r="KF7" s="243"/>
      <c r="KG7" s="67">
        <v>87702</v>
      </c>
      <c r="KH7" s="67">
        <v>85248</v>
      </c>
      <c r="KI7" s="67">
        <v>61353</v>
      </c>
      <c r="KJ7" s="67">
        <v>57602</v>
      </c>
      <c r="KK7" s="67">
        <v>37904</v>
      </c>
      <c r="KL7" s="68">
        <v>329809</v>
      </c>
      <c r="KM7" s="69">
        <v>456133</v>
      </c>
    </row>
    <row r="8" spans="2:299" ht="21" customHeight="1" x14ac:dyDescent="0.2">
      <c r="B8" s="126" t="s">
        <v>5</v>
      </c>
      <c r="C8" s="313">
        <v>8042</v>
      </c>
      <c r="D8" s="82">
        <v>9654</v>
      </c>
      <c r="E8" s="83">
        <v>17696</v>
      </c>
      <c r="F8" s="241"/>
      <c r="G8" s="82">
        <v>10121</v>
      </c>
      <c r="H8" s="82">
        <v>13407</v>
      </c>
      <c r="I8" s="82">
        <v>8595</v>
      </c>
      <c r="J8" s="82">
        <v>7234</v>
      </c>
      <c r="K8" s="82">
        <v>4416</v>
      </c>
      <c r="L8" s="84">
        <v>43773</v>
      </c>
      <c r="M8" s="85">
        <v>61469</v>
      </c>
      <c r="N8" s="70">
        <v>325</v>
      </c>
      <c r="O8" s="71">
        <v>469</v>
      </c>
      <c r="P8" s="72">
        <v>794</v>
      </c>
      <c r="Q8" s="244"/>
      <c r="R8" s="71">
        <v>404</v>
      </c>
      <c r="S8" s="71">
        <v>677</v>
      </c>
      <c r="T8" s="71">
        <v>419</v>
      </c>
      <c r="U8" s="71">
        <v>389</v>
      </c>
      <c r="V8" s="71">
        <v>305</v>
      </c>
      <c r="W8" s="72">
        <v>2194</v>
      </c>
      <c r="X8" s="73">
        <v>2988</v>
      </c>
      <c r="Y8" s="70">
        <v>724</v>
      </c>
      <c r="Z8" s="71">
        <v>1041</v>
      </c>
      <c r="AA8" s="72">
        <v>1765</v>
      </c>
      <c r="AB8" s="244"/>
      <c r="AC8" s="71">
        <v>864</v>
      </c>
      <c r="AD8" s="71">
        <v>1512</v>
      </c>
      <c r="AE8" s="71">
        <v>983</v>
      </c>
      <c r="AF8" s="71">
        <v>801</v>
      </c>
      <c r="AG8" s="71">
        <v>638</v>
      </c>
      <c r="AH8" s="72">
        <v>4798</v>
      </c>
      <c r="AI8" s="73">
        <v>6563</v>
      </c>
      <c r="AJ8" s="70">
        <v>1200</v>
      </c>
      <c r="AK8" s="71">
        <v>1588</v>
      </c>
      <c r="AL8" s="72">
        <v>2788</v>
      </c>
      <c r="AM8" s="244"/>
      <c r="AN8" s="71">
        <v>1593</v>
      </c>
      <c r="AO8" s="71">
        <v>2174</v>
      </c>
      <c r="AP8" s="71">
        <v>1399</v>
      </c>
      <c r="AQ8" s="71">
        <v>1168</v>
      </c>
      <c r="AR8" s="71">
        <v>771</v>
      </c>
      <c r="AS8" s="72">
        <v>7105</v>
      </c>
      <c r="AT8" s="73">
        <v>9893</v>
      </c>
      <c r="AU8" s="70">
        <v>2037</v>
      </c>
      <c r="AV8" s="71">
        <v>2302</v>
      </c>
      <c r="AW8" s="72">
        <v>4339</v>
      </c>
      <c r="AX8" s="244"/>
      <c r="AY8" s="71">
        <v>2441</v>
      </c>
      <c r="AZ8" s="71">
        <v>3096</v>
      </c>
      <c r="BA8" s="71">
        <v>1872</v>
      </c>
      <c r="BB8" s="71">
        <v>1632</v>
      </c>
      <c r="BC8" s="71">
        <v>969</v>
      </c>
      <c r="BD8" s="72">
        <v>10010</v>
      </c>
      <c r="BE8" s="73">
        <v>14349</v>
      </c>
      <c r="BF8" s="70">
        <v>2414</v>
      </c>
      <c r="BG8" s="71">
        <v>2515</v>
      </c>
      <c r="BH8" s="72">
        <v>4929</v>
      </c>
      <c r="BI8" s="244"/>
      <c r="BJ8" s="71">
        <v>2884</v>
      </c>
      <c r="BK8" s="71">
        <v>3286</v>
      </c>
      <c r="BL8" s="71">
        <v>2106</v>
      </c>
      <c r="BM8" s="71">
        <v>1744</v>
      </c>
      <c r="BN8" s="71">
        <v>932</v>
      </c>
      <c r="BO8" s="72">
        <v>10952</v>
      </c>
      <c r="BP8" s="73">
        <v>15881</v>
      </c>
      <c r="BQ8" s="70">
        <v>1342</v>
      </c>
      <c r="BR8" s="71">
        <v>1739</v>
      </c>
      <c r="BS8" s="72">
        <v>3081</v>
      </c>
      <c r="BT8" s="244"/>
      <c r="BU8" s="71">
        <v>1935</v>
      </c>
      <c r="BV8" s="71">
        <v>2662</v>
      </c>
      <c r="BW8" s="71">
        <v>1816</v>
      </c>
      <c r="BX8" s="71">
        <v>1500</v>
      </c>
      <c r="BY8" s="71">
        <v>801</v>
      </c>
      <c r="BZ8" s="72">
        <v>8714</v>
      </c>
      <c r="CA8" s="73">
        <v>11795</v>
      </c>
      <c r="CB8" s="70">
        <v>181</v>
      </c>
      <c r="CC8" s="71">
        <v>347</v>
      </c>
      <c r="CD8" s="72">
        <v>528</v>
      </c>
      <c r="CE8" s="244"/>
      <c r="CF8" s="71">
        <v>243</v>
      </c>
      <c r="CG8" s="71">
        <v>610</v>
      </c>
      <c r="CH8" s="71">
        <v>381</v>
      </c>
      <c r="CI8" s="71">
        <v>332</v>
      </c>
      <c r="CJ8" s="71">
        <v>324</v>
      </c>
      <c r="CK8" s="72">
        <v>1890</v>
      </c>
      <c r="CL8" s="73">
        <v>2418</v>
      </c>
      <c r="CM8" s="70">
        <v>8223</v>
      </c>
      <c r="CN8" s="71">
        <v>10001</v>
      </c>
      <c r="CO8" s="72">
        <v>18224</v>
      </c>
      <c r="CP8" s="244"/>
      <c r="CQ8" s="71">
        <v>10364</v>
      </c>
      <c r="CR8" s="71">
        <v>14017</v>
      </c>
      <c r="CS8" s="71">
        <v>8976</v>
      </c>
      <c r="CT8" s="71">
        <v>7566</v>
      </c>
      <c r="CU8" s="71">
        <v>4740</v>
      </c>
      <c r="CV8" s="72">
        <v>45663</v>
      </c>
      <c r="CW8" s="73">
        <v>63887</v>
      </c>
      <c r="CX8" s="123">
        <v>15113</v>
      </c>
      <c r="CY8" s="82">
        <v>20024</v>
      </c>
      <c r="CZ8" s="83">
        <v>35137</v>
      </c>
      <c r="DA8" s="241"/>
      <c r="DB8" s="82">
        <v>19208</v>
      </c>
      <c r="DC8" s="82">
        <v>23806</v>
      </c>
      <c r="DD8" s="82">
        <v>16270</v>
      </c>
      <c r="DE8" s="82">
        <v>15991</v>
      </c>
      <c r="DF8" s="82">
        <v>10751</v>
      </c>
      <c r="DG8" s="84">
        <v>86026</v>
      </c>
      <c r="DH8" s="85">
        <v>121163</v>
      </c>
      <c r="DI8" s="70">
        <v>319</v>
      </c>
      <c r="DJ8" s="71">
        <v>448</v>
      </c>
      <c r="DK8" s="72">
        <v>767</v>
      </c>
      <c r="DL8" s="244"/>
      <c r="DM8" s="71">
        <v>287</v>
      </c>
      <c r="DN8" s="71">
        <v>473</v>
      </c>
      <c r="DO8" s="71">
        <v>263</v>
      </c>
      <c r="DP8" s="71">
        <v>294</v>
      </c>
      <c r="DQ8" s="71">
        <v>250</v>
      </c>
      <c r="DR8" s="72">
        <v>1567</v>
      </c>
      <c r="DS8" s="73">
        <v>2334</v>
      </c>
      <c r="DT8" s="70">
        <v>968</v>
      </c>
      <c r="DU8" s="71">
        <v>1340</v>
      </c>
      <c r="DV8" s="72">
        <v>2308</v>
      </c>
      <c r="DW8" s="244"/>
      <c r="DX8" s="71">
        <v>872</v>
      </c>
      <c r="DY8" s="71">
        <v>1263</v>
      </c>
      <c r="DZ8" s="71">
        <v>736</v>
      </c>
      <c r="EA8" s="71">
        <v>751</v>
      </c>
      <c r="EB8" s="71">
        <v>611</v>
      </c>
      <c r="EC8" s="72">
        <v>4233</v>
      </c>
      <c r="ED8" s="73">
        <v>6541</v>
      </c>
      <c r="EE8" s="70">
        <v>2332</v>
      </c>
      <c r="EF8" s="71">
        <v>2972</v>
      </c>
      <c r="EG8" s="72">
        <v>5304</v>
      </c>
      <c r="EH8" s="244"/>
      <c r="EI8" s="71">
        <v>2193</v>
      </c>
      <c r="EJ8" s="71">
        <v>2442</v>
      </c>
      <c r="EK8" s="71">
        <v>1506</v>
      </c>
      <c r="EL8" s="71">
        <v>1288</v>
      </c>
      <c r="EM8" s="71">
        <v>1129</v>
      </c>
      <c r="EN8" s="72">
        <v>8558</v>
      </c>
      <c r="EO8" s="73">
        <v>13862</v>
      </c>
      <c r="EP8" s="70">
        <v>4584</v>
      </c>
      <c r="EQ8" s="71">
        <v>5265</v>
      </c>
      <c r="ER8" s="72">
        <v>9849</v>
      </c>
      <c r="ES8" s="244"/>
      <c r="ET8" s="71">
        <v>4671</v>
      </c>
      <c r="EU8" s="71">
        <v>4945</v>
      </c>
      <c r="EV8" s="71">
        <v>2901</v>
      </c>
      <c r="EW8" s="71">
        <v>2642</v>
      </c>
      <c r="EX8" s="71">
        <v>1747</v>
      </c>
      <c r="EY8" s="72">
        <v>16906</v>
      </c>
      <c r="EZ8" s="73">
        <v>26755</v>
      </c>
      <c r="FA8" s="70">
        <v>4579</v>
      </c>
      <c r="FB8" s="71">
        <v>6070</v>
      </c>
      <c r="FC8" s="72">
        <v>10649</v>
      </c>
      <c r="FD8" s="244"/>
      <c r="FE8" s="71">
        <v>6170</v>
      </c>
      <c r="FF8" s="71">
        <v>6995</v>
      </c>
      <c r="FG8" s="71">
        <v>4582</v>
      </c>
      <c r="FH8" s="71">
        <v>4176</v>
      </c>
      <c r="FI8" s="71">
        <v>2817</v>
      </c>
      <c r="FJ8" s="72">
        <v>24740</v>
      </c>
      <c r="FK8" s="73">
        <v>35389</v>
      </c>
      <c r="FL8" s="70">
        <v>2331</v>
      </c>
      <c r="FM8" s="71">
        <v>3929</v>
      </c>
      <c r="FN8" s="72">
        <v>6260</v>
      </c>
      <c r="FO8" s="244"/>
      <c r="FP8" s="71">
        <v>5015</v>
      </c>
      <c r="FQ8" s="71">
        <v>7688</v>
      </c>
      <c r="FR8" s="71">
        <v>6282</v>
      </c>
      <c r="FS8" s="71">
        <v>6840</v>
      </c>
      <c r="FT8" s="71">
        <v>4197</v>
      </c>
      <c r="FU8" s="72">
        <v>30022</v>
      </c>
      <c r="FV8" s="73">
        <v>36282</v>
      </c>
      <c r="FW8" s="70">
        <v>145</v>
      </c>
      <c r="FX8" s="71">
        <v>290</v>
      </c>
      <c r="FY8" s="72">
        <v>435</v>
      </c>
      <c r="FZ8" s="244"/>
      <c r="GA8" s="71">
        <v>197</v>
      </c>
      <c r="GB8" s="71">
        <v>465</v>
      </c>
      <c r="GC8" s="71">
        <v>266</v>
      </c>
      <c r="GD8" s="71">
        <v>244</v>
      </c>
      <c r="GE8" s="71">
        <v>256</v>
      </c>
      <c r="GF8" s="72">
        <v>1428</v>
      </c>
      <c r="GG8" s="73">
        <v>1863</v>
      </c>
      <c r="GH8" s="70">
        <v>15258</v>
      </c>
      <c r="GI8" s="71">
        <v>20314</v>
      </c>
      <c r="GJ8" s="72">
        <v>35572</v>
      </c>
      <c r="GK8" s="244"/>
      <c r="GL8" s="71">
        <v>19405</v>
      </c>
      <c r="GM8" s="71">
        <v>24271</v>
      </c>
      <c r="GN8" s="71">
        <v>16536</v>
      </c>
      <c r="GO8" s="71">
        <v>16235</v>
      </c>
      <c r="GP8" s="71">
        <v>11007</v>
      </c>
      <c r="GQ8" s="72">
        <v>87454</v>
      </c>
      <c r="GR8" s="73">
        <v>123026</v>
      </c>
      <c r="GS8" s="123">
        <v>23155</v>
      </c>
      <c r="GT8" s="82">
        <v>29678</v>
      </c>
      <c r="GU8" s="83">
        <v>52833</v>
      </c>
      <c r="GV8" s="241"/>
      <c r="GW8" s="82">
        <v>29329</v>
      </c>
      <c r="GX8" s="82">
        <v>37213</v>
      </c>
      <c r="GY8" s="82">
        <v>24865</v>
      </c>
      <c r="GZ8" s="82">
        <v>23225</v>
      </c>
      <c r="HA8" s="82">
        <v>15167</v>
      </c>
      <c r="HB8" s="84">
        <v>129799</v>
      </c>
      <c r="HC8" s="85">
        <v>182632</v>
      </c>
      <c r="HD8" s="70">
        <v>644</v>
      </c>
      <c r="HE8" s="71">
        <v>917</v>
      </c>
      <c r="HF8" s="72">
        <v>1561</v>
      </c>
      <c r="HG8" s="244"/>
      <c r="HH8" s="71">
        <v>691</v>
      </c>
      <c r="HI8" s="71">
        <v>1150</v>
      </c>
      <c r="HJ8" s="71">
        <v>682</v>
      </c>
      <c r="HK8" s="71">
        <v>683</v>
      </c>
      <c r="HL8" s="71">
        <v>555</v>
      </c>
      <c r="HM8" s="72">
        <v>3761</v>
      </c>
      <c r="HN8" s="73">
        <v>5322</v>
      </c>
      <c r="HO8" s="70">
        <v>1692</v>
      </c>
      <c r="HP8" s="71">
        <v>2381</v>
      </c>
      <c r="HQ8" s="72">
        <v>4073</v>
      </c>
      <c r="HR8" s="244"/>
      <c r="HS8" s="71">
        <v>1736</v>
      </c>
      <c r="HT8" s="71">
        <v>2775</v>
      </c>
      <c r="HU8" s="71">
        <v>1719</v>
      </c>
      <c r="HV8" s="71">
        <v>1552</v>
      </c>
      <c r="HW8" s="71">
        <v>1249</v>
      </c>
      <c r="HX8" s="72">
        <v>9031</v>
      </c>
      <c r="HY8" s="73">
        <v>13104</v>
      </c>
      <c r="HZ8" s="70">
        <v>3532</v>
      </c>
      <c r="IA8" s="71">
        <v>4560</v>
      </c>
      <c r="IB8" s="72">
        <v>8092</v>
      </c>
      <c r="IC8" s="244"/>
      <c r="ID8" s="71">
        <v>3786</v>
      </c>
      <c r="IE8" s="71">
        <v>4616</v>
      </c>
      <c r="IF8" s="71">
        <v>2905</v>
      </c>
      <c r="IG8" s="71">
        <v>2456</v>
      </c>
      <c r="IH8" s="71">
        <v>1900</v>
      </c>
      <c r="II8" s="72">
        <v>15663</v>
      </c>
      <c r="IJ8" s="73">
        <v>23755</v>
      </c>
      <c r="IK8" s="70">
        <v>6621</v>
      </c>
      <c r="IL8" s="71">
        <v>7567</v>
      </c>
      <c r="IM8" s="72">
        <v>14188</v>
      </c>
      <c r="IN8" s="244"/>
      <c r="IO8" s="71">
        <v>7112</v>
      </c>
      <c r="IP8" s="71">
        <v>8041</v>
      </c>
      <c r="IQ8" s="71">
        <v>4773</v>
      </c>
      <c r="IR8" s="71">
        <v>4274</v>
      </c>
      <c r="IS8" s="71">
        <v>2716</v>
      </c>
      <c r="IT8" s="72">
        <v>26916</v>
      </c>
      <c r="IU8" s="73">
        <v>41104</v>
      </c>
      <c r="IV8" s="70">
        <v>6993</v>
      </c>
      <c r="IW8" s="71">
        <v>8585</v>
      </c>
      <c r="IX8" s="72">
        <v>15578</v>
      </c>
      <c r="IY8" s="244"/>
      <c r="IZ8" s="71">
        <v>9054</v>
      </c>
      <c r="JA8" s="71">
        <v>10281</v>
      </c>
      <c r="JB8" s="71">
        <v>6688</v>
      </c>
      <c r="JC8" s="71">
        <v>5920</v>
      </c>
      <c r="JD8" s="71">
        <v>3749</v>
      </c>
      <c r="JE8" s="72">
        <v>35692</v>
      </c>
      <c r="JF8" s="73">
        <v>51270</v>
      </c>
      <c r="JG8" s="70">
        <v>3673</v>
      </c>
      <c r="JH8" s="71">
        <v>5668</v>
      </c>
      <c r="JI8" s="72">
        <v>9341</v>
      </c>
      <c r="JJ8" s="244"/>
      <c r="JK8" s="71">
        <v>6950</v>
      </c>
      <c r="JL8" s="71">
        <v>10350</v>
      </c>
      <c r="JM8" s="71">
        <v>8098</v>
      </c>
      <c r="JN8" s="71">
        <v>8340</v>
      </c>
      <c r="JO8" s="71">
        <v>4998</v>
      </c>
      <c r="JP8" s="72">
        <v>38736</v>
      </c>
      <c r="JQ8" s="73">
        <v>48077</v>
      </c>
      <c r="JR8" s="70">
        <v>326</v>
      </c>
      <c r="JS8" s="71">
        <v>637</v>
      </c>
      <c r="JT8" s="72">
        <v>963</v>
      </c>
      <c r="JU8" s="244"/>
      <c r="JV8" s="71">
        <v>440</v>
      </c>
      <c r="JW8" s="71">
        <v>1075</v>
      </c>
      <c r="JX8" s="71">
        <v>647</v>
      </c>
      <c r="JY8" s="71">
        <v>576</v>
      </c>
      <c r="JZ8" s="71">
        <v>580</v>
      </c>
      <c r="KA8" s="72">
        <v>3318</v>
      </c>
      <c r="KB8" s="73">
        <v>4281</v>
      </c>
      <c r="KC8" s="70">
        <v>23481</v>
      </c>
      <c r="KD8" s="71">
        <v>30315</v>
      </c>
      <c r="KE8" s="72">
        <v>53796</v>
      </c>
      <c r="KF8" s="244"/>
      <c r="KG8" s="71">
        <v>29769</v>
      </c>
      <c r="KH8" s="71">
        <v>38288</v>
      </c>
      <c r="KI8" s="71">
        <v>25512</v>
      </c>
      <c r="KJ8" s="71">
        <v>23801</v>
      </c>
      <c r="KK8" s="71">
        <v>15747</v>
      </c>
      <c r="KL8" s="72">
        <v>133117</v>
      </c>
      <c r="KM8" s="73">
        <v>186913</v>
      </c>
    </row>
    <row r="9" spans="2:299" ht="21" customHeight="1" x14ac:dyDescent="0.2">
      <c r="B9" s="126" t="s">
        <v>6</v>
      </c>
      <c r="C9" s="313">
        <v>2652</v>
      </c>
      <c r="D9" s="82">
        <v>2378</v>
      </c>
      <c r="E9" s="83">
        <v>5030</v>
      </c>
      <c r="F9" s="241"/>
      <c r="G9" s="82">
        <v>4875</v>
      </c>
      <c r="H9" s="82">
        <v>3975</v>
      </c>
      <c r="I9" s="82">
        <v>2846</v>
      </c>
      <c r="J9" s="82">
        <v>2453</v>
      </c>
      <c r="K9" s="82">
        <v>1717</v>
      </c>
      <c r="L9" s="84">
        <v>15866</v>
      </c>
      <c r="M9" s="85">
        <v>20896</v>
      </c>
      <c r="N9" s="70">
        <v>150</v>
      </c>
      <c r="O9" s="71">
        <v>147</v>
      </c>
      <c r="P9" s="72">
        <v>297</v>
      </c>
      <c r="Q9" s="244"/>
      <c r="R9" s="71">
        <v>263</v>
      </c>
      <c r="S9" s="71">
        <v>238</v>
      </c>
      <c r="T9" s="71">
        <v>149</v>
      </c>
      <c r="U9" s="71">
        <v>138</v>
      </c>
      <c r="V9" s="71">
        <v>130</v>
      </c>
      <c r="W9" s="72">
        <v>918</v>
      </c>
      <c r="X9" s="73">
        <v>1215</v>
      </c>
      <c r="Y9" s="70">
        <v>291</v>
      </c>
      <c r="Z9" s="71">
        <v>280</v>
      </c>
      <c r="AA9" s="72">
        <v>571</v>
      </c>
      <c r="AB9" s="244"/>
      <c r="AC9" s="71">
        <v>522</v>
      </c>
      <c r="AD9" s="71">
        <v>483</v>
      </c>
      <c r="AE9" s="71">
        <v>356</v>
      </c>
      <c r="AF9" s="71">
        <v>291</v>
      </c>
      <c r="AG9" s="71">
        <v>241</v>
      </c>
      <c r="AH9" s="72">
        <v>1893</v>
      </c>
      <c r="AI9" s="73">
        <v>2464</v>
      </c>
      <c r="AJ9" s="70">
        <v>441</v>
      </c>
      <c r="AK9" s="71">
        <v>408</v>
      </c>
      <c r="AL9" s="72">
        <v>849</v>
      </c>
      <c r="AM9" s="244"/>
      <c r="AN9" s="71">
        <v>821</v>
      </c>
      <c r="AO9" s="71">
        <v>721</v>
      </c>
      <c r="AP9" s="71">
        <v>482</v>
      </c>
      <c r="AQ9" s="71">
        <v>435</v>
      </c>
      <c r="AR9" s="71">
        <v>322</v>
      </c>
      <c r="AS9" s="72">
        <v>2781</v>
      </c>
      <c r="AT9" s="73">
        <v>3630</v>
      </c>
      <c r="AU9" s="70">
        <v>644</v>
      </c>
      <c r="AV9" s="71">
        <v>559</v>
      </c>
      <c r="AW9" s="72">
        <v>1203</v>
      </c>
      <c r="AX9" s="244"/>
      <c r="AY9" s="71">
        <v>1195</v>
      </c>
      <c r="AZ9" s="71">
        <v>921</v>
      </c>
      <c r="BA9" s="71">
        <v>668</v>
      </c>
      <c r="BB9" s="71">
        <v>502</v>
      </c>
      <c r="BC9" s="71">
        <v>392</v>
      </c>
      <c r="BD9" s="72">
        <v>3678</v>
      </c>
      <c r="BE9" s="73">
        <v>4881</v>
      </c>
      <c r="BF9" s="70">
        <v>709</v>
      </c>
      <c r="BG9" s="71">
        <v>575</v>
      </c>
      <c r="BH9" s="72">
        <v>1284</v>
      </c>
      <c r="BI9" s="244"/>
      <c r="BJ9" s="71">
        <v>1223</v>
      </c>
      <c r="BK9" s="71">
        <v>919</v>
      </c>
      <c r="BL9" s="71">
        <v>640</v>
      </c>
      <c r="BM9" s="71">
        <v>569</v>
      </c>
      <c r="BN9" s="71">
        <v>359</v>
      </c>
      <c r="BO9" s="72">
        <v>3710</v>
      </c>
      <c r="BP9" s="73">
        <v>4994</v>
      </c>
      <c r="BQ9" s="70">
        <v>417</v>
      </c>
      <c r="BR9" s="71">
        <v>409</v>
      </c>
      <c r="BS9" s="72">
        <v>826</v>
      </c>
      <c r="BT9" s="244"/>
      <c r="BU9" s="71">
        <v>851</v>
      </c>
      <c r="BV9" s="71">
        <v>693</v>
      </c>
      <c r="BW9" s="71">
        <v>551</v>
      </c>
      <c r="BX9" s="71">
        <v>518</v>
      </c>
      <c r="BY9" s="71">
        <v>273</v>
      </c>
      <c r="BZ9" s="72">
        <v>2886</v>
      </c>
      <c r="CA9" s="73">
        <v>3712</v>
      </c>
      <c r="CB9" s="70">
        <v>82</v>
      </c>
      <c r="CC9" s="71">
        <v>87</v>
      </c>
      <c r="CD9" s="72">
        <v>169</v>
      </c>
      <c r="CE9" s="244"/>
      <c r="CF9" s="71">
        <v>160</v>
      </c>
      <c r="CG9" s="71">
        <v>190</v>
      </c>
      <c r="CH9" s="71">
        <v>116</v>
      </c>
      <c r="CI9" s="71">
        <v>135</v>
      </c>
      <c r="CJ9" s="71">
        <v>111</v>
      </c>
      <c r="CK9" s="72">
        <v>712</v>
      </c>
      <c r="CL9" s="73">
        <v>881</v>
      </c>
      <c r="CM9" s="70">
        <v>2734</v>
      </c>
      <c r="CN9" s="71">
        <v>2465</v>
      </c>
      <c r="CO9" s="72">
        <v>5199</v>
      </c>
      <c r="CP9" s="244"/>
      <c r="CQ9" s="71">
        <v>5035</v>
      </c>
      <c r="CR9" s="71">
        <v>4165</v>
      </c>
      <c r="CS9" s="71">
        <v>2962</v>
      </c>
      <c r="CT9" s="71">
        <v>2588</v>
      </c>
      <c r="CU9" s="71">
        <v>1828</v>
      </c>
      <c r="CV9" s="72">
        <v>16578</v>
      </c>
      <c r="CW9" s="73">
        <v>21777</v>
      </c>
      <c r="CX9" s="123">
        <v>5158</v>
      </c>
      <c r="CY9" s="82">
        <v>5424</v>
      </c>
      <c r="CZ9" s="83">
        <v>10582</v>
      </c>
      <c r="DA9" s="241"/>
      <c r="DB9" s="82">
        <v>8613</v>
      </c>
      <c r="DC9" s="82">
        <v>6663</v>
      </c>
      <c r="DD9" s="82">
        <v>5320</v>
      </c>
      <c r="DE9" s="82">
        <v>5406</v>
      </c>
      <c r="DF9" s="82">
        <v>3693</v>
      </c>
      <c r="DG9" s="84">
        <v>29695</v>
      </c>
      <c r="DH9" s="85">
        <v>40277</v>
      </c>
      <c r="DI9" s="70">
        <v>122</v>
      </c>
      <c r="DJ9" s="71">
        <v>120</v>
      </c>
      <c r="DK9" s="72">
        <v>242</v>
      </c>
      <c r="DL9" s="244"/>
      <c r="DM9" s="71">
        <v>161</v>
      </c>
      <c r="DN9" s="71">
        <v>118</v>
      </c>
      <c r="DO9" s="71">
        <v>105</v>
      </c>
      <c r="DP9" s="71">
        <v>107</v>
      </c>
      <c r="DQ9" s="71">
        <v>81</v>
      </c>
      <c r="DR9" s="72">
        <v>572</v>
      </c>
      <c r="DS9" s="73">
        <v>814</v>
      </c>
      <c r="DT9" s="70">
        <v>350</v>
      </c>
      <c r="DU9" s="71">
        <v>366</v>
      </c>
      <c r="DV9" s="72">
        <v>716</v>
      </c>
      <c r="DW9" s="244"/>
      <c r="DX9" s="71">
        <v>480</v>
      </c>
      <c r="DY9" s="71">
        <v>372</v>
      </c>
      <c r="DZ9" s="71">
        <v>242</v>
      </c>
      <c r="EA9" s="71">
        <v>270</v>
      </c>
      <c r="EB9" s="71">
        <v>179</v>
      </c>
      <c r="EC9" s="72">
        <v>1543</v>
      </c>
      <c r="ED9" s="73">
        <v>2259</v>
      </c>
      <c r="EE9" s="70">
        <v>773</v>
      </c>
      <c r="EF9" s="71">
        <v>844</v>
      </c>
      <c r="EG9" s="72">
        <v>1617</v>
      </c>
      <c r="EH9" s="244"/>
      <c r="EI9" s="71">
        <v>1076</v>
      </c>
      <c r="EJ9" s="71">
        <v>692</v>
      </c>
      <c r="EK9" s="71">
        <v>499</v>
      </c>
      <c r="EL9" s="71">
        <v>485</v>
      </c>
      <c r="EM9" s="71">
        <v>356</v>
      </c>
      <c r="EN9" s="72">
        <v>3108</v>
      </c>
      <c r="EO9" s="73">
        <v>4725</v>
      </c>
      <c r="EP9" s="70">
        <v>1606</v>
      </c>
      <c r="EQ9" s="71">
        <v>1442</v>
      </c>
      <c r="ER9" s="72">
        <v>3048</v>
      </c>
      <c r="ES9" s="244"/>
      <c r="ET9" s="71">
        <v>1994</v>
      </c>
      <c r="EU9" s="71">
        <v>1369</v>
      </c>
      <c r="EV9" s="71">
        <v>945</v>
      </c>
      <c r="EW9" s="71">
        <v>885</v>
      </c>
      <c r="EX9" s="71">
        <v>643</v>
      </c>
      <c r="EY9" s="72">
        <v>5836</v>
      </c>
      <c r="EZ9" s="73">
        <v>8884</v>
      </c>
      <c r="FA9" s="70">
        <v>1513</v>
      </c>
      <c r="FB9" s="71">
        <v>1628</v>
      </c>
      <c r="FC9" s="72">
        <v>3141</v>
      </c>
      <c r="FD9" s="244"/>
      <c r="FE9" s="71">
        <v>2631</v>
      </c>
      <c r="FF9" s="71">
        <v>1984</v>
      </c>
      <c r="FG9" s="71">
        <v>1492</v>
      </c>
      <c r="FH9" s="71">
        <v>1379</v>
      </c>
      <c r="FI9" s="71">
        <v>978</v>
      </c>
      <c r="FJ9" s="72">
        <v>8464</v>
      </c>
      <c r="FK9" s="73">
        <v>11605</v>
      </c>
      <c r="FL9" s="70">
        <v>794</v>
      </c>
      <c r="FM9" s="71">
        <v>1024</v>
      </c>
      <c r="FN9" s="72">
        <v>1818</v>
      </c>
      <c r="FO9" s="244"/>
      <c r="FP9" s="71">
        <v>2271</v>
      </c>
      <c r="FQ9" s="71">
        <v>2128</v>
      </c>
      <c r="FR9" s="71">
        <v>2037</v>
      </c>
      <c r="FS9" s="71">
        <v>2280</v>
      </c>
      <c r="FT9" s="71">
        <v>1456</v>
      </c>
      <c r="FU9" s="72">
        <v>10172</v>
      </c>
      <c r="FV9" s="73">
        <v>11990</v>
      </c>
      <c r="FW9" s="70">
        <v>54</v>
      </c>
      <c r="FX9" s="71">
        <v>90</v>
      </c>
      <c r="FY9" s="72">
        <v>144</v>
      </c>
      <c r="FZ9" s="244"/>
      <c r="GA9" s="71">
        <v>134</v>
      </c>
      <c r="GB9" s="71">
        <v>129</v>
      </c>
      <c r="GC9" s="71">
        <v>101</v>
      </c>
      <c r="GD9" s="71">
        <v>106</v>
      </c>
      <c r="GE9" s="71">
        <v>96</v>
      </c>
      <c r="GF9" s="72">
        <v>566</v>
      </c>
      <c r="GG9" s="73">
        <v>710</v>
      </c>
      <c r="GH9" s="70">
        <v>5212</v>
      </c>
      <c r="GI9" s="71">
        <v>5514</v>
      </c>
      <c r="GJ9" s="72">
        <v>10726</v>
      </c>
      <c r="GK9" s="244"/>
      <c r="GL9" s="71">
        <v>8747</v>
      </c>
      <c r="GM9" s="71">
        <v>6792</v>
      </c>
      <c r="GN9" s="71">
        <v>5421</v>
      </c>
      <c r="GO9" s="71">
        <v>5512</v>
      </c>
      <c r="GP9" s="71">
        <v>3789</v>
      </c>
      <c r="GQ9" s="72">
        <v>30261</v>
      </c>
      <c r="GR9" s="73">
        <v>40987</v>
      </c>
      <c r="GS9" s="123">
        <v>7810</v>
      </c>
      <c r="GT9" s="82">
        <v>7802</v>
      </c>
      <c r="GU9" s="83">
        <v>15612</v>
      </c>
      <c r="GV9" s="241"/>
      <c r="GW9" s="82">
        <v>13488</v>
      </c>
      <c r="GX9" s="82">
        <v>10638</v>
      </c>
      <c r="GY9" s="82">
        <v>8166</v>
      </c>
      <c r="GZ9" s="82">
        <v>7859</v>
      </c>
      <c r="HA9" s="82">
        <v>5410</v>
      </c>
      <c r="HB9" s="84">
        <v>45561</v>
      </c>
      <c r="HC9" s="85">
        <v>61173</v>
      </c>
      <c r="HD9" s="70">
        <v>272</v>
      </c>
      <c r="HE9" s="71">
        <v>267</v>
      </c>
      <c r="HF9" s="72">
        <v>539</v>
      </c>
      <c r="HG9" s="244"/>
      <c r="HH9" s="71">
        <v>424</v>
      </c>
      <c r="HI9" s="71">
        <v>356</v>
      </c>
      <c r="HJ9" s="71">
        <v>254</v>
      </c>
      <c r="HK9" s="71">
        <v>245</v>
      </c>
      <c r="HL9" s="71">
        <v>211</v>
      </c>
      <c r="HM9" s="72">
        <v>1490</v>
      </c>
      <c r="HN9" s="73">
        <v>2029</v>
      </c>
      <c r="HO9" s="70">
        <v>641</v>
      </c>
      <c r="HP9" s="71">
        <v>646</v>
      </c>
      <c r="HQ9" s="72">
        <v>1287</v>
      </c>
      <c r="HR9" s="244"/>
      <c r="HS9" s="71">
        <v>1002</v>
      </c>
      <c r="HT9" s="71">
        <v>855</v>
      </c>
      <c r="HU9" s="71">
        <v>598</v>
      </c>
      <c r="HV9" s="71">
        <v>561</v>
      </c>
      <c r="HW9" s="71">
        <v>420</v>
      </c>
      <c r="HX9" s="72">
        <v>3436</v>
      </c>
      <c r="HY9" s="73">
        <v>4723</v>
      </c>
      <c r="HZ9" s="70">
        <v>1214</v>
      </c>
      <c r="IA9" s="71">
        <v>1252</v>
      </c>
      <c r="IB9" s="72">
        <v>2466</v>
      </c>
      <c r="IC9" s="244"/>
      <c r="ID9" s="71">
        <v>1897</v>
      </c>
      <c r="IE9" s="71">
        <v>1413</v>
      </c>
      <c r="IF9" s="71">
        <v>981</v>
      </c>
      <c r="IG9" s="71">
        <v>920</v>
      </c>
      <c r="IH9" s="71">
        <v>678</v>
      </c>
      <c r="II9" s="72">
        <v>5889</v>
      </c>
      <c r="IJ9" s="73">
        <v>8355</v>
      </c>
      <c r="IK9" s="70">
        <v>2250</v>
      </c>
      <c r="IL9" s="71">
        <v>2001</v>
      </c>
      <c r="IM9" s="72">
        <v>4251</v>
      </c>
      <c r="IN9" s="244"/>
      <c r="IO9" s="71">
        <v>3189</v>
      </c>
      <c r="IP9" s="71">
        <v>2290</v>
      </c>
      <c r="IQ9" s="71">
        <v>1613</v>
      </c>
      <c r="IR9" s="71">
        <v>1387</v>
      </c>
      <c r="IS9" s="71">
        <v>1035</v>
      </c>
      <c r="IT9" s="72">
        <v>9514</v>
      </c>
      <c r="IU9" s="73">
        <v>13765</v>
      </c>
      <c r="IV9" s="70">
        <v>2222</v>
      </c>
      <c r="IW9" s="71">
        <v>2203</v>
      </c>
      <c r="IX9" s="72">
        <v>4425</v>
      </c>
      <c r="IY9" s="244"/>
      <c r="IZ9" s="71">
        <v>3854</v>
      </c>
      <c r="JA9" s="71">
        <v>2903</v>
      </c>
      <c r="JB9" s="71">
        <v>2132</v>
      </c>
      <c r="JC9" s="71">
        <v>1948</v>
      </c>
      <c r="JD9" s="71">
        <v>1337</v>
      </c>
      <c r="JE9" s="72">
        <v>12174</v>
      </c>
      <c r="JF9" s="73">
        <v>16599</v>
      </c>
      <c r="JG9" s="70">
        <v>1211</v>
      </c>
      <c r="JH9" s="71">
        <v>1433</v>
      </c>
      <c r="JI9" s="72">
        <v>2644</v>
      </c>
      <c r="JJ9" s="244"/>
      <c r="JK9" s="71">
        <v>3122</v>
      </c>
      <c r="JL9" s="71">
        <v>2821</v>
      </c>
      <c r="JM9" s="71">
        <v>2588</v>
      </c>
      <c r="JN9" s="71">
        <v>2798</v>
      </c>
      <c r="JO9" s="71">
        <v>1729</v>
      </c>
      <c r="JP9" s="72">
        <v>13058</v>
      </c>
      <c r="JQ9" s="73">
        <v>15702</v>
      </c>
      <c r="JR9" s="70">
        <v>136</v>
      </c>
      <c r="JS9" s="71">
        <v>177</v>
      </c>
      <c r="JT9" s="72">
        <v>313</v>
      </c>
      <c r="JU9" s="244"/>
      <c r="JV9" s="71">
        <v>294</v>
      </c>
      <c r="JW9" s="71">
        <v>319</v>
      </c>
      <c r="JX9" s="71">
        <v>217</v>
      </c>
      <c r="JY9" s="71">
        <v>241</v>
      </c>
      <c r="JZ9" s="71">
        <v>207</v>
      </c>
      <c r="KA9" s="72">
        <v>1278</v>
      </c>
      <c r="KB9" s="73">
        <v>1591</v>
      </c>
      <c r="KC9" s="70">
        <v>7946</v>
      </c>
      <c r="KD9" s="71">
        <v>7979</v>
      </c>
      <c r="KE9" s="72">
        <v>15925</v>
      </c>
      <c r="KF9" s="244"/>
      <c r="KG9" s="71">
        <v>13782</v>
      </c>
      <c r="KH9" s="71">
        <v>10957</v>
      </c>
      <c r="KI9" s="71">
        <v>8383</v>
      </c>
      <c r="KJ9" s="71">
        <v>8100</v>
      </c>
      <c r="KK9" s="71">
        <v>5617</v>
      </c>
      <c r="KL9" s="72">
        <v>46839</v>
      </c>
      <c r="KM9" s="73">
        <v>62764</v>
      </c>
    </row>
    <row r="10" spans="2:299" ht="21" customHeight="1" x14ac:dyDescent="0.2">
      <c r="B10" s="126" t="s">
        <v>14</v>
      </c>
      <c r="C10" s="313">
        <v>1518</v>
      </c>
      <c r="D10" s="82">
        <v>1867</v>
      </c>
      <c r="E10" s="83">
        <v>3385</v>
      </c>
      <c r="F10" s="241"/>
      <c r="G10" s="82">
        <v>2268</v>
      </c>
      <c r="H10" s="82">
        <v>2536</v>
      </c>
      <c r="I10" s="82">
        <v>1885</v>
      </c>
      <c r="J10" s="82">
        <v>1510</v>
      </c>
      <c r="K10" s="82">
        <v>901</v>
      </c>
      <c r="L10" s="84">
        <v>9100</v>
      </c>
      <c r="M10" s="85">
        <v>12485</v>
      </c>
      <c r="N10" s="70">
        <v>64</v>
      </c>
      <c r="O10" s="71">
        <v>89</v>
      </c>
      <c r="P10" s="72">
        <v>153</v>
      </c>
      <c r="Q10" s="244"/>
      <c r="R10" s="71">
        <v>90</v>
      </c>
      <c r="S10" s="71">
        <v>124</v>
      </c>
      <c r="T10" s="71">
        <v>88</v>
      </c>
      <c r="U10" s="71">
        <v>82</v>
      </c>
      <c r="V10" s="71">
        <v>76</v>
      </c>
      <c r="W10" s="72">
        <v>460</v>
      </c>
      <c r="X10" s="73">
        <v>613</v>
      </c>
      <c r="Y10" s="70">
        <v>161</v>
      </c>
      <c r="Z10" s="71">
        <v>268</v>
      </c>
      <c r="AA10" s="72">
        <v>429</v>
      </c>
      <c r="AB10" s="244"/>
      <c r="AC10" s="71">
        <v>193</v>
      </c>
      <c r="AD10" s="71">
        <v>276</v>
      </c>
      <c r="AE10" s="71">
        <v>211</v>
      </c>
      <c r="AF10" s="71">
        <v>175</v>
      </c>
      <c r="AG10" s="71">
        <v>119</v>
      </c>
      <c r="AH10" s="72">
        <v>974</v>
      </c>
      <c r="AI10" s="73">
        <v>1403</v>
      </c>
      <c r="AJ10" s="70">
        <v>252</v>
      </c>
      <c r="AK10" s="71">
        <v>343</v>
      </c>
      <c r="AL10" s="72">
        <v>595</v>
      </c>
      <c r="AM10" s="244"/>
      <c r="AN10" s="71">
        <v>385</v>
      </c>
      <c r="AO10" s="71">
        <v>428</v>
      </c>
      <c r="AP10" s="71">
        <v>313</v>
      </c>
      <c r="AQ10" s="71">
        <v>265</v>
      </c>
      <c r="AR10" s="71">
        <v>169</v>
      </c>
      <c r="AS10" s="72">
        <v>1560</v>
      </c>
      <c r="AT10" s="73">
        <v>2155</v>
      </c>
      <c r="AU10" s="70">
        <v>453</v>
      </c>
      <c r="AV10" s="71">
        <v>516</v>
      </c>
      <c r="AW10" s="72">
        <v>969</v>
      </c>
      <c r="AX10" s="244"/>
      <c r="AY10" s="71">
        <v>628</v>
      </c>
      <c r="AZ10" s="71">
        <v>625</v>
      </c>
      <c r="BA10" s="71">
        <v>455</v>
      </c>
      <c r="BB10" s="71">
        <v>373</v>
      </c>
      <c r="BC10" s="71">
        <v>220</v>
      </c>
      <c r="BD10" s="72">
        <v>2301</v>
      </c>
      <c r="BE10" s="73">
        <v>3270</v>
      </c>
      <c r="BF10" s="70">
        <v>390</v>
      </c>
      <c r="BG10" s="71">
        <v>420</v>
      </c>
      <c r="BH10" s="72">
        <v>810</v>
      </c>
      <c r="BI10" s="244"/>
      <c r="BJ10" s="71">
        <v>611</v>
      </c>
      <c r="BK10" s="71">
        <v>641</v>
      </c>
      <c r="BL10" s="71">
        <v>480</v>
      </c>
      <c r="BM10" s="71">
        <v>357</v>
      </c>
      <c r="BN10" s="71">
        <v>194</v>
      </c>
      <c r="BO10" s="72">
        <v>2283</v>
      </c>
      <c r="BP10" s="73">
        <v>3093</v>
      </c>
      <c r="BQ10" s="70">
        <v>198</v>
      </c>
      <c r="BR10" s="71">
        <v>231</v>
      </c>
      <c r="BS10" s="72">
        <v>429</v>
      </c>
      <c r="BT10" s="244"/>
      <c r="BU10" s="71">
        <v>361</v>
      </c>
      <c r="BV10" s="71">
        <v>442</v>
      </c>
      <c r="BW10" s="71">
        <v>338</v>
      </c>
      <c r="BX10" s="71">
        <v>258</v>
      </c>
      <c r="BY10" s="71">
        <v>123</v>
      </c>
      <c r="BZ10" s="72">
        <v>1522</v>
      </c>
      <c r="CA10" s="73">
        <v>1951</v>
      </c>
      <c r="CB10" s="70">
        <v>37</v>
      </c>
      <c r="CC10" s="71">
        <v>92</v>
      </c>
      <c r="CD10" s="72">
        <v>129</v>
      </c>
      <c r="CE10" s="244"/>
      <c r="CF10" s="71">
        <v>38</v>
      </c>
      <c r="CG10" s="71">
        <v>113</v>
      </c>
      <c r="CH10" s="71">
        <v>67</v>
      </c>
      <c r="CI10" s="71">
        <v>79</v>
      </c>
      <c r="CJ10" s="71">
        <v>55</v>
      </c>
      <c r="CK10" s="72">
        <v>352</v>
      </c>
      <c r="CL10" s="73">
        <v>481</v>
      </c>
      <c r="CM10" s="70">
        <v>1555</v>
      </c>
      <c r="CN10" s="71">
        <v>1959</v>
      </c>
      <c r="CO10" s="72">
        <v>3514</v>
      </c>
      <c r="CP10" s="244"/>
      <c r="CQ10" s="71">
        <v>2306</v>
      </c>
      <c r="CR10" s="71">
        <v>2649</v>
      </c>
      <c r="CS10" s="71">
        <v>1952</v>
      </c>
      <c r="CT10" s="71">
        <v>1589</v>
      </c>
      <c r="CU10" s="71">
        <v>956</v>
      </c>
      <c r="CV10" s="72">
        <v>9452</v>
      </c>
      <c r="CW10" s="73">
        <v>12966</v>
      </c>
      <c r="CX10" s="123">
        <v>2932</v>
      </c>
      <c r="CY10" s="82">
        <v>4086</v>
      </c>
      <c r="CZ10" s="83">
        <v>7018</v>
      </c>
      <c r="DA10" s="241"/>
      <c r="DB10" s="82">
        <v>3741</v>
      </c>
      <c r="DC10" s="82">
        <v>4136</v>
      </c>
      <c r="DD10" s="82">
        <v>3223</v>
      </c>
      <c r="DE10" s="82">
        <v>3102</v>
      </c>
      <c r="DF10" s="82">
        <v>1921</v>
      </c>
      <c r="DG10" s="84">
        <v>16123</v>
      </c>
      <c r="DH10" s="85">
        <v>23141</v>
      </c>
      <c r="DI10" s="70">
        <v>70</v>
      </c>
      <c r="DJ10" s="71">
        <v>94</v>
      </c>
      <c r="DK10" s="72">
        <v>164</v>
      </c>
      <c r="DL10" s="244"/>
      <c r="DM10" s="71">
        <v>58</v>
      </c>
      <c r="DN10" s="71">
        <v>99</v>
      </c>
      <c r="DO10" s="71">
        <v>69</v>
      </c>
      <c r="DP10" s="71">
        <v>53</v>
      </c>
      <c r="DQ10" s="71">
        <v>39</v>
      </c>
      <c r="DR10" s="72">
        <v>318</v>
      </c>
      <c r="DS10" s="73">
        <v>482</v>
      </c>
      <c r="DT10" s="70">
        <v>232</v>
      </c>
      <c r="DU10" s="71">
        <v>363</v>
      </c>
      <c r="DV10" s="72">
        <v>595</v>
      </c>
      <c r="DW10" s="244"/>
      <c r="DX10" s="71">
        <v>195</v>
      </c>
      <c r="DY10" s="71">
        <v>287</v>
      </c>
      <c r="DZ10" s="71">
        <v>162</v>
      </c>
      <c r="EA10" s="71">
        <v>152</v>
      </c>
      <c r="EB10" s="71">
        <v>134</v>
      </c>
      <c r="EC10" s="72">
        <v>930</v>
      </c>
      <c r="ED10" s="73">
        <v>1525</v>
      </c>
      <c r="EE10" s="70">
        <v>572</v>
      </c>
      <c r="EF10" s="71">
        <v>682</v>
      </c>
      <c r="EG10" s="72">
        <v>1254</v>
      </c>
      <c r="EH10" s="244"/>
      <c r="EI10" s="71">
        <v>517</v>
      </c>
      <c r="EJ10" s="71">
        <v>533</v>
      </c>
      <c r="EK10" s="71">
        <v>360</v>
      </c>
      <c r="EL10" s="71">
        <v>339</v>
      </c>
      <c r="EM10" s="71">
        <v>247</v>
      </c>
      <c r="EN10" s="72">
        <v>1996</v>
      </c>
      <c r="EO10" s="73">
        <v>3250</v>
      </c>
      <c r="EP10" s="70">
        <v>898</v>
      </c>
      <c r="EQ10" s="71">
        <v>1210</v>
      </c>
      <c r="ER10" s="72">
        <v>2108</v>
      </c>
      <c r="ES10" s="244"/>
      <c r="ET10" s="71">
        <v>1029</v>
      </c>
      <c r="EU10" s="71">
        <v>959</v>
      </c>
      <c r="EV10" s="71">
        <v>717</v>
      </c>
      <c r="EW10" s="71">
        <v>568</v>
      </c>
      <c r="EX10" s="71">
        <v>372</v>
      </c>
      <c r="EY10" s="72">
        <v>3645</v>
      </c>
      <c r="EZ10" s="73">
        <v>5753</v>
      </c>
      <c r="FA10" s="70">
        <v>779</v>
      </c>
      <c r="FB10" s="71">
        <v>1105</v>
      </c>
      <c r="FC10" s="72">
        <v>1884</v>
      </c>
      <c r="FD10" s="244"/>
      <c r="FE10" s="71">
        <v>1105</v>
      </c>
      <c r="FF10" s="71">
        <v>1132</v>
      </c>
      <c r="FG10" s="71">
        <v>822</v>
      </c>
      <c r="FH10" s="71">
        <v>783</v>
      </c>
      <c r="FI10" s="71">
        <v>490</v>
      </c>
      <c r="FJ10" s="72">
        <v>4332</v>
      </c>
      <c r="FK10" s="73">
        <v>6216</v>
      </c>
      <c r="FL10" s="70">
        <v>381</v>
      </c>
      <c r="FM10" s="71">
        <v>632</v>
      </c>
      <c r="FN10" s="72">
        <v>1013</v>
      </c>
      <c r="FO10" s="244"/>
      <c r="FP10" s="71">
        <v>837</v>
      </c>
      <c r="FQ10" s="71">
        <v>1126</v>
      </c>
      <c r="FR10" s="71">
        <v>1093</v>
      </c>
      <c r="FS10" s="71">
        <v>1207</v>
      </c>
      <c r="FT10" s="71">
        <v>639</v>
      </c>
      <c r="FU10" s="72">
        <v>4902</v>
      </c>
      <c r="FV10" s="73">
        <v>5915</v>
      </c>
      <c r="FW10" s="70">
        <v>23</v>
      </c>
      <c r="FX10" s="71">
        <v>78</v>
      </c>
      <c r="FY10" s="72">
        <v>101</v>
      </c>
      <c r="FZ10" s="244"/>
      <c r="GA10" s="71">
        <v>41</v>
      </c>
      <c r="GB10" s="71">
        <v>91</v>
      </c>
      <c r="GC10" s="71">
        <v>40</v>
      </c>
      <c r="GD10" s="71">
        <v>49</v>
      </c>
      <c r="GE10" s="71">
        <v>59</v>
      </c>
      <c r="GF10" s="72">
        <v>280</v>
      </c>
      <c r="GG10" s="73">
        <v>381</v>
      </c>
      <c r="GH10" s="70">
        <v>2955</v>
      </c>
      <c r="GI10" s="71">
        <v>4164</v>
      </c>
      <c r="GJ10" s="72">
        <v>7119</v>
      </c>
      <c r="GK10" s="244"/>
      <c r="GL10" s="71">
        <v>3782</v>
      </c>
      <c r="GM10" s="71">
        <v>4227</v>
      </c>
      <c r="GN10" s="71">
        <v>3263</v>
      </c>
      <c r="GO10" s="71">
        <v>3151</v>
      </c>
      <c r="GP10" s="71">
        <v>1980</v>
      </c>
      <c r="GQ10" s="72">
        <v>16403</v>
      </c>
      <c r="GR10" s="73">
        <v>23522</v>
      </c>
      <c r="GS10" s="123">
        <v>4450</v>
      </c>
      <c r="GT10" s="82">
        <v>5953</v>
      </c>
      <c r="GU10" s="83">
        <v>10403</v>
      </c>
      <c r="GV10" s="241"/>
      <c r="GW10" s="82">
        <v>6009</v>
      </c>
      <c r="GX10" s="82">
        <v>6672</v>
      </c>
      <c r="GY10" s="82">
        <v>5108</v>
      </c>
      <c r="GZ10" s="82">
        <v>4612</v>
      </c>
      <c r="HA10" s="82">
        <v>2822</v>
      </c>
      <c r="HB10" s="84">
        <v>25223</v>
      </c>
      <c r="HC10" s="85">
        <v>35626</v>
      </c>
      <c r="HD10" s="70">
        <v>134</v>
      </c>
      <c r="HE10" s="71">
        <v>183</v>
      </c>
      <c r="HF10" s="72">
        <v>317</v>
      </c>
      <c r="HG10" s="244"/>
      <c r="HH10" s="71">
        <v>148</v>
      </c>
      <c r="HI10" s="71">
        <v>223</v>
      </c>
      <c r="HJ10" s="71">
        <v>157</v>
      </c>
      <c r="HK10" s="71">
        <v>135</v>
      </c>
      <c r="HL10" s="71">
        <v>115</v>
      </c>
      <c r="HM10" s="72">
        <v>778</v>
      </c>
      <c r="HN10" s="73">
        <v>1095</v>
      </c>
      <c r="HO10" s="70">
        <v>393</v>
      </c>
      <c r="HP10" s="71">
        <v>631</v>
      </c>
      <c r="HQ10" s="72">
        <v>1024</v>
      </c>
      <c r="HR10" s="244"/>
      <c r="HS10" s="71">
        <v>388</v>
      </c>
      <c r="HT10" s="71">
        <v>563</v>
      </c>
      <c r="HU10" s="71">
        <v>373</v>
      </c>
      <c r="HV10" s="71">
        <v>327</v>
      </c>
      <c r="HW10" s="71">
        <v>253</v>
      </c>
      <c r="HX10" s="72">
        <v>1904</v>
      </c>
      <c r="HY10" s="73">
        <v>2928</v>
      </c>
      <c r="HZ10" s="70">
        <v>824</v>
      </c>
      <c r="IA10" s="71">
        <v>1025</v>
      </c>
      <c r="IB10" s="72">
        <v>1849</v>
      </c>
      <c r="IC10" s="244"/>
      <c r="ID10" s="71">
        <v>902</v>
      </c>
      <c r="IE10" s="71">
        <v>961</v>
      </c>
      <c r="IF10" s="71">
        <v>673</v>
      </c>
      <c r="IG10" s="71">
        <v>604</v>
      </c>
      <c r="IH10" s="71">
        <v>416</v>
      </c>
      <c r="II10" s="72">
        <v>3556</v>
      </c>
      <c r="IJ10" s="73">
        <v>5405</v>
      </c>
      <c r="IK10" s="70">
        <v>1351</v>
      </c>
      <c r="IL10" s="71">
        <v>1726</v>
      </c>
      <c r="IM10" s="72">
        <v>3077</v>
      </c>
      <c r="IN10" s="244"/>
      <c r="IO10" s="71">
        <v>1657</v>
      </c>
      <c r="IP10" s="71">
        <v>1584</v>
      </c>
      <c r="IQ10" s="71">
        <v>1172</v>
      </c>
      <c r="IR10" s="71">
        <v>941</v>
      </c>
      <c r="IS10" s="71">
        <v>592</v>
      </c>
      <c r="IT10" s="72">
        <v>5946</v>
      </c>
      <c r="IU10" s="73">
        <v>9023</v>
      </c>
      <c r="IV10" s="70">
        <v>1169</v>
      </c>
      <c r="IW10" s="71">
        <v>1525</v>
      </c>
      <c r="IX10" s="72">
        <v>2694</v>
      </c>
      <c r="IY10" s="244"/>
      <c r="IZ10" s="71">
        <v>1716</v>
      </c>
      <c r="JA10" s="71">
        <v>1773</v>
      </c>
      <c r="JB10" s="71">
        <v>1302</v>
      </c>
      <c r="JC10" s="71">
        <v>1140</v>
      </c>
      <c r="JD10" s="71">
        <v>684</v>
      </c>
      <c r="JE10" s="72">
        <v>6615</v>
      </c>
      <c r="JF10" s="73">
        <v>9309</v>
      </c>
      <c r="JG10" s="70">
        <v>579</v>
      </c>
      <c r="JH10" s="71">
        <v>863</v>
      </c>
      <c r="JI10" s="72">
        <v>1442</v>
      </c>
      <c r="JJ10" s="244"/>
      <c r="JK10" s="71">
        <v>1198</v>
      </c>
      <c r="JL10" s="71">
        <v>1568</v>
      </c>
      <c r="JM10" s="71">
        <v>1431</v>
      </c>
      <c r="JN10" s="71">
        <v>1465</v>
      </c>
      <c r="JO10" s="71">
        <v>762</v>
      </c>
      <c r="JP10" s="72">
        <v>6424</v>
      </c>
      <c r="JQ10" s="73">
        <v>7866</v>
      </c>
      <c r="JR10" s="70">
        <v>60</v>
      </c>
      <c r="JS10" s="71">
        <v>170</v>
      </c>
      <c r="JT10" s="72">
        <v>230</v>
      </c>
      <c r="JU10" s="244"/>
      <c r="JV10" s="71">
        <v>79</v>
      </c>
      <c r="JW10" s="71">
        <v>204</v>
      </c>
      <c r="JX10" s="71">
        <v>107</v>
      </c>
      <c r="JY10" s="71">
        <v>128</v>
      </c>
      <c r="JZ10" s="71">
        <v>114</v>
      </c>
      <c r="KA10" s="72">
        <v>632</v>
      </c>
      <c r="KB10" s="73">
        <v>862</v>
      </c>
      <c r="KC10" s="70">
        <v>4510</v>
      </c>
      <c r="KD10" s="71">
        <v>6123</v>
      </c>
      <c r="KE10" s="72">
        <v>10633</v>
      </c>
      <c r="KF10" s="244"/>
      <c r="KG10" s="71">
        <v>6088</v>
      </c>
      <c r="KH10" s="71">
        <v>6876</v>
      </c>
      <c r="KI10" s="71">
        <v>5215</v>
      </c>
      <c r="KJ10" s="71">
        <v>4740</v>
      </c>
      <c r="KK10" s="71">
        <v>2936</v>
      </c>
      <c r="KL10" s="72">
        <v>25855</v>
      </c>
      <c r="KM10" s="73">
        <v>36488</v>
      </c>
    </row>
    <row r="11" spans="2:299" ht="21" customHeight="1" x14ac:dyDescent="0.2">
      <c r="B11" s="126" t="s">
        <v>7</v>
      </c>
      <c r="C11" s="313">
        <v>961</v>
      </c>
      <c r="D11" s="82">
        <v>760</v>
      </c>
      <c r="E11" s="83">
        <v>1721</v>
      </c>
      <c r="F11" s="241"/>
      <c r="G11" s="82">
        <v>2313</v>
      </c>
      <c r="H11" s="82">
        <v>1516</v>
      </c>
      <c r="I11" s="82">
        <v>979</v>
      </c>
      <c r="J11" s="82">
        <v>824</v>
      </c>
      <c r="K11" s="82">
        <v>442</v>
      </c>
      <c r="L11" s="84">
        <v>6074</v>
      </c>
      <c r="M11" s="85">
        <v>7795</v>
      </c>
      <c r="N11" s="70">
        <v>34</v>
      </c>
      <c r="O11" s="71">
        <v>27</v>
      </c>
      <c r="P11" s="72">
        <v>61</v>
      </c>
      <c r="Q11" s="244"/>
      <c r="R11" s="71">
        <v>100</v>
      </c>
      <c r="S11" s="71">
        <v>59</v>
      </c>
      <c r="T11" s="71">
        <v>43</v>
      </c>
      <c r="U11" s="71">
        <v>44</v>
      </c>
      <c r="V11" s="71">
        <v>32</v>
      </c>
      <c r="W11" s="72">
        <v>278</v>
      </c>
      <c r="X11" s="73">
        <v>339</v>
      </c>
      <c r="Y11" s="70">
        <v>81</v>
      </c>
      <c r="Z11" s="71">
        <v>82</v>
      </c>
      <c r="AA11" s="72">
        <v>163</v>
      </c>
      <c r="AB11" s="244"/>
      <c r="AC11" s="71">
        <v>227</v>
      </c>
      <c r="AD11" s="71">
        <v>170</v>
      </c>
      <c r="AE11" s="71">
        <v>104</v>
      </c>
      <c r="AF11" s="71">
        <v>89</v>
      </c>
      <c r="AG11" s="71">
        <v>70</v>
      </c>
      <c r="AH11" s="72">
        <v>660</v>
      </c>
      <c r="AI11" s="73">
        <v>823</v>
      </c>
      <c r="AJ11" s="70">
        <v>142</v>
      </c>
      <c r="AK11" s="71">
        <v>129</v>
      </c>
      <c r="AL11" s="72">
        <v>271</v>
      </c>
      <c r="AM11" s="244"/>
      <c r="AN11" s="71">
        <v>393</v>
      </c>
      <c r="AO11" s="71">
        <v>238</v>
      </c>
      <c r="AP11" s="71">
        <v>162</v>
      </c>
      <c r="AQ11" s="71">
        <v>131</v>
      </c>
      <c r="AR11" s="71">
        <v>75</v>
      </c>
      <c r="AS11" s="72">
        <v>999</v>
      </c>
      <c r="AT11" s="73">
        <v>1270</v>
      </c>
      <c r="AU11" s="70">
        <v>247</v>
      </c>
      <c r="AV11" s="71">
        <v>173</v>
      </c>
      <c r="AW11" s="72">
        <v>420</v>
      </c>
      <c r="AX11" s="244"/>
      <c r="AY11" s="71">
        <v>568</v>
      </c>
      <c r="AZ11" s="71">
        <v>375</v>
      </c>
      <c r="BA11" s="71">
        <v>237</v>
      </c>
      <c r="BB11" s="71">
        <v>197</v>
      </c>
      <c r="BC11" s="71">
        <v>104</v>
      </c>
      <c r="BD11" s="72">
        <v>1481</v>
      </c>
      <c r="BE11" s="73">
        <v>1901</v>
      </c>
      <c r="BF11" s="70">
        <v>292</v>
      </c>
      <c r="BG11" s="71">
        <v>232</v>
      </c>
      <c r="BH11" s="72">
        <v>524</v>
      </c>
      <c r="BI11" s="244"/>
      <c r="BJ11" s="71">
        <v>596</v>
      </c>
      <c r="BK11" s="71">
        <v>382</v>
      </c>
      <c r="BL11" s="71">
        <v>240</v>
      </c>
      <c r="BM11" s="71">
        <v>199</v>
      </c>
      <c r="BN11" s="71">
        <v>97</v>
      </c>
      <c r="BO11" s="72">
        <v>1514</v>
      </c>
      <c r="BP11" s="73">
        <v>2038</v>
      </c>
      <c r="BQ11" s="70">
        <v>165</v>
      </c>
      <c r="BR11" s="71">
        <v>117</v>
      </c>
      <c r="BS11" s="72">
        <v>282</v>
      </c>
      <c r="BT11" s="244"/>
      <c r="BU11" s="71">
        <v>429</v>
      </c>
      <c r="BV11" s="71">
        <v>292</v>
      </c>
      <c r="BW11" s="71">
        <v>193</v>
      </c>
      <c r="BX11" s="71">
        <v>164</v>
      </c>
      <c r="BY11" s="71">
        <v>64</v>
      </c>
      <c r="BZ11" s="72">
        <v>1142</v>
      </c>
      <c r="CA11" s="73">
        <v>1424</v>
      </c>
      <c r="CB11" s="70">
        <v>14</v>
      </c>
      <c r="CC11" s="71">
        <v>17</v>
      </c>
      <c r="CD11" s="72">
        <v>31</v>
      </c>
      <c r="CE11" s="244"/>
      <c r="CF11" s="71">
        <v>64</v>
      </c>
      <c r="CG11" s="71">
        <v>63</v>
      </c>
      <c r="CH11" s="71">
        <v>36</v>
      </c>
      <c r="CI11" s="71">
        <v>43</v>
      </c>
      <c r="CJ11" s="71">
        <v>28</v>
      </c>
      <c r="CK11" s="72">
        <v>234</v>
      </c>
      <c r="CL11" s="73">
        <v>265</v>
      </c>
      <c r="CM11" s="70">
        <v>975</v>
      </c>
      <c r="CN11" s="71">
        <v>777</v>
      </c>
      <c r="CO11" s="72">
        <v>1752</v>
      </c>
      <c r="CP11" s="244"/>
      <c r="CQ11" s="71">
        <v>2377</v>
      </c>
      <c r="CR11" s="71">
        <v>1579</v>
      </c>
      <c r="CS11" s="71">
        <v>1015</v>
      </c>
      <c r="CT11" s="71">
        <v>867</v>
      </c>
      <c r="CU11" s="71">
        <v>470</v>
      </c>
      <c r="CV11" s="72">
        <v>6308</v>
      </c>
      <c r="CW11" s="73">
        <v>8060</v>
      </c>
      <c r="CX11" s="123">
        <v>1906</v>
      </c>
      <c r="CY11" s="82">
        <v>1962</v>
      </c>
      <c r="CZ11" s="83">
        <v>3868</v>
      </c>
      <c r="DA11" s="241"/>
      <c r="DB11" s="82">
        <v>4398</v>
      </c>
      <c r="DC11" s="82">
        <v>2653</v>
      </c>
      <c r="DD11" s="82">
        <v>2035</v>
      </c>
      <c r="DE11" s="82">
        <v>2023</v>
      </c>
      <c r="DF11" s="82">
        <v>1184</v>
      </c>
      <c r="DG11" s="84">
        <v>12293</v>
      </c>
      <c r="DH11" s="85">
        <v>16161</v>
      </c>
      <c r="DI11" s="70">
        <v>35</v>
      </c>
      <c r="DJ11" s="71">
        <v>41</v>
      </c>
      <c r="DK11" s="72">
        <v>76</v>
      </c>
      <c r="DL11" s="244"/>
      <c r="DM11" s="71">
        <v>83</v>
      </c>
      <c r="DN11" s="71">
        <v>41</v>
      </c>
      <c r="DO11" s="71">
        <v>38</v>
      </c>
      <c r="DP11" s="71">
        <v>36</v>
      </c>
      <c r="DQ11" s="71">
        <v>38</v>
      </c>
      <c r="DR11" s="72">
        <v>236</v>
      </c>
      <c r="DS11" s="73">
        <v>312</v>
      </c>
      <c r="DT11" s="70">
        <v>138</v>
      </c>
      <c r="DU11" s="71">
        <v>102</v>
      </c>
      <c r="DV11" s="72">
        <v>240</v>
      </c>
      <c r="DW11" s="244"/>
      <c r="DX11" s="71">
        <v>248</v>
      </c>
      <c r="DY11" s="71">
        <v>160</v>
      </c>
      <c r="DZ11" s="71">
        <v>90</v>
      </c>
      <c r="EA11" s="71">
        <v>94</v>
      </c>
      <c r="EB11" s="71">
        <v>45</v>
      </c>
      <c r="EC11" s="72">
        <v>637</v>
      </c>
      <c r="ED11" s="73">
        <v>877</v>
      </c>
      <c r="EE11" s="70">
        <v>277</v>
      </c>
      <c r="EF11" s="71">
        <v>283</v>
      </c>
      <c r="EG11" s="72">
        <v>560</v>
      </c>
      <c r="EH11" s="244"/>
      <c r="EI11" s="71">
        <v>563</v>
      </c>
      <c r="EJ11" s="71">
        <v>308</v>
      </c>
      <c r="EK11" s="71">
        <v>207</v>
      </c>
      <c r="EL11" s="71">
        <v>190</v>
      </c>
      <c r="EM11" s="71">
        <v>133</v>
      </c>
      <c r="EN11" s="72">
        <v>1401</v>
      </c>
      <c r="EO11" s="73">
        <v>1961</v>
      </c>
      <c r="EP11" s="70">
        <v>585</v>
      </c>
      <c r="EQ11" s="71">
        <v>536</v>
      </c>
      <c r="ER11" s="72">
        <v>1121</v>
      </c>
      <c r="ES11" s="244"/>
      <c r="ET11" s="71">
        <v>1027</v>
      </c>
      <c r="EU11" s="71">
        <v>535</v>
      </c>
      <c r="EV11" s="71">
        <v>355</v>
      </c>
      <c r="EW11" s="71">
        <v>347</v>
      </c>
      <c r="EX11" s="71">
        <v>213</v>
      </c>
      <c r="EY11" s="72">
        <v>2477</v>
      </c>
      <c r="EZ11" s="73">
        <v>3598</v>
      </c>
      <c r="FA11" s="70">
        <v>557</v>
      </c>
      <c r="FB11" s="71">
        <v>612</v>
      </c>
      <c r="FC11" s="72">
        <v>1169</v>
      </c>
      <c r="FD11" s="244"/>
      <c r="FE11" s="71">
        <v>1303</v>
      </c>
      <c r="FF11" s="71">
        <v>708</v>
      </c>
      <c r="FG11" s="71">
        <v>546</v>
      </c>
      <c r="FH11" s="71">
        <v>521</v>
      </c>
      <c r="FI11" s="71">
        <v>304</v>
      </c>
      <c r="FJ11" s="72">
        <v>3382</v>
      </c>
      <c r="FK11" s="73">
        <v>4551</v>
      </c>
      <c r="FL11" s="70">
        <v>314</v>
      </c>
      <c r="FM11" s="71">
        <v>388</v>
      </c>
      <c r="FN11" s="72">
        <v>702</v>
      </c>
      <c r="FO11" s="244"/>
      <c r="FP11" s="71">
        <v>1174</v>
      </c>
      <c r="FQ11" s="71">
        <v>901</v>
      </c>
      <c r="FR11" s="71">
        <v>799</v>
      </c>
      <c r="FS11" s="71">
        <v>835</v>
      </c>
      <c r="FT11" s="71">
        <v>451</v>
      </c>
      <c r="FU11" s="72">
        <v>4160</v>
      </c>
      <c r="FV11" s="73">
        <v>4862</v>
      </c>
      <c r="FW11" s="70">
        <v>11</v>
      </c>
      <c r="FX11" s="71">
        <v>15</v>
      </c>
      <c r="FY11" s="72">
        <v>26</v>
      </c>
      <c r="FZ11" s="244"/>
      <c r="GA11" s="71">
        <v>72</v>
      </c>
      <c r="GB11" s="71">
        <v>54</v>
      </c>
      <c r="GC11" s="71">
        <v>33</v>
      </c>
      <c r="GD11" s="71">
        <v>23</v>
      </c>
      <c r="GE11" s="71">
        <v>27</v>
      </c>
      <c r="GF11" s="72">
        <v>209</v>
      </c>
      <c r="GG11" s="73">
        <v>235</v>
      </c>
      <c r="GH11" s="70">
        <v>1917</v>
      </c>
      <c r="GI11" s="71">
        <v>1977</v>
      </c>
      <c r="GJ11" s="72">
        <v>3894</v>
      </c>
      <c r="GK11" s="244"/>
      <c r="GL11" s="71">
        <v>4470</v>
      </c>
      <c r="GM11" s="71">
        <v>2707</v>
      </c>
      <c r="GN11" s="71">
        <v>2068</v>
      </c>
      <c r="GO11" s="71">
        <v>2046</v>
      </c>
      <c r="GP11" s="71">
        <v>1211</v>
      </c>
      <c r="GQ11" s="72">
        <v>12502</v>
      </c>
      <c r="GR11" s="73">
        <v>16396</v>
      </c>
      <c r="GS11" s="123">
        <v>2867</v>
      </c>
      <c r="GT11" s="82">
        <v>2722</v>
      </c>
      <c r="GU11" s="83">
        <v>5589</v>
      </c>
      <c r="GV11" s="241"/>
      <c r="GW11" s="82">
        <v>6711</v>
      </c>
      <c r="GX11" s="82">
        <v>4169</v>
      </c>
      <c r="GY11" s="82">
        <v>3014</v>
      </c>
      <c r="GZ11" s="82">
        <v>2847</v>
      </c>
      <c r="HA11" s="82">
        <v>1626</v>
      </c>
      <c r="HB11" s="84">
        <v>18367</v>
      </c>
      <c r="HC11" s="85">
        <v>23956</v>
      </c>
      <c r="HD11" s="70">
        <v>69</v>
      </c>
      <c r="HE11" s="71">
        <v>68</v>
      </c>
      <c r="HF11" s="72">
        <v>137</v>
      </c>
      <c r="HG11" s="244"/>
      <c r="HH11" s="71">
        <v>183</v>
      </c>
      <c r="HI11" s="71">
        <v>100</v>
      </c>
      <c r="HJ11" s="71">
        <v>81</v>
      </c>
      <c r="HK11" s="71">
        <v>80</v>
      </c>
      <c r="HL11" s="71">
        <v>70</v>
      </c>
      <c r="HM11" s="72">
        <v>514</v>
      </c>
      <c r="HN11" s="73">
        <v>651</v>
      </c>
      <c r="HO11" s="70">
        <v>219</v>
      </c>
      <c r="HP11" s="71">
        <v>184</v>
      </c>
      <c r="HQ11" s="72">
        <v>403</v>
      </c>
      <c r="HR11" s="244"/>
      <c r="HS11" s="71">
        <v>475</v>
      </c>
      <c r="HT11" s="71">
        <v>330</v>
      </c>
      <c r="HU11" s="71">
        <v>194</v>
      </c>
      <c r="HV11" s="71">
        <v>183</v>
      </c>
      <c r="HW11" s="71">
        <v>115</v>
      </c>
      <c r="HX11" s="72">
        <v>1297</v>
      </c>
      <c r="HY11" s="73">
        <v>1700</v>
      </c>
      <c r="HZ11" s="70">
        <v>419</v>
      </c>
      <c r="IA11" s="71">
        <v>412</v>
      </c>
      <c r="IB11" s="72">
        <v>831</v>
      </c>
      <c r="IC11" s="244"/>
      <c r="ID11" s="71">
        <v>956</v>
      </c>
      <c r="IE11" s="71">
        <v>546</v>
      </c>
      <c r="IF11" s="71">
        <v>369</v>
      </c>
      <c r="IG11" s="71">
        <v>321</v>
      </c>
      <c r="IH11" s="71">
        <v>208</v>
      </c>
      <c r="II11" s="72">
        <v>2400</v>
      </c>
      <c r="IJ11" s="73">
        <v>3231</v>
      </c>
      <c r="IK11" s="70">
        <v>832</v>
      </c>
      <c r="IL11" s="71">
        <v>709</v>
      </c>
      <c r="IM11" s="72">
        <v>1541</v>
      </c>
      <c r="IN11" s="244"/>
      <c r="IO11" s="71">
        <v>1595</v>
      </c>
      <c r="IP11" s="71">
        <v>910</v>
      </c>
      <c r="IQ11" s="71">
        <v>592</v>
      </c>
      <c r="IR11" s="71">
        <v>544</v>
      </c>
      <c r="IS11" s="71">
        <v>317</v>
      </c>
      <c r="IT11" s="72">
        <v>3958</v>
      </c>
      <c r="IU11" s="73">
        <v>5499</v>
      </c>
      <c r="IV11" s="70">
        <v>849</v>
      </c>
      <c r="IW11" s="71">
        <v>844</v>
      </c>
      <c r="IX11" s="72">
        <v>1693</v>
      </c>
      <c r="IY11" s="244"/>
      <c r="IZ11" s="71">
        <v>1899</v>
      </c>
      <c r="JA11" s="71">
        <v>1090</v>
      </c>
      <c r="JB11" s="71">
        <v>786</v>
      </c>
      <c r="JC11" s="71">
        <v>720</v>
      </c>
      <c r="JD11" s="71">
        <v>401</v>
      </c>
      <c r="JE11" s="72">
        <v>4896</v>
      </c>
      <c r="JF11" s="73">
        <v>6589</v>
      </c>
      <c r="JG11" s="70">
        <v>479</v>
      </c>
      <c r="JH11" s="71">
        <v>505</v>
      </c>
      <c r="JI11" s="72">
        <v>984</v>
      </c>
      <c r="JJ11" s="244"/>
      <c r="JK11" s="71">
        <v>1603</v>
      </c>
      <c r="JL11" s="71">
        <v>1193</v>
      </c>
      <c r="JM11" s="71">
        <v>992</v>
      </c>
      <c r="JN11" s="71">
        <v>999</v>
      </c>
      <c r="JO11" s="71">
        <v>515</v>
      </c>
      <c r="JP11" s="72">
        <v>5302</v>
      </c>
      <c r="JQ11" s="73">
        <v>6286</v>
      </c>
      <c r="JR11" s="70">
        <v>25</v>
      </c>
      <c r="JS11" s="71">
        <v>32</v>
      </c>
      <c r="JT11" s="72">
        <v>57</v>
      </c>
      <c r="JU11" s="244"/>
      <c r="JV11" s="71">
        <v>136</v>
      </c>
      <c r="JW11" s="71">
        <v>117</v>
      </c>
      <c r="JX11" s="71">
        <v>69</v>
      </c>
      <c r="JY11" s="71">
        <v>66</v>
      </c>
      <c r="JZ11" s="71">
        <v>55</v>
      </c>
      <c r="KA11" s="72">
        <v>443</v>
      </c>
      <c r="KB11" s="73">
        <v>500</v>
      </c>
      <c r="KC11" s="70">
        <v>2892</v>
      </c>
      <c r="KD11" s="71">
        <v>2754</v>
      </c>
      <c r="KE11" s="72">
        <v>5646</v>
      </c>
      <c r="KF11" s="244"/>
      <c r="KG11" s="71">
        <v>6847</v>
      </c>
      <c r="KH11" s="71">
        <v>4286</v>
      </c>
      <c r="KI11" s="71">
        <v>3083</v>
      </c>
      <c r="KJ11" s="71">
        <v>2913</v>
      </c>
      <c r="KK11" s="71">
        <v>1681</v>
      </c>
      <c r="KL11" s="72">
        <v>18810</v>
      </c>
      <c r="KM11" s="73">
        <v>24456</v>
      </c>
    </row>
    <row r="12" spans="2:299" ht="21" customHeight="1" x14ac:dyDescent="0.2">
      <c r="B12" s="126" t="s">
        <v>8</v>
      </c>
      <c r="C12" s="313">
        <v>554</v>
      </c>
      <c r="D12" s="82">
        <v>378</v>
      </c>
      <c r="E12" s="83">
        <v>932</v>
      </c>
      <c r="F12" s="241"/>
      <c r="G12" s="82">
        <v>996</v>
      </c>
      <c r="H12" s="82">
        <v>881</v>
      </c>
      <c r="I12" s="82">
        <v>652</v>
      </c>
      <c r="J12" s="82">
        <v>508</v>
      </c>
      <c r="K12" s="82">
        <v>287</v>
      </c>
      <c r="L12" s="84">
        <v>3324</v>
      </c>
      <c r="M12" s="85">
        <v>4256</v>
      </c>
      <c r="N12" s="70">
        <v>22</v>
      </c>
      <c r="O12" s="71">
        <v>27</v>
      </c>
      <c r="P12" s="72">
        <v>49</v>
      </c>
      <c r="Q12" s="244"/>
      <c r="R12" s="71">
        <v>45</v>
      </c>
      <c r="S12" s="71">
        <v>41</v>
      </c>
      <c r="T12" s="71">
        <v>25</v>
      </c>
      <c r="U12" s="71">
        <v>25</v>
      </c>
      <c r="V12" s="71">
        <v>18</v>
      </c>
      <c r="W12" s="72">
        <v>154</v>
      </c>
      <c r="X12" s="73">
        <v>203</v>
      </c>
      <c r="Y12" s="70">
        <v>50</v>
      </c>
      <c r="Z12" s="71">
        <v>52</v>
      </c>
      <c r="AA12" s="72">
        <v>102</v>
      </c>
      <c r="AB12" s="244"/>
      <c r="AC12" s="71">
        <v>97</v>
      </c>
      <c r="AD12" s="71">
        <v>113</v>
      </c>
      <c r="AE12" s="71">
        <v>71</v>
      </c>
      <c r="AF12" s="71">
        <v>74</v>
      </c>
      <c r="AG12" s="71">
        <v>44</v>
      </c>
      <c r="AH12" s="72">
        <v>399</v>
      </c>
      <c r="AI12" s="73">
        <v>501</v>
      </c>
      <c r="AJ12" s="70">
        <v>97</v>
      </c>
      <c r="AK12" s="71">
        <v>60</v>
      </c>
      <c r="AL12" s="72">
        <v>157</v>
      </c>
      <c r="AM12" s="244"/>
      <c r="AN12" s="71">
        <v>169</v>
      </c>
      <c r="AO12" s="71">
        <v>139</v>
      </c>
      <c r="AP12" s="71">
        <v>107</v>
      </c>
      <c r="AQ12" s="71">
        <v>80</v>
      </c>
      <c r="AR12" s="71">
        <v>50</v>
      </c>
      <c r="AS12" s="72">
        <v>545</v>
      </c>
      <c r="AT12" s="73">
        <v>702</v>
      </c>
      <c r="AU12" s="70">
        <v>145</v>
      </c>
      <c r="AV12" s="71">
        <v>80</v>
      </c>
      <c r="AW12" s="72">
        <v>225</v>
      </c>
      <c r="AX12" s="244"/>
      <c r="AY12" s="71">
        <v>257</v>
      </c>
      <c r="AZ12" s="71">
        <v>237</v>
      </c>
      <c r="BA12" s="71">
        <v>145</v>
      </c>
      <c r="BB12" s="71">
        <v>125</v>
      </c>
      <c r="BC12" s="71">
        <v>66</v>
      </c>
      <c r="BD12" s="72">
        <v>830</v>
      </c>
      <c r="BE12" s="73">
        <v>1055</v>
      </c>
      <c r="BF12" s="70">
        <v>145</v>
      </c>
      <c r="BG12" s="71">
        <v>91</v>
      </c>
      <c r="BH12" s="72">
        <v>236</v>
      </c>
      <c r="BI12" s="244"/>
      <c r="BJ12" s="71">
        <v>256</v>
      </c>
      <c r="BK12" s="71">
        <v>205</v>
      </c>
      <c r="BL12" s="71">
        <v>156</v>
      </c>
      <c r="BM12" s="71">
        <v>101</v>
      </c>
      <c r="BN12" s="71">
        <v>61</v>
      </c>
      <c r="BO12" s="72">
        <v>779</v>
      </c>
      <c r="BP12" s="73">
        <v>1015</v>
      </c>
      <c r="BQ12" s="70">
        <v>95</v>
      </c>
      <c r="BR12" s="71">
        <v>68</v>
      </c>
      <c r="BS12" s="72">
        <v>163</v>
      </c>
      <c r="BT12" s="244"/>
      <c r="BU12" s="71">
        <v>172</v>
      </c>
      <c r="BV12" s="71">
        <v>146</v>
      </c>
      <c r="BW12" s="71">
        <v>148</v>
      </c>
      <c r="BX12" s="71">
        <v>103</v>
      </c>
      <c r="BY12" s="71">
        <v>48</v>
      </c>
      <c r="BZ12" s="72">
        <v>617</v>
      </c>
      <c r="CA12" s="73">
        <v>780</v>
      </c>
      <c r="CB12" s="70">
        <v>16</v>
      </c>
      <c r="CC12" s="71">
        <v>12</v>
      </c>
      <c r="CD12" s="72">
        <v>28</v>
      </c>
      <c r="CE12" s="244"/>
      <c r="CF12" s="71">
        <v>29</v>
      </c>
      <c r="CG12" s="71">
        <v>44</v>
      </c>
      <c r="CH12" s="71">
        <v>25</v>
      </c>
      <c r="CI12" s="71">
        <v>28</v>
      </c>
      <c r="CJ12" s="71">
        <v>8</v>
      </c>
      <c r="CK12" s="72">
        <v>134</v>
      </c>
      <c r="CL12" s="73">
        <v>162</v>
      </c>
      <c r="CM12" s="70">
        <v>570</v>
      </c>
      <c r="CN12" s="71">
        <v>390</v>
      </c>
      <c r="CO12" s="72">
        <v>960</v>
      </c>
      <c r="CP12" s="244"/>
      <c r="CQ12" s="71">
        <v>1025</v>
      </c>
      <c r="CR12" s="71">
        <v>925</v>
      </c>
      <c r="CS12" s="71">
        <v>677</v>
      </c>
      <c r="CT12" s="71">
        <v>536</v>
      </c>
      <c r="CU12" s="71">
        <v>295</v>
      </c>
      <c r="CV12" s="72">
        <v>3458</v>
      </c>
      <c r="CW12" s="73">
        <v>4418</v>
      </c>
      <c r="CX12" s="123">
        <v>1071</v>
      </c>
      <c r="CY12" s="82">
        <v>954</v>
      </c>
      <c r="CZ12" s="83">
        <v>2025</v>
      </c>
      <c r="DA12" s="241"/>
      <c r="DB12" s="82">
        <v>1722</v>
      </c>
      <c r="DC12" s="82">
        <v>1607</v>
      </c>
      <c r="DD12" s="82">
        <v>1306</v>
      </c>
      <c r="DE12" s="82">
        <v>1101</v>
      </c>
      <c r="DF12" s="82">
        <v>656</v>
      </c>
      <c r="DG12" s="84">
        <v>6392</v>
      </c>
      <c r="DH12" s="85">
        <v>8417</v>
      </c>
      <c r="DI12" s="70">
        <v>27</v>
      </c>
      <c r="DJ12" s="71">
        <v>17</v>
      </c>
      <c r="DK12" s="72">
        <v>44</v>
      </c>
      <c r="DL12" s="244"/>
      <c r="DM12" s="71">
        <v>43</v>
      </c>
      <c r="DN12" s="71">
        <v>30</v>
      </c>
      <c r="DO12" s="71">
        <v>20</v>
      </c>
      <c r="DP12" s="71">
        <v>27</v>
      </c>
      <c r="DQ12" s="71">
        <v>15</v>
      </c>
      <c r="DR12" s="72">
        <v>135</v>
      </c>
      <c r="DS12" s="73">
        <v>179</v>
      </c>
      <c r="DT12" s="70">
        <v>84</v>
      </c>
      <c r="DU12" s="71">
        <v>67</v>
      </c>
      <c r="DV12" s="72">
        <v>151</v>
      </c>
      <c r="DW12" s="244"/>
      <c r="DX12" s="71">
        <v>94</v>
      </c>
      <c r="DY12" s="71">
        <v>82</v>
      </c>
      <c r="DZ12" s="71">
        <v>58</v>
      </c>
      <c r="EA12" s="71">
        <v>53</v>
      </c>
      <c r="EB12" s="71">
        <v>42</v>
      </c>
      <c r="EC12" s="72">
        <v>329</v>
      </c>
      <c r="ED12" s="73">
        <v>480</v>
      </c>
      <c r="EE12" s="70">
        <v>161</v>
      </c>
      <c r="EF12" s="71">
        <v>148</v>
      </c>
      <c r="EG12" s="72">
        <v>309</v>
      </c>
      <c r="EH12" s="244"/>
      <c r="EI12" s="71">
        <v>214</v>
      </c>
      <c r="EJ12" s="71">
        <v>156</v>
      </c>
      <c r="EK12" s="71">
        <v>126</v>
      </c>
      <c r="EL12" s="71">
        <v>108</v>
      </c>
      <c r="EM12" s="71">
        <v>74</v>
      </c>
      <c r="EN12" s="72">
        <v>678</v>
      </c>
      <c r="EO12" s="73">
        <v>987</v>
      </c>
      <c r="EP12" s="70">
        <v>342</v>
      </c>
      <c r="EQ12" s="71">
        <v>273</v>
      </c>
      <c r="ER12" s="72">
        <v>615</v>
      </c>
      <c r="ES12" s="244"/>
      <c r="ET12" s="71">
        <v>433</v>
      </c>
      <c r="EU12" s="71">
        <v>336</v>
      </c>
      <c r="EV12" s="71">
        <v>234</v>
      </c>
      <c r="EW12" s="71">
        <v>185</v>
      </c>
      <c r="EX12" s="71">
        <v>123</v>
      </c>
      <c r="EY12" s="72">
        <v>1311</v>
      </c>
      <c r="EZ12" s="73">
        <v>1926</v>
      </c>
      <c r="FA12" s="70">
        <v>295</v>
      </c>
      <c r="FB12" s="71">
        <v>276</v>
      </c>
      <c r="FC12" s="72">
        <v>571</v>
      </c>
      <c r="FD12" s="244"/>
      <c r="FE12" s="71">
        <v>510</v>
      </c>
      <c r="FF12" s="71">
        <v>468</v>
      </c>
      <c r="FG12" s="71">
        <v>362</v>
      </c>
      <c r="FH12" s="71">
        <v>255</v>
      </c>
      <c r="FI12" s="71">
        <v>168</v>
      </c>
      <c r="FJ12" s="72">
        <v>1763</v>
      </c>
      <c r="FK12" s="73">
        <v>2334</v>
      </c>
      <c r="FL12" s="70">
        <v>162</v>
      </c>
      <c r="FM12" s="71">
        <v>173</v>
      </c>
      <c r="FN12" s="72">
        <v>335</v>
      </c>
      <c r="FO12" s="244"/>
      <c r="FP12" s="71">
        <v>428</v>
      </c>
      <c r="FQ12" s="71">
        <v>535</v>
      </c>
      <c r="FR12" s="71">
        <v>506</v>
      </c>
      <c r="FS12" s="71">
        <v>473</v>
      </c>
      <c r="FT12" s="71">
        <v>234</v>
      </c>
      <c r="FU12" s="72">
        <v>2176</v>
      </c>
      <c r="FV12" s="73">
        <v>2511</v>
      </c>
      <c r="FW12" s="70">
        <v>8</v>
      </c>
      <c r="FX12" s="71">
        <v>20</v>
      </c>
      <c r="FY12" s="72">
        <v>28</v>
      </c>
      <c r="FZ12" s="244"/>
      <c r="GA12" s="71">
        <v>17</v>
      </c>
      <c r="GB12" s="71">
        <v>40</v>
      </c>
      <c r="GC12" s="71">
        <v>17</v>
      </c>
      <c r="GD12" s="71">
        <v>17</v>
      </c>
      <c r="GE12" s="71">
        <v>17</v>
      </c>
      <c r="GF12" s="72">
        <v>108</v>
      </c>
      <c r="GG12" s="73">
        <v>136</v>
      </c>
      <c r="GH12" s="70">
        <v>1079</v>
      </c>
      <c r="GI12" s="71">
        <v>974</v>
      </c>
      <c r="GJ12" s="72">
        <v>2053</v>
      </c>
      <c r="GK12" s="244"/>
      <c r="GL12" s="71">
        <v>1739</v>
      </c>
      <c r="GM12" s="71">
        <v>1647</v>
      </c>
      <c r="GN12" s="71">
        <v>1323</v>
      </c>
      <c r="GO12" s="71">
        <v>1118</v>
      </c>
      <c r="GP12" s="71">
        <v>673</v>
      </c>
      <c r="GQ12" s="72">
        <v>6500</v>
      </c>
      <c r="GR12" s="73">
        <v>8553</v>
      </c>
      <c r="GS12" s="123">
        <v>1625</v>
      </c>
      <c r="GT12" s="82">
        <v>1332</v>
      </c>
      <c r="GU12" s="83">
        <v>2957</v>
      </c>
      <c r="GV12" s="241"/>
      <c r="GW12" s="82">
        <v>2718</v>
      </c>
      <c r="GX12" s="82">
        <v>2488</v>
      </c>
      <c r="GY12" s="82">
        <v>1958</v>
      </c>
      <c r="GZ12" s="82">
        <v>1609</v>
      </c>
      <c r="HA12" s="82">
        <v>943</v>
      </c>
      <c r="HB12" s="84">
        <v>9716</v>
      </c>
      <c r="HC12" s="85">
        <v>12673</v>
      </c>
      <c r="HD12" s="70">
        <v>49</v>
      </c>
      <c r="HE12" s="71">
        <v>44</v>
      </c>
      <c r="HF12" s="72">
        <v>93</v>
      </c>
      <c r="HG12" s="244"/>
      <c r="HH12" s="71">
        <v>88</v>
      </c>
      <c r="HI12" s="71">
        <v>71</v>
      </c>
      <c r="HJ12" s="71">
        <v>45</v>
      </c>
      <c r="HK12" s="71">
        <v>52</v>
      </c>
      <c r="HL12" s="71">
        <v>33</v>
      </c>
      <c r="HM12" s="72">
        <v>289</v>
      </c>
      <c r="HN12" s="73">
        <v>382</v>
      </c>
      <c r="HO12" s="70">
        <v>134</v>
      </c>
      <c r="HP12" s="71">
        <v>119</v>
      </c>
      <c r="HQ12" s="72">
        <v>253</v>
      </c>
      <c r="HR12" s="244"/>
      <c r="HS12" s="71">
        <v>191</v>
      </c>
      <c r="HT12" s="71">
        <v>195</v>
      </c>
      <c r="HU12" s="71">
        <v>129</v>
      </c>
      <c r="HV12" s="71">
        <v>127</v>
      </c>
      <c r="HW12" s="71">
        <v>86</v>
      </c>
      <c r="HX12" s="72">
        <v>728</v>
      </c>
      <c r="HY12" s="73">
        <v>981</v>
      </c>
      <c r="HZ12" s="70">
        <v>258</v>
      </c>
      <c r="IA12" s="71">
        <v>208</v>
      </c>
      <c r="IB12" s="72">
        <v>466</v>
      </c>
      <c r="IC12" s="244"/>
      <c r="ID12" s="71">
        <v>383</v>
      </c>
      <c r="IE12" s="71">
        <v>295</v>
      </c>
      <c r="IF12" s="71">
        <v>233</v>
      </c>
      <c r="IG12" s="71">
        <v>188</v>
      </c>
      <c r="IH12" s="71">
        <v>124</v>
      </c>
      <c r="II12" s="72">
        <v>1223</v>
      </c>
      <c r="IJ12" s="73">
        <v>1689</v>
      </c>
      <c r="IK12" s="70">
        <v>487</v>
      </c>
      <c r="IL12" s="71">
        <v>353</v>
      </c>
      <c r="IM12" s="72">
        <v>840</v>
      </c>
      <c r="IN12" s="244"/>
      <c r="IO12" s="71">
        <v>690</v>
      </c>
      <c r="IP12" s="71">
        <v>573</v>
      </c>
      <c r="IQ12" s="71">
        <v>379</v>
      </c>
      <c r="IR12" s="71">
        <v>310</v>
      </c>
      <c r="IS12" s="71">
        <v>189</v>
      </c>
      <c r="IT12" s="72">
        <v>2141</v>
      </c>
      <c r="IU12" s="73">
        <v>2981</v>
      </c>
      <c r="IV12" s="70">
        <v>440</v>
      </c>
      <c r="IW12" s="71">
        <v>367</v>
      </c>
      <c r="IX12" s="72">
        <v>807</v>
      </c>
      <c r="IY12" s="244"/>
      <c r="IZ12" s="71">
        <v>766</v>
      </c>
      <c r="JA12" s="71">
        <v>673</v>
      </c>
      <c r="JB12" s="71">
        <v>518</v>
      </c>
      <c r="JC12" s="71">
        <v>356</v>
      </c>
      <c r="JD12" s="71">
        <v>229</v>
      </c>
      <c r="JE12" s="72">
        <v>2542</v>
      </c>
      <c r="JF12" s="73">
        <v>3349</v>
      </c>
      <c r="JG12" s="70">
        <v>257</v>
      </c>
      <c r="JH12" s="71">
        <v>241</v>
      </c>
      <c r="JI12" s="72">
        <v>498</v>
      </c>
      <c r="JJ12" s="244"/>
      <c r="JK12" s="71">
        <v>600</v>
      </c>
      <c r="JL12" s="71">
        <v>681</v>
      </c>
      <c r="JM12" s="71">
        <v>654</v>
      </c>
      <c r="JN12" s="71">
        <v>576</v>
      </c>
      <c r="JO12" s="71">
        <v>282</v>
      </c>
      <c r="JP12" s="72">
        <v>2793</v>
      </c>
      <c r="JQ12" s="73">
        <v>3291</v>
      </c>
      <c r="JR12" s="70">
        <v>24</v>
      </c>
      <c r="JS12" s="71">
        <v>32</v>
      </c>
      <c r="JT12" s="72">
        <v>56</v>
      </c>
      <c r="JU12" s="244"/>
      <c r="JV12" s="71">
        <v>46</v>
      </c>
      <c r="JW12" s="71">
        <v>84</v>
      </c>
      <c r="JX12" s="71">
        <v>42</v>
      </c>
      <c r="JY12" s="71">
        <v>45</v>
      </c>
      <c r="JZ12" s="71">
        <v>25</v>
      </c>
      <c r="KA12" s="72">
        <v>242</v>
      </c>
      <c r="KB12" s="73">
        <v>298</v>
      </c>
      <c r="KC12" s="70">
        <v>1649</v>
      </c>
      <c r="KD12" s="71">
        <v>1364</v>
      </c>
      <c r="KE12" s="72">
        <v>3013</v>
      </c>
      <c r="KF12" s="244"/>
      <c r="KG12" s="71">
        <v>2764</v>
      </c>
      <c r="KH12" s="71">
        <v>2572</v>
      </c>
      <c r="KI12" s="71">
        <v>2000</v>
      </c>
      <c r="KJ12" s="71">
        <v>1654</v>
      </c>
      <c r="KK12" s="71">
        <v>968</v>
      </c>
      <c r="KL12" s="72">
        <v>9958</v>
      </c>
      <c r="KM12" s="73">
        <v>12971</v>
      </c>
    </row>
    <row r="13" spans="2:299" ht="21" customHeight="1" x14ac:dyDescent="0.2">
      <c r="B13" s="126" t="s">
        <v>9</v>
      </c>
      <c r="C13" s="313">
        <v>700</v>
      </c>
      <c r="D13" s="82">
        <v>396</v>
      </c>
      <c r="E13" s="83">
        <v>1096</v>
      </c>
      <c r="F13" s="241"/>
      <c r="G13" s="82">
        <v>832</v>
      </c>
      <c r="H13" s="82">
        <v>593</v>
      </c>
      <c r="I13" s="82">
        <v>444</v>
      </c>
      <c r="J13" s="82">
        <v>379</v>
      </c>
      <c r="K13" s="82">
        <v>225</v>
      </c>
      <c r="L13" s="84">
        <v>2473</v>
      </c>
      <c r="M13" s="85">
        <v>3569</v>
      </c>
      <c r="N13" s="70">
        <v>21</v>
      </c>
      <c r="O13" s="71">
        <v>13</v>
      </c>
      <c r="P13" s="72">
        <v>34</v>
      </c>
      <c r="Q13" s="244"/>
      <c r="R13" s="71">
        <v>21</v>
      </c>
      <c r="S13" s="71">
        <v>22</v>
      </c>
      <c r="T13" s="71">
        <v>16</v>
      </c>
      <c r="U13" s="71">
        <v>13</v>
      </c>
      <c r="V13" s="71">
        <v>9</v>
      </c>
      <c r="W13" s="72">
        <v>81</v>
      </c>
      <c r="X13" s="73">
        <v>115</v>
      </c>
      <c r="Y13" s="70">
        <v>35</v>
      </c>
      <c r="Z13" s="71">
        <v>29</v>
      </c>
      <c r="AA13" s="72">
        <v>64</v>
      </c>
      <c r="AB13" s="244"/>
      <c r="AC13" s="71">
        <v>51</v>
      </c>
      <c r="AD13" s="71">
        <v>44</v>
      </c>
      <c r="AE13" s="71">
        <v>27</v>
      </c>
      <c r="AF13" s="71">
        <v>22</v>
      </c>
      <c r="AG13" s="71">
        <v>32</v>
      </c>
      <c r="AH13" s="72">
        <v>176</v>
      </c>
      <c r="AI13" s="73">
        <v>240</v>
      </c>
      <c r="AJ13" s="70">
        <v>78</v>
      </c>
      <c r="AK13" s="71">
        <v>49</v>
      </c>
      <c r="AL13" s="72">
        <v>127</v>
      </c>
      <c r="AM13" s="244"/>
      <c r="AN13" s="71">
        <v>99</v>
      </c>
      <c r="AO13" s="71">
        <v>79</v>
      </c>
      <c r="AP13" s="71">
        <v>72</v>
      </c>
      <c r="AQ13" s="71">
        <v>60</v>
      </c>
      <c r="AR13" s="71">
        <v>41</v>
      </c>
      <c r="AS13" s="72">
        <v>351</v>
      </c>
      <c r="AT13" s="73">
        <v>478</v>
      </c>
      <c r="AU13" s="70">
        <v>190</v>
      </c>
      <c r="AV13" s="71">
        <v>81</v>
      </c>
      <c r="AW13" s="72">
        <v>271</v>
      </c>
      <c r="AX13" s="244"/>
      <c r="AY13" s="71">
        <v>203</v>
      </c>
      <c r="AZ13" s="71">
        <v>128</v>
      </c>
      <c r="BA13" s="71">
        <v>85</v>
      </c>
      <c r="BB13" s="71">
        <v>58</v>
      </c>
      <c r="BC13" s="71">
        <v>44</v>
      </c>
      <c r="BD13" s="72">
        <v>518</v>
      </c>
      <c r="BE13" s="73">
        <v>789</v>
      </c>
      <c r="BF13" s="70">
        <v>218</v>
      </c>
      <c r="BG13" s="71">
        <v>135</v>
      </c>
      <c r="BH13" s="72">
        <v>353</v>
      </c>
      <c r="BI13" s="244"/>
      <c r="BJ13" s="71">
        <v>240</v>
      </c>
      <c r="BK13" s="71">
        <v>156</v>
      </c>
      <c r="BL13" s="71">
        <v>118</v>
      </c>
      <c r="BM13" s="71">
        <v>117</v>
      </c>
      <c r="BN13" s="71">
        <v>43</v>
      </c>
      <c r="BO13" s="72">
        <v>674</v>
      </c>
      <c r="BP13" s="73">
        <v>1027</v>
      </c>
      <c r="BQ13" s="70">
        <v>158</v>
      </c>
      <c r="BR13" s="71">
        <v>89</v>
      </c>
      <c r="BS13" s="72">
        <v>247</v>
      </c>
      <c r="BT13" s="244"/>
      <c r="BU13" s="71">
        <v>218</v>
      </c>
      <c r="BV13" s="71">
        <v>164</v>
      </c>
      <c r="BW13" s="71">
        <v>126</v>
      </c>
      <c r="BX13" s="71">
        <v>109</v>
      </c>
      <c r="BY13" s="71">
        <v>56</v>
      </c>
      <c r="BZ13" s="72">
        <v>673</v>
      </c>
      <c r="CA13" s="73">
        <v>920</v>
      </c>
      <c r="CB13" s="70">
        <v>5</v>
      </c>
      <c r="CC13" s="71">
        <v>15</v>
      </c>
      <c r="CD13" s="72">
        <v>20</v>
      </c>
      <c r="CE13" s="244"/>
      <c r="CF13" s="71">
        <v>28</v>
      </c>
      <c r="CG13" s="71">
        <v>22</v>
      </c>
      <c r="CH13" s="71">
        <v>18</v>
      </c>
      <c r="CI13" s="71">
        <v>13</v>
      </c>
      <c r="CJ13" s="71">
        <v>10</v>
      </c>
      <c r="CK13" s="72">
        <v>91</v>
      </c>
      <c r="CL13" s="73">
        <v>111</v>
      </c>
      <c r="CM13" s="70">
        <v>705</v>
      </c>
      <c r="CN13" s="71">
        <v>411</v>
      </c>
      <c r="CO13" s="72">
        <v>1116</v>
      </c>
      <c r="CP13" s="244"/>
      <c r="CQ13" s="71">
        <v>860</v>
      </c>
      <c r="CR13" s="71">
        <v>615</v>
      </c>
      <c r="CS13" s="71">
        <v>462</v>
      </c>
      <c r="CT13" s="71">
        <v>392</v>
      </c>
      <c r="CU13" s="71">
        <v>235</v>
      </c>
      <c r="CV13" s="72">
        <v>2564</v>
      </c>
      <c r="CW13" s="73">
        <v>3680</v>
      </c>
      <c r="CX13" s="123">
        <v>1442</v>
      </c>
      <c r="CY13" s="82">
        <v>983</v>
      </c>
      <c r="CZ13" s="83">
        <v>2425</v>
      </c>
      <c r="DA13" s="241"/>
      <c r="DB13" s="82">
        <v>1708</v>
      </c>
      <c r="DC13" s="82">
        <v>1145</v>
      </c>
      <c r="DD13" s="82">
        <v>953</v>
      </c>
      <c r="DE13" s="82">
        <v>1035</v>
      </c>
      <c r="DF13" s="82">
        <v>724</v>
      </c>
      <c r="DG13" s="84">
        <v>5565</v>
      </c>
      <c r="DH13" s="85">
        <v>7990</v>
      </c>
      <c r="DI13" s="70">
        <v>24</v>
      </c>
      <c r="DJ13" s="71">
        <v>16</v>
      </c>
      <c r="DK13" s="72">
        <v>40</v>
      </c>
      <c r="DL13" s="244"/>
      <c r="DM13" s="71">
        <v>8</v>
      </c>
      <c r="DN13" s="71">
        <v>16</v>
      </c>
      <c r="DO13" s="71">
        <v>12</v>
      </c>
      <c r="DP13" s="71">
        <v>6</v>
      </c>
      <c r="DQ13" s="71">
        <v>16</v>
      </c>
      <c r="DR13" s="72">
        <v>58</v>
      </c>
      <c r="DS13" s="73">
        <v>98</v>
      </c>
      <c r="DT13" s="70">
        <v>71</v>
      </c>
      <c r="DU13" s="71">
        <v>55</v>
      </c>
      <c r="DV13" s="72">
        <v>126</v>
      </c>
      <c r="DW13" s="244"/>
      <c r="DX13" s="71">
        <v>75</v>
      </c>
      <c r="DY13" s="71">
        <v>38</v>
      </c>
      <c r="DZ13" s="71">
        <v>27</v>
      </c>
      <c r="EA13" s="71">
        <v>27</v>
      </c>
      <c r="EB13" s="71">
        <v>26</v>
      </c>
      <c r="EC13" s="72">
        <v>193</v>
      </c>
      <c r="ED13" s="73">
        <v>319</v>
      </c>
      <c r="EE13" s="70">
        <v>203</v>
      </c>
      <c r="EF13" s="71">
        <v>141</v>
      </c>
      <c r="EG13" s="72">
        <v>344</v>
      </c>
      <c r="EH13" s="244"/>
      <c r="EI13" s="71">
        <v>170</v>
      </c>
      <c r="EJ13" s="71">
        <v>91</v>
      </c>
      <c r="EK13" s="71">
        <v>75</v>
      </c>
      <c r="EL13" s="71">
        <v>58</v>
      </c>
      <c r="EM13" s="71">
        <v>71</v>
      </c>
      <c r="EN13" s="72">
        <v>465</v>
      </c>
      <c r="EO13" s="73">
        <v>809</v>
      </c>
      <c r="EP13" s="70">
        <v>396</v>
      </c>
      <c r="EQ13" s="71">
        <v>243</v>
      </c>
      <c r="ER13" s="72">
        <v>639</v>
      </c>
      <c r="ES13" s="244"/>
      <c r="ET13" s="71">
        <v>351</v>
      </c>
      <c r="EU13" s="71">
        <v>195</v>
      </c>
      <c r="EV13" s="71">
        <v>144</v>
      </c>
      <c r="EW13" s="71">
        <v>167</v>
      </c>
      <c r="EX13" s="71">
        <v>110</v>
      </c>
      <c r="EY13" s="72">
        <v>967</v>
      </c>
      <c r="EZ13" s="73">
        <v>1606</v>
      </c>
      <c r="FA13" s="70">
        <v>477</v>
      </c>
      <c r="FB13" s="71">
        <v>286</v>
      </c>
      <c r="FC13" s="72">
        <v>763</v>
      </c>
      <c r="FD13" s="244"/>
      <c r="FE13" s="71">
        <v>520</v>
      </c>
      <c r="FF13" s="71">
        <v>344</v>
      </c>
      <c r="FG13" s="71">
        <v>243</v>
      </c>
      <c r="FH13" s="71">
        <v>238</v>
      </c>
      <c r="FI13" s="71">
        <v>191</v>
      </c>
      <c r="FJ13" s="72">
        <v>1536</v>
      </c>
      <c r="FK13" s="73">
        <v>2299</v>
      </c>
      <c r="FL13" s="70">
        <v>271</v>
      </c>
      <c r="FM13" s="71">
        <v>242</v>
      </c>
      <c r="FN13" s="72">
        <v>513</v>
      </c>
      <c r="FO13" s="244"/>
      <c r="FP13" s="71">
        <v>584</v>
      </c>
      <c r="FQ13" s="71">
        <v>461</v>
      </c>
      <c r="FR13" s="71">
        <v>452</v>
      </c>
      <c r="FS13" s="71">
        <v>539</v>
      </c>
      <c r="FT13" s="71">
        <v>310</v>
      </c>
      <c r="FU13" s="72">
        <v>2346</v>
      </c>
      <c r="FV13" s="73">
        <v>2859</v>
      </c>
      <c r="FW13" s="70">
        <v>6</v>
      </c>
      <c r="FX13" s="71">
        <v>16</v>
      </c>
      <c r="FY13" s="72">
        <v>22</v>
      </c>
      <c r="FZ13" s="244"/>
      <c r="GA13" s="71">
        <v>15</v>
      </c>
      <c r="GB13" s="71">
        <v>16</v>
      </c>
      <c r="GC13" s="71">
        <v>13</v>
      </c>
      <c r="GD13" s="71">
        <v>13</v>
      </c>
      <c r="GE13" s="71">
        <v>12</v>
      </c>
      <c r="GF13" s="72">
        <v>69</v>
      </c>
      <c r="GG13" s="73">
        <v>91</v>
      </c>
      <c r="GH13" s="70">
        <v>1448</v>
      </c>
      <c r="GI13" s="71">
        <v>999</v>
      </c>
      <c r="GJ13" s="72">
        <v>2447</v>
      </c>
      <c r="GK13" s="244"/>
      <c r="GL13" s="71">
        <v>1723</v>
      </c>
      <c r="GM13" s="71">
        <v>1161</v>
      </c>
      <c r="GN13" s="71">
        <v>966</v>
      </c>
      <c r="GO13" s="71">
        <v>1048</v>
      </c>
      <c r="GP13" s="71">
        <v>736</v>
      </c>
      <c r="GQ13" s="72">
        <v>5634</v>
      </c>
      <c r="GR13" s="73">
        <v>8081</v>
      </c>
      <c r="GS13" s="123">
        <v>2142</v>
      </c>
      <c r="GT13" s="82">
        <v>1379</v>
      </c>
      <c r="GU13" s="83">
        <v>3521</v>
      </c>
      <c r="GV13" s="241"/>
      <c r="GW13" s="82">
        <v>2540</v>
      </c>
      <c r="GX13" s="82">
        <v>1738</v>
      </c>
      <c r="GY13" s="82">
        <v>1397</v>
      </c>
      <c r="GZ13" s="82">
        <v>1414</v>
      </c>
      <c r="HA13" s="82">
        <v>949</v>
      </c>
      <c r="HB13" s="84">
        <v>8038</v>
      </c>
      <c r="HC13" s="85">
        <v>11559</v>
      </c>
      <c r="HD13" s="70">
        <v>45</v>
      </c>
      <c r="HE13" s="71">
        <v>29</v>
      </c>
      <c r="HF13" s="72">
        <v>74</v>
      </c>
      <c r="HG13" s="244"/>
      <c r="HH13" s="71">
        <v>29</v>
      </c>
      <c r="HI13" s="71">
        <v>38</v>
      </c>
      <c r="HJ13" s="71">
        <v>28</v>
      </c>
      <c r="HK13" s="71">
        <v>19</v>
      </c>
      <c r="HL13" s="71">
        <v>25</v>
      </c>
      <c r="HM13" s="72">
        <v>139</v>
      </c>
      <c r="HN13" s="73">
        <v>213</v>
      </c>
      <c r="HO13" s="70">
        <v>106</v>
      </c>
      <c r="HP13" s="71">
        <v>84</v>
      </c>
      <c r="HQ13" s="72">
        <v>190</v>
      </c>
      <c r="HR13" s="244"/>
      <c r="HS13" s="71">
        <v>126</v>
      </c>
      <c r="HT13" s="71">
        <v>82</v>
      </c>
      <c r="HU13" s="71">
        <v>54</v>
      </c>
      <c r="HV13" s="71">
        <v>49</v>
      </c>
      <c r="HW13" s="71">
        <v>58</v>
      </c>
      <c r="HX13" s="72">
        <v>369</v>
      </c>
      <c r="HY13" s="73">
        <v>559</v>
      </c>
      <c r="HZ13" s="70">
        <v>281</v>
      </c>
      <c r="IA13" s="71">
        <v>190</v>
      </c>
      <c r="IB13" s="72">
        <v>471</v>
      </c>
      <c r="IC13" s="244"/>
      <c r="ID13" s="71">
        <v>269</v>
      </c>
      <c r="IE13" s="71">
        <v>170</v>
      </c>
      <c r="IF13" s="71">
        <v>147</v>
      </c>
      <c r="IG13" s="71">
        <v>118</v>
      </c>
      <c r="IH13" s="71">
        <v>112</v>
      </c>
      <c r="II13" s="72">
        <v>816</v>
      </c>
      <c r="IJ13" s="73">
        <v>1287</v>
      </c>
      <c r="IK13" s="70">
        <v>586</v>
      </c>
      <c r="IL13" s="71">
        <v>324</v>
      </c>
      <c r="IM13" s="72">
        <v>910</v>
      </c>
      <c r="IN13" s="244"/>
      <c r="IO13" s="71">
        <v>554</v>
      </c>
      <c r="IP13" s="71">
        <v>323</v>
      </c>
      <c r="IQ13" s="71">
        <v>229</v>
      </c>
      <c r="IR13" s="71">
        <v>225</v>
      </c>
      <c r="IS13" s="71">
        <v>154</v>
      </c>
      <c r="IT13" s="72">
        <v>1485</v>
      </c>
      <c r="IU13" s="73">
        <v>2395</v>
      </c>
      <c r="IV13" s="70">
        <v>695</v>
      </c>
      <c r="IW13" s="71">
        <v>421</v>
      </c>
      <c r="IX13" s="72">
        <v>1116</v>
      </c>
      <c r="IY13" s="244"/>
      <c r="IZ13" s="71">
        <v>760</v>
      </c>
      <c r="JA13" s="71">
        <v>500</v>
      </c>
      <c r="JB13" s="71">
        <v>361</v>
      </c>
      <c r="JC13" s="71">
        <v>355</v>
      </c>
      <c r="JD13" s="71">
        <v>234</v>
      </c>
      <c r="JE13" s="72">
        <v>2210</v>
      </c>
      <c r="JF13" s="73">
        <v>3326</v>
      </c>
      <c r="JG13" s="70">
        <v>429</v>
      </c>
      <c r="JH13" s="71">
        <v>331</v>
      </c>
      <c r="JI13" s="72">
        <v>760</v>
      </c>
      <c r="JJ13" s="244"/>
      <c r="JK13" s="71">
        <v>802</v>
      </c>
      <c r="JL13" s="71">
        <v>625</v>
      </c>
      <c r="JM13" s="71">
        <v>578</v>
      </c>
      <c r="JN13" s="71">
        <v>648</v>
      </c>
      <c r="JO13" s="71">
        <v>366</v>
      </c>
      <c r="JP13" s="72">
        <v>3019</v>
      </c>
      <c r="JQ13" s="73">
        <v>3779</v>
      </c>
      <c r="JR13" s="70">
        <v>11</v>
      </c>
      <c r="JS13" s="71">
        <v>31</v>
      </c>
      <c r="JT13" s="72">
        <v>42</v>
      </c>
      <c r="JU13" s="244"/>
      <c r="JV13" s="71">
        <v>43</v>
      </c>
      <c r="JW13" s="71">
        <v>38</v>
      </c>
      <c r="JX13" s="71">
        <v>31</v>
      </c>
      <c r="JY13" s="71">
        <v>26</v>
      </c>
      <c r="JZ13" s="71">
        <v>22</v>
      </c>
      <c r="KA13" s="72">
        <v>160</v>
      </c>
      <c r="KB13" s="73">
        <v>202</v>
      </c>
      <c r="KC13" s="70">
        <v>2153</v>
      </c>
      <c r="KD13" s="71">
        <v>1410</v>
      </c>
      <c r="KE13" s="72">
        <v>3563</v>
      </c>
      <c r="KF13" s="244"/>
      <c r="KG13" s="71">
        <v>2583</v>
      </c>
      <c r="KH13" s="71">
        <v>1776</v>
      </c>
      <c r="KI13" s="71">
        <v>1428</v>
      </c>
      <c r="KJ13" s="71">
        <v>1440</v>
      </c>
      <c r="KK13" s="71">
        <v>971</v>
      </c>
      <c r="KL13" s="72">
        <v>8198</v>
      </c>
      <c r="KM13" s="73">
        <v>11761</v>
      </c>
    </row>
    <row r="14" spans="2:299" ht="21" customHeight="1" x14ac:dyDescent="0.2">
      <c r="B14" s="126" t="s">
        <v>10</v>
      </c>
      <c r="C14" s="313">
        <v>1467</v>
      </c>
      <c r="D14" s="82">
        <v>978</v>
      </c>
      <c r="E14" s="83">
        <v>2445</v>
      </c>
      <c r="F14" s="241"/>
      <c r="G14" s="82">
        <v>1721</v>
      </c>
      <c r="H14" s="82">
        <v>1035</v>
      </c>
      <c r="I14" s="82">
        <v>674</v>
      </c>
      <c r="J14" s="82">
        <v>625</v>
      </c>
      <c r="K14" s="82">
        <v>439</v>
      </c>
      <c r="L14" s="84">
        <v>4494</v>
      </c>
      <c r="M14" s="85">
        <v>6939</v>
      </c>
      <c r="N14" s="70">
        <v>64</v>
      </c>
      <c r="O14" s="71">
        <v>56</v>
      </c>
      <c r="P14" s="72">
        <v>120</v>
      </c>
      <c r="Q14" s="244"/>
      <c r="R14" s="71">
        <v>78</v>
      </c>
      <c r="S14" s="71">
        <v>52</v>
      </c>
      <c r="T14" s="71">
        <v>28</v>
      </c>
      <c r="U14" s="71">
        <v>34</v>
      </c>
      <c r="V14" s="71">
        <v>28</v>
      </c>
      <c r="W14" s="72">
        <v>220</v>
      </c>
      <c r="X14" s="73">
        <v>340</v>
      </c>
      <c r="Y14" s="70">
        <v>141</v>
      </c>
      <c r="Z14" s="71">
        <v>108</v>
      </c>
      <c r="AA14" s="72">
        <v>249</v>
      </c>
      <c r="AB14" s="244"/>
      <c r="AC14" s="71">
        <v>167</v>
      </c>
      <c r="AD14" s="71">
        <v>113</v>
      </c>
      <c r="AE14" s="71">
        <v>78</v>
      </c>
      <c r="AF14" s="71">
        <v>64</v>
      </c>
      <c r="AG14" s="71">
        <v>62</v>
      </c>
      <c r="AH14" s="72">
        <v>484</v>
      </c>
      <c r="AI14" s="73">
        <v>733</v>
      </c>
      <c r="AJ14" s="70">
        <v>219</v>
      </c>
      <c r="AK14" s="71">
        <v>168</v>
      </c>
      <c r="AL14" s="72">
        <v>387</v>
      </c>
      <c r="AM14" s="244"/>
      <c r="AN14" s="71">
        <v>285</v>
      </c>
      <c r="AO14" s="71">
        <v>159</v>
      </c>
      <c r="AP14" s="71">
        <v>104</v>
      </c>
      <c r="AQ14" s="71">
        <v>97</v>
      </c>
      <c r="AR14" s="71">
        <v>67</v>
      </c>
      <c r="AS14" s="72">
        <v>712</v>
      </c>
      <c r="AT14" s="73">
        <v>1099</v>
      </c>
      <c r="AU14" s="70">
        <v>366</v>
      </c>
      <c r="AV14" s="71">
        <v>230</v>
      </c>
      <c r="AW14" s="72">
        <v>596</v>
      </c>
      <c r="AX14" s="244"/>
      <c r="AY14" s="71">
        <v>421</v>
      </c>
      <c r="AZ14" s="71">
        <v>235</v>
      </c>
      <c r="BA14" s="71">
        <v>136</v>
      </c>
      <c r="BB14" s="71">
        <v>134</v>
      </c>
      <c r="BC14" s="71">
        <v>106</v>
      </c>
      <c r="BD14" s="72">
        <v>1032</v>
      </c>
      <c r="BE14" s="73">
        <v>1628</v>
      </c>
      <c r="BF14" s="70">
        <v>431</v>
      </c>
      <c r="BG14" s="71">
        <v>268</v>
      </c>
      <c r="BH14" s="72">
        <v>699</v>
      </c>
      <c r="BI14" s="244"/>
      <c r="BJ14" s="71">
        <v>454</v>
      </c>
      <c r="BK14" s="71">
        <v>259</v>
      </c>
      <c r="BL14" s="71">
        <v>172</v>
      </c>
      <c r="BM14" s="71">
        <v>141</v>
      </c>
      <c r="BN14" s="71">
        <v>98</v>
      </c>
      <c r="BO14" s="72">
        <v>1124</v>
      </c>
      <c r="BP14" s="73">
        <v>1823</v>
      </c>
      <c r="BQ14" s="70">
        <v>246</v>
      </c>
      <c r="BR14" s="71">
        <v>148</v>
      </c>
      <c r="BS14" s="72">
        <v>394</v>
      </c>
      <c r="BT14" s="244"/>
      <c r="BU14" s="71">
        <v>316</v>
      </c>
      <c r="BV14" s="71">
        <v>217</v>
      </c>
      <c r="BW14" s="71">
        <v>156</v>
      </c>
      <c r="BX14" s="71">
        <v>155</v>
      </c>
      <c r="BY14" s="71">
        <v>78</v>
      </c>
      <c r="BZ14" s="72">
        <v>922</v>
      </c>
      <c r="CA14" s="73">
        <v>1316</v>
      </c>
      <c r="CB14" s="70">
        <v>50</v>
      </c>
      <c r="CC14" s="71">
        <v>34</v>
      </c>
      <c r="CD14" s="72">
        <v>84</v>
      </c>
      <c r="CE14" s="244"/>
      <c r="CF14" s="71">
        <v>74</v>
      </c>
      <c r="CG14" s="71">
        <v>47</v>
      </c>
      <c r="CH14" s="71">
        <v>33</v>
      </c>
      <c r="CI14" s="71">
        <v>27</v>
      </c>
      <c r="CJ14" s="71">
        <v>38</v>
      </c>
      <c r="CK14" s="72">
        <v>219</v>
      </c>
      <c r="CL14" s="73">
        <v>303</v>
      </c>
      <c r="CM14" s="70">
        <v>1517</v>
      </c>
      <c r="CN14" s="71">
        <v>1012</v>
      </c>
      <c r="CO14" s="72">
        <v>2529</v>
      </c>
      <c r="CP14" s="244"/>
      <c r="CQ14" s="71">
        <v>1795</v>
      </c>
      <c r="CR14" s="71">
        <v>1082</v>
      </c>
      <c r="CS14" s="71">
        <v>707</v>
      </c>
      <c r="CT14" s="71">
        <v>652</v>
      </c>
      <c r="CU14" s="71">
        <v>477</v>
      </c>
      <c r="CV14" s="72">
        <v>4713</v>
      </c>
      <c r="CW14" s="73">
        <v>7242</v>
      </c>
      <c r="CX14" s="123">
        <v>3056</v>
      </c>
      <c r="CY14" s="82">
        <v>2197</v>
      </c>
      <c r="CZ14" s="83">
        <v>5253</v>
      </c>
      <c r="DA14" s="241"/>
      <c r="DB14" s="82">
        <v>3239</v>
      </c>
      <c r="DC14" s="82">
        <v>1777</v>
      </c>
      <c r="DD14" s="82">
        <v>1498</v>
      </c>
      <c r="DE14" s="82">
        <v>1503</v>
      </c>
      <c r="DF14" s="82">
        <v>1253</v>
      </c>
      <c r="DG14" s="84">
        <v>9270</v>
      </c>
      <c r="DH14" s="85">
        <v>14523</v>
      </c>
      <c r="DI14" s="70">
        <v>50</v>
      </c>
      <c r="DJ14" s="71">
        <v>61</v>
      </c>
      <c r="DK14" s="72">
        <v>111</v>
      </c>
      <c r="DL14" s="244"/>
      <c r="DM14" s="71">
        <v>73</v>
      </c>
      <c r="DN14" s="71">
        <v>25</v>
      </c>
      <c r="DO14" s="71">
        <v>24</v>
      </c>
      <c r="DP14" s="71">
        <v>23</v>
      </c>
      <c r="DQ14" s="71">
        <v>22</v>
      </c>
      <c r="DR14" s="72">
        <v>167</v>
      </c>
      <c r="DS14" s="73">
        <v>278</v>
      </c>
      <c r="DT14" s="70">
        <v>188</v>
      </c>
      <c r="DU14" s="71">
        <v>139</v>
      </c>
      <c r="DV14" s="72">
        <v>327</v>
      </c>
      <c r="DW14" s="244"/>
      <c r="DX14" s="71">
        <v>189</v>
      </c>
      <c r="DY14" s="71">
        <v>93</v>
      </c>
      <c r="DZ14" s="71">
        <v>50</v>
      </c>
      <c r="EA14" s="71">
        <v>56</v>
      </c>
      <c r="EB14" s="71">
        <v>64</v>
      </c>
      <c r="EC14" s="72">
        <v>452</v>
      </c>
      <c r="ED14" s="73">
        <v>779</v>
      </c>
      <c r="EE14" s="70">
        <v>485</v>
      </c>
      <c r="EF14" s="71">
        <v>284</v>
      </c>
      <c r="EG14" s="72">
        <v>769</v>
      </c>
      <c r="EH14" s="244"/>
      <c r="EI14" s="71">
        <v>396</v>
      </c>
      <c r="EJ14" s="71">
        <v>188</v>
      </c>
      <c r="EK14" s="71">
        <v>141</v>
      </c>
      <c r="EL14" s="71">
        <v>109</v>
      </c>
      <c r="EM14" s="71">
        <v>118</v>
      </c>
      <c r="EN14" s="72">
        <v>952</v>
      </c>
      <c r="EO14" s="73">
        <v>1721</v>
      </c>
      <c r="EP14" s="70">
        <v>879</v>
      </c>
      <c r="EQ14" s="71">
        <v>576</v>
      </c>
      <c r="ER14" s="72">
        <v>1455</v>
      </c>
      <c r="ES14" s="244"/>
      <c r="ET14" s="71">
        <v>671</v>
      </c>
      <c r="EU14" s="71">
        <v>336</v>
      </c>
      <c r="EV14" s="71">
        <v>250</v>
      </c>
      <c r="EW14" s="71">
        <v>245</v>
      </c>
      <c r="EX14" s="71">
        <v>202</v>
      </c>
      <c r="EY14" s="72">
        <v>1704</v>
      </c>
      <c r="EZ14" s="73">
        <v>3159</v>
      </c>
      <c r="FA14" s="70">
        <v>936</v>
      </c>
      <c r="FB14" s="71">
        <v>635</v>
      </c>
      <c r="FC14" s="72">
        <v>1571</v>
      </c>
      <c r="FD14" s="244"/>
      <c r="FE14" s="71">
        <v>1001</v>
      </c>
      <c r="FF14" s="71">
        <v>507</v>
      </c>
      <c r="FG14" s="71">
        <v>431</v>
      </c>
      <c r="FH14" s="71">
        <v>364</v>
      </c>
      <c r="FI14" s="71">
        <v>321</v>
      </c>
      <c r="FJ14" s="72">
        <v>2624</v>
      </c>
      <c r="FK14" s="73">
        <v>4195</v>
      </c>
      <c r="FL14" s="70">
        <v>518</v>
      </c>
      <c r="FM14" s="71">
        <v>502</v>
      </c>
      <c r="FN14" s="72">
        <v>1020</v>
      </c>
      <c r="FO14" s="244"/>
      <c r="FP14" s="71">
        <v>909</v>
      </c>
      <c r="FQ14" s="71">
        <v>628</v>
      </c>
      <c r="FR14" s="71">
        <v>602</v>
      </c>
      <c r="FS14" s="71">
        <v>706</v>
      </c>
      <c r="FT14" s="71">
        <v>526</v>
      </c>
      <c r="FU14" s="72">
        <v>3371</v>
      </c>
      <c r="FV14" s="73">
        <v>4391</v>
      </c>
      <c r="FW14" s="70">
        <v>35</v>
      </c>
      <c r="FX14" s="71">
        <v>38</v>
      </c>
      <c r="FY14" s="72">
        <v>73</v>
      </c>
      <c r="FZ14" s="244"/>
      <c r="GA14" s="71">
        <v>63</v>
      </c>
      <c r="GB14" s="71">
        <v>35</v>
      </c>
      <c r="GC14" s="71">
        <v>19</v>
      </c>
      <c r="GD14" s="71">
        <v>24</v>
      </c>
      <c r="GE14" s="71">
        <v>34</v>
      </c>
      <c r="GF14" s="72">
        <v>175</v>
      </c>
      <c r="GG14" s="73">
        <v>248</v>
      </c>
      <c r="GH14" s="70">
        <v>3091</v>
      </c>
      <c r="GI14" s="71">
        <v>2235</v>
      </c>
      <c r="GJ14" s="72">
        <v>5326</v>
      </c>
      <c r="GK14" s="244"/>
      <c r="GL14" s="71">
        <v>3302</v>
      </c>
      <c r="GM14" s="71">
        <v>1812</v>
      </c>
      <c r="GN14" s="71">
        <v>1517</v>
      </c>
      <c r="GO14" s="71">
        <v>1527</v>
      </c>
      <c r="GP14" s="71">
        <v>1287</v>
      </c>
      <c r="GQ14" s="72">
        <v>9445</v>
      </c>
      <c r="GR14" s="73">
        <v>14771</v>
      </c>
      <c r="GS14" s="123">
        <v>4523</v>
      </c>
      <c r="GT14" s="82">
        <v>3175</v>
      </c>
      <c r="GU14" s="83">
        <v>7698</v>
      </c>
      <c r="GV14" s="241"/>
      <c r="GW14" s="82">
        <v>4960</v>
      </c>
      <c r="GX14" s="82">
        <v>2812</v>
      </c>
      <c r="GY14" s="82">
        <v>2172</v>
      </c>
      <c r="GZ14" s="82">
        <v>2128</v>
      </c>
      <c r="HA14" s="82">
        <v>1692</v>
      </c>
      <c r="HB14" s="84">
        <v>13764</v>
      </c>
      <c r="HC14" s="85">
        <v>21462</v>
      </c>
      <c r="HD14" s="70">
        <v>114</v>
      </c>
      <c r="HE14" s="71">
        <v>117</v>
      </c>
      <c r="HF14" s="72">
        <v>231</v>
      </c>
      <c r="HG14" s="244"/>
      <c r="HH14" s="71">
        <v>151</v>
      </c>
      <c r="HI14" s="71">
        <v>77</v>
      </c>
      <c r="HJ14" s="71">
        <v>52</v>
      </c>
      <c r="HK14" s="71">
        <v>57</v>
      </c>
      <c r="HL14" s="71">
        <v>50</v>
      </c>
      <c r="HM14" s="72">
        <v>387</v>
      </c>
      <c r="HN14" s="73">
        <v>618</v>
      </c>
      <c r="HO14" s="70">
        <v>329</v>
      </c>
      <c r="HP14" s="71">
        <v>247</v>
      </c>
      <c r="HQ14" s="72">
        <v>576</v>
      </c>
      <c r="HR14" s="244"/>
      <c r="HS14" s="71">
        <v>356</v>
      </c>
      <c r="HT14" s="71">
        <v>206</v>
      </c>
      <c r="HU14" s="71">
        <v>128</v>
      </c>
      <c r="HV14" s="71">
        <v>120</v>
      </c>
      <c r="HW14" s="71">
        <v>126</v>
      </c>
      <c r="HX14" s="72">
        <v>936</v>
      </c>
      <c r="HY14" s="73">
        <v>1512</v>
      </c>
      <c r="HZ14" s="70">
        <v>704</v>
      </c>
      <c r="IA14" s="71">
        <v>452</v>
      </c>
      <c r="IB14" s="72">
        <v>1156</v>
      </c>
      <c r="IC14" s="244"/>
      <c r="ID14" s="71">
        <v>681</v>
      </c>
      <c r="IE14" s="71">
        <v>347</v>
      </c>
      <c r="IF14" s="71">
        <v>245</v>
      </c>
      <c r="IG14" s="71">
        <v>206</v>
      </c>
      <c r="IH14" s="71">
        <v>185</v>
      </c>
      <c r="II14" s="72">
        <v>1664</v>
      </c>
      <c r="IJ14" s="73">
        <v>2820</v>
      </c>
      <c r="IK14" s="70">
        <v>1245</v>
      </c>
      <c r="IL14" s="71">
        <v>806</v>
      </c>
      <c r="IM14" s="72">
        <v>2051</v>
      </c>
      <c r="IN14" s="244"/>
      <c r="IO14" s="71">
        <v>1092</v>
      </c>
      <c r="IP14" s="71">
        <v>571</v>
      </c>
      <c r="IQ14" s="71">
        <v>386</v>
      </c>
      <c r="IR14" s="71">
        <v>379</v>
      </c>
      <c r="IS14" s="71">
        <v>308</v>
      </c>
      <c r="IT14" s="72">
        <v>2736</v>
      </c>
      <c r="IU14" s="73">
        <v>4787</v>
      </c>
      <c r="IV14" s="70">
        <v>1367</v>
      </c>
      <c r="IW14" s="71">
        <v>903</v>
      </c>
      <c r="IX14" s="72">
        <v>2270</v>
      </c>
      <c r="IY14" s="244"/>
      <c r="IZ14" s="71">
        <v>1455</v>
      </c>
      <c r="JA14" s="71">
        <v>766</v>
      </c>
      <c r="JB14" s="71">
        <v>603</v>
      </c>
      <c r="JC14" s="71">
        <v>505</v>
      </c>
      <c r="JD14" s="71">
        <v>419</v>
      </c>
      <c r="JE14" s="72">
        <v>3748</v>
      </c>
      <c r="JF14" s="73">
        <v>6018</v>
      </c>
      <c r="JG14" s="70">
        <v>764</v>
      </c>
      <c r="JH14" s="71">
        <v>650</v>
      </c>
      <c r="JI14" s="72">
        <v>1414</v>
      </c>
      <c r="JJ14" s="244"/>
      <c r="JK14" s="71">
        <v>1225</v>
      </c>
      <c r="JL14" s="71">
        <v>845</v>
      </c>
      <c r="JM14" s="71">
        <v>758</v>
      </c>
      <c r="JN14" s="71">
        <v>861</v>
      </c>
      <c r="JO14" s="71">
        <v>604</v>
      </c>
      <c r="JP14" s="72">
        <v>4293</v>
      </c>
      <c r="JQ14" s="73">
        <v>5707</v>
      </c>
      <c r="JR14" s="70">
        <v>85</v>
      </c>
      <c r="JS14" s="71">
        <v>72</v>
      </c>
      <c r="JT14" s="72">
        <v>157</v>
      </c>
      <c r="JU14" s="244"/>
      <c r="JV14" s="71">
        <v>137</v>
      </c>
      <c r="JW14" s="71">
        <v>82</v>
      </c>
      <c r="JX14" s="71">
        <v>52</v>
      </c>
      <c r="JY14" s="71">
        <v>51</v>
      </c>
      <c r="JZ14" s="71">
        <v>72</v>
      </c>
      <c r="KA14" s="72">
        <v>394</v>
      </c>
      <c r="KB14" s="73">
        <v>551</v>
      </c>
      <c r="KC14" s="70">
        <v>4608</v>
      </c>
      <c r="KD14" s="71">
        <v>3247</v>
      </c>
      <c r="KE14" s="72">
        <v>7855</v>
      </c>
      <c r="KF14" s="244"/>
      <c r="KG14" s="71">
        <v>5097</v>
      </c>
      <c r="KH14" s="71">
        <v>2894</v>
      </c>
      <c r="KI14" s="71">
        <v>2224</v>
      </c>
      <c r="KJ14" s="71">
        <v>2179</v>
      </c>
      <c r="KK14" s="71">
        <v>1764</v>
      </c>
      <c r="KL14" s="72">
        <v>14158</v>
      </c>
      <c r="KM14" s="73">
        <v>22013</v>
      </c>
    </row>
    <row r="15" spans="2:299" ht="21" customHeight="1" x14ac:dyDescent="0.2">
      <c r="B15" s="126" t="s">
        <v>11</v>
      </c>
      <c r="C15" s="313">
        <v>470</v>
      </c>
      <c r="D15" s="82">
        <v>355</v>
      </c>
      <c r="E15" s="83">
        <v>825</v>
      </c>
      <c r="F15" s="241"/>
      <c r="G15" s="82">
        <v>864</v>
      </c>
      <c r="H15" s="82">
        <v>572</v>
      </c>
      <c r="I15" s="82">
        <v>465</v>
      </c>
      <c r="J15" s="82">
        <v>425</v>
      </c>
      <c r="K15" s="82">
        <v>218</v>
      </c>
      <c r="L15" s="84">
        <v>2544</v>
      </c>
      <c r="M15" s="85">
        <v>3369</v>
      </c>
      <c r="N15" s="70">
        <v>15</v>
      </c>
      <c r="O15" s="71">
        <v>13</v>
      </c>
      <c r="P15" s="72">
        <v>28</v>
      </c>
      <c r="Q15" s="244"/>
      <c r="R15" s="71">
        <v>45</v>
      </c>
      <c r="S15" s="71">
        <v>21</v>
      </c>
      <c r="T15" s="71">
        <v>19</v>
      </c>
      <c r="U15" s="71">
        <v>15</v>
      </c>
      <c r="V15" s="71">
        <v>13</v>
      </c>
      <c r="W15" s="72">
        <v>113</v>
      </c>
      <c r="X15" s="73">
        <v>141</v>
      </c>
      <c r="Y15" s="70">
        <v>54</v>
      </c>
      <c r="Z15" s="71">
        <v>40</v>
      </c>
      <c r="AA15" s="72">
        <v>94</v>
      </c>
      <c r="AB15" s="244"/>
      <c r="AC15" s="71">
        <v>91</v>
      </c>
      <c r="AD15" s="71">
        <v>60</v>
      </c>
      <c r="AE15" s="71">
        <v>56</v>
      </c>
      <c r="AF15" s="71">
        <v>46</v>
      </c>
      <c r="AG15" s="71">
        <v>27</v>
      </c>
      <c r="AH15" s="72">
        <v>280</v>
      </c>
      <c r="AI15" s="73">
        <v>374</v>
      </c>
      <c r="AJ15" s="70">
        <v>63</v>
      </c>
      <c r="AK15" s="71">
        <v>74</v>
      </c>
      <c r="AL15" s="72">
        <v>137</v>
      </c>
      <c r="AM15" s="244"/>
      <c r="AN15" s="71">
        <v>152</v>
      </c>
      <c r="AO15" s="71">
        <v>107</v>
      </c>
      <c r="AP15" s="71">
        <v>81</v>
      </c>
      <c r="AQ15" s="71">
        <v>74</v>
      </c>
      <c r="AR15" s="71">
        <v>34</v>
      </c>
      <c r="AS15" s="72">
        <v>448</v>
      </c>
      <c r="AT15" s="73">
        <v>585</v>
      </c>
      <c r="AU15" s="70">
        <v>118</v>
      </c>
      <c r="AV15" s="71">
        <v>84</v>
      </c>
      <c r="AW15" s="72">
        <v>202</v>
      </c>
      <c r="AX15" s="244"/>
      <c r="AY15" s="71">
        <v>212</v>
      </c>
      <c r="AZ15" s="71">
        <v>137</v>
      </c>
      <c r="BA15" s="71">
        <v>108</v>
      </c>
      <c r="BB15" s="71">
        <v>107</v>
      </c>
      <c r="BC15" s="71">
        <v>56</v>
      </c>
      <c r="BD15" s="72">
        <v>620</v>
      </c>
      <c r="BE15" s="73">
        <v>822</v>
      </c>
      <c r="BF15" s="70">
        <v>136</v>
      </c>
      <c r="BG15" s="71">
        <v>88</v>
      </c>
      <c r="BH15" s="72">
        <v>224</v>
      </c>
      <c r="BI15" s="244"/>
      <c r="BJ15" s="71">
        <v>210</v>
      </c>
      <c r="BK15" s="71">
        <v>144</v>
      </c>
      <c r="BL15" s="71">
        <v>114</v>
      </c>
      <c r="BM15" s="71">
        <v>95</v>
      </c>
      <c r="BN15" s="71">
        <v>49</v>
      </c>
      <c r="BO15" s="72">
        <v>612</v>
      </c>
      <c r="BP15" s="73">
        <v>836</v>
      </c>
      <c r="BQ15" s="70">
        <v>84</v>
      </c>
      <c r="BR15" s="71">
        <v>56</v>
      </c>
      <c r="BS15" s="72">
        <v>140</v>
      </c>
      <c r="BT15" s="244"/>
      <c r="BU15" s="71">
        <v>154</v>
      </c>
      <c r="BV15" s="71">
        <v>103</v>
      </c>
      <c r="BW15" s="71">
        <v>87</v>
      </c>
      <c r="BX15" s="71">
        <v>88</v>
      </c>
      <c r="BY15" s="71">
        <v>39</v>
      </c>
      <c r="BZ15" s="72">
        <v>471</v>
      </c>
      <c r="CA15" s="73">
        <v>611</v>
      </c>
      <c r="CB15" s="70">
        <v>12</v>
      </c>
      <c r="CC15" s="71">
        <v>12</v>
      </c>
      <c r="CD15" s="72">
        <v>24</v>
      </c>
      <c r="CE15" s="244"/>
      <c r="CF15" s="71">
        <v>32</v>
      </c>
      <c r="CG15" s="71">
        <v>21</v>
      </c>
      <c r="CH15" s="71">
        <v>10</v>
      </c>
      <c r="CI15" s="71">
        <v>18</v>
      </c>
      <c r="CJ15" s="71">
        <v>12</v>
      </c>
      <c r="CK15" s="72">
        <v>93</v>
      </c>
      <c r="CL15" s="73">
        <v>117</v>
      </c>
      <c r="CM15" s="70">
        <v>482</v>
      </c>
      <c r="CN15" s="71">
        <v>367</v>
      </c>
      <c r="CO15" s="72">
        <v>849</v>
      </c>
      <c r="CP15" s="244"/>
      <c r="CQ15" s="71">
        <v>896</v>
      </c>
      <c r="CR15" s="71">
        <v>593</v>
      </c>
      <c r="CS15" s="71">
        <v>475</v>
      </c>
      <c r="CT15" s="71">
        <v>443</v>
      </c>
      <c r="CU15" s="71">
        <v>230</v>
      </c>
      <c r="CV15" s="72">
        <v>2637</v>
      </c>
      <c r="CW15" s="73">
        <v>3486</v>
      </c>
      <c r="CX15" s="123">
        <v>946</v>
      </c>
      <c r="CY15" s="82">
        <v>770</v>
      </c>
      <c r="CZ15" s="83">
        <v>1716</v>
      </c>
      <c r="DA15" s="241"/>
      <c r="DB15" s="82">
        <v>1759</v>
      </c>
      <c r="DC15" s="82">
        <v>1062</v>
      </c>
      <c r="DD15" s="82">
        <v>941</v>
      </c>
      <c r="DE15" s="82">
        <v>961</v>
      </c>
      <c r="DF15" s="82">
        <v>537</v>
      </c>
      <c r="DG15" s="84">
        <v>5260</v>
      </c>
      <c r="DH15" s="85">
        <v>6976</v>
      </c>
      <c r="DI15" s="70">
        <v>24</v>
      </c>
      <c r="DJ15" s="71">
        <v>15</v>
      </c>
      <c r="DK15" s="72">
        <v>39</v>
      </c>
      <c r="DL15" s="244"/>
      <c r="DM15" s="71">
        <v>46</v>
      </c>
      <c r="DN15" s="71">
        <v>21</v>
      </c>
      <c r="DO15" s="71">
        <v>13</v>
      </c>
      <c r="DP15" s="71">
        <v>17</v>
      </c>
      <c r="DQ15" s="71">
        <v>16</v>
      </c>
      <c r="DR15" s="72">
        <v>113</v>
      </c>
      <c r="DS15" s="73">
        <v>152</v>
      </c>
      <c r="DT15" s="70">
        <v>67</v>
      </c>
      <c r="DU15" s="71">
        <v>54</v>
      </c>
      <c r="DV15" s="72">
        <v>121</v>
      </c>
      <c r="DW15" s="244"/>
      <c r="DX15" s="71">
        <v>100</v>
      </c>
      <c r="DY15" s="71">
        <v>40</v>
      </c>
      <c r="DZ15" s="71">
        <v>54</v>
      </c>
      <c r="EA15" s="71">
        <v>45</v>
      </c>
      <c r="EB15" s="71">
        <v>31</v>
      </c>
      <c r="EC15" s="72">
        <v>270</v>
      </c>
      <c r="ED15" s="73">
        <v>391</v>
      </c>
      <c r="EE15" s="70">
        <v>121</v>
      </c>
      <c r="EF15" s="71">
        <v>106</v>
      </c>
      <c r="EG15" s="72">
        <v>227</v>
      </c>
      <c r="EH15" s="244"/>
      <c r="EI15" s="71">
        <v>171</v>
      </c>
      <c r="EJ15" s="71">
        <v>111</v>
      </c>
      <c r="EK15" s="71">
        <v>96</v>
      </c>
      <c r="EL15" s="71">
        <v>85</v>
      </c>
      <c r="EM15" s="71">
        <v>44</v>
      </c>
      <c r="EN15" s="72">
        <v>507</v>
      </c>
      <c r="EO15" s="73">
        <v>734</v>
      </c>
      <c r="EP15" s="70">
        <v>276</v>
      </c>
      <c r="EQ15" s="71">
        <v>216</v>
      </c>
      <c r="ER15" s="72">
        <v>492</v>
      </c>
      <c r="ES15" s="244"/>
      <c r="ET15" s="71">
        <v>415</v>
      </c>
      <c r="EU15" s="71">
        <v>205</v>
      </c>
      <c r="EV15" s="71">
        <v>160</v>
      </c>
      <c r="EW15" s="71">
        <v>159</v>
      </c>
      <c r="EX15" s="71">
        <v>96</v>
      </c>
      <c r="EY15" s="72">
        <v>1035</v>
      </c>
      <c r="EZ15" s="73">
        <v>1527</v>
      </c>
      <c r="FA15" s="70">
        <v>283</v>
      </c>
      <c r="FB15" s="71">
        <v>219</v>
      </c>
      <c r="FC15" s="72">
        <v>502</v>
      </c>
      <c r="FD15" s="244"/>
      <c r="FE15" s="71">
        <v>545</v>
      </c>
      <c r="FF15" s="71">
        <v>308</v>
      </c>
      <c r="FG15" s="71">
        <v>255</v>
      </c>
      <c r="FH15" s="71">
        <v>228</v>
      </c>
      <c r="FI15" s="71">
        <v>127</v>
      </c>
      <c r="FJ15" s="72">
        <v>1463</v>
      </c>
      <c r="FK15" s="73">
        <v>1965</v>
      </c>
      <c r="FL15" s="70">
        <v>175</v>
      </c>
      <c r="FM15" s="71">
        <v>160</v>
      </c>
      <c r="FN15" s="72">
        <v>335</v>
      </c>
      <c r="FO15" s="244"/>
      <c r="FP15" s="71">
        <v>482</v>
      </c>
      <c r="FQ15" s="71">
        <v>377</v>
      </c>
      <c r="FR15" s="71">
        <v>363</v>
      </c>
      <c r="FS15" s="71">
        <v>427</v>
      </c>
      <c r="FT15" s="71">
        <v>223</v>
      </c>
      <c r="FU15" s="72">
        <v>1872</v>
      </c>
      <c r="FV15" s="73">
        <v>2207</v>
      </c>
      <c r="FW15" s="70">
        <v>11</v>
      </c>
      <c r="FX15" s="71">
        <v>10</v>
      </c>
      <c r="FY15" s="72">
        <v>21</v>
      </c>
      <c r="FZ15" s="244"/>
      <c r="GA15" s="71">
        <v>24</v>
      </c>
      <c r="GB15" s="71">
        <v>16</v>
      </c>
      <c r="GC15" s="71">
        <v>18</v>
      </c>
      <c r="GD15" s="71">
        <v>9</v>
      </c>
      <c r="GE15" s="71">
        <v>9</v>
      </c>
      <c r="GF15" s="72">
        <v>76</v>
      </c>
      <c r="GG15" s="73">
        <v>97</v>
      </c>
      <c r="GH15" s="70">
        <v>957</v>
      </c>
      <c r="GI15" s="71">
        <v>780</v>
      </c>
      <c r="GJ15" s="72">
        <v>1737</v>
      </c>
      <c r="GK15" s="244"/>
      <c r="GL15" s="71">
        <v>1783</v>
      </c>
      <c r="GM15" s="71">
        <v>1078</v>
      </c>
      <c r="GN15" s="71">
        <v>959</v>
      </c>
      <c r="GO15" s="71">
        <v>970</v>
      </c>
      <c r="GP15" s="71">
        <v>546</v>
      </c>
      <c r="GQ15" s="72">
        <v>5336</v>
      </c>
      <c r="GR15" s="73">
        <v>7073</v>
      </c>
      <c r="GS15" s="123">
        <v>1416</v>
      </c>
      <c r="GT15" s="82">
        <v>1125</v>
      </c>
      <c r="GU15" s="83">
        <v>2541</v>
      </c>
      <c r="GV15" s="241"/>
      <c r="GW15" s="82">
        <v>2623</v>
      </c>
      <c r="GX15" s="82">
        <v>1634</v>
      </c>
      <c r="GY15" s="82">
        <v>1406</v>
      </c>
      <c r="GZ15" s="82">
        <v>1386</v>
      </c>
      <c r="HA15" s="82">
        <v>755</v>
      </c>
      <c r="HB15" s="84">
        <v>7804</v>
      </c>
      <c r="HC15" s="85">
        <v>10345</v>
      </c>
      <c r="HD15" s="70">
        <v>39</v>
      </c>
      <c r="HE15" s="71">
        <v>28</v>
      </c>
      <c r="HF15" s="72">
        <v>67</v>
      </c>
      <c r="HG15" s="244"/>
      <c r="HH15" s="71">
        <v>91</v>
      </c>
      <c r="HI15" s="71">
        <v>42</v>
      </c>
      <c r="HJ15" s="71">
        <v>32</v>
      </c>
      <c r="HK15" s="71">
        <v>32</v>
      </c>
      <c r="HL15" s="71">
        <v>29</v>
      </c>
      <c r="HM15" s="72">
        <v>226</v>
      </c>
      <c r="HN15" s="73">
        <v>293</v>
      </c>
      <c r="HO15" s="70">
        <v>121</v>
      </c>
      <c r="HP15" s="71">
        <v>94</v>
      </c>
      <c r="HQ15" s="72">
        <v>215</v>
      </c>
      <c r="HR15" s="244"/>
      <c r="HS15" s="71">
        <v>191</v>
      </c>
      <c r="HT15" s="71">
        <v>100</v>
      </c>
      <c r="HU15" s="71">
        <v>110</v>
      </c>
      <c r="HV15" s="71">
        <v>91</v>
      </c>
      <c r="HW15" s="71">
        <v>58</v>
      </c>
      <c r="HX15" s="72">
        <v>550</v>
      </c>
      <c r="HY15" s="73">
        <v>765</v>
      </c>
      <c r="HZ15" s="70">
        <v>184</v>
      </c>
      <c r="IA15" s="71">
        <v>180</v>
      </c>
      <c r="IB15" s="72">
        <v>364</v>
      </c>
      <c r="IC15" s="244"/>
      <c r="ID15" s="71">
        <v>323</v>
      </c>
      <c r="IE15" s="71">
        <v>218</v>
      </c>
      <c r="IF15" s="71">
        <v>177</v>
      </c>
      <c r="IG15" s="71">
        <v>159</v>
      </c>
      <c r="IH15" s="71">
        <v>78</v>
      </c>
      <c r="II15" s="72">
        <v>955</v>
      </c>
      <c r="IJ15" s="73">
        <v>1319</v>
      </c>
      <c r="IK15" s="70">
        <v>394</v>
      </c>
      <c r="IL15" s="71">
        <v>300</v>
      </c>
      <c r="IM15" s="72">
        <v>694</v>
      </c>
      <c r="IN15" s="244"/>
      <c r="IO15" s="71">
        <v>627</v>
      </c>
      <c r="IP15" s="71">
        <v>342</v>
      </c>
      <c r="IQ15" s="71">
        <v>268</v>
      </c>
      <c r="IR15" s="71">
        <v>266</v>
      </c>
      <c r="IS15" s="71">
        <v>152</v>
      </c>
      <c r="IT15" s="72">
        <v>1655</v>
      </c>
      <c r="IU15" s="73">
        <v>2349</v>
      </c>
      <c r="IV15" s="70">
        <v>419</v>
      </c>
      <c r="IW15" s="71">
        <v>307</v>
      </c>
      <c r="IX15" s="72">
        <v>726</v>
      </c>
      <c r="IY15" s="244"/>
      <c r="IZ15" s="71">
        <v>755</v>
      </c>
      <c r="JA15" s="71">
        <v>452</v>
      </c>
      <c r="JB15" s="71">
        <v>369</v>
      </c>
      <c r="JC15" s="71">
        <v>323</v>
      </c>
      <c r="JD15" s="71">
        <v>176</v>
      </c>
      <c r="JE15" s="72">
        <v>2075</v>
      </c>
      <c r="JF15" s="73">
        <v>2801</v>
      </c>
      <c r="JG15" s="70">
        <v>259</v>
      </c>
      <c r="JH15" s="71">
        <v>216</v>
      </c>
      <c r="JI15" s="72">
        <v>475</v>
      </c>
      <c r="JJ15" s="244"/>
      <c r="JK15" s="71">
        <v>636</v>
      </c>
      <c r="JL15" s="71">
        <v>480</v>
      </c>
      <c r="JM15" s="71">
        <v>450</v>
      </c>
      <c r="JN15" s="71">
        <v>515</v>
      </c>
      <c r="JO15" s="71">
        <v>262</v>
      </c>
      <c r="JP15" s="72">
        <v>2343</v>
      </c>
      <c r="JQ15" s="73">
        <v>2818</v>
      </c>
      <c r="JR15" s="70">
        <v>23</v>
      </c>
      <c r="JS15" s="71">
        <v>22</v>
      </c>
      <c r="JT15" s="72">
        <v>45</v>
      </c>
      <c r="JU15" s="244"/>
      <c r="JV15" s="71">
        <v>56</v>
      </c>
      <c r="JW15" s="71">
        <v>37</v>
      </c>
      <c r="JX15" s="71">
        <v>28</v>
      </c>
      <c r="JY15" s="71">
        <v>27</v>
      </c>
      <c r="JZ15" s="71">
        <v>21</v>
      </c>
      <c r="KA15" s="72">
        <v>169</v>
      </c>
      <c r="KB15" s="73">
        <v>214</v>
      </c>
      <c r="KC15" s="70">
        <v>1439</v>
      </c>
      <c r="KD15" s="71">
        <v>1147</v>
      </c>
      <c r="KE15" s="72">
        <v>2586</v>
      </c>
      <c r="KF15" s="244"/>
      <c r="KG15" s="71">
        <v>2679</v>
      </c>
      <c r="KH15" s="71">
        <v>1671</v>
      </c>
      <c r="KI15" s="71">
        <v>1434</v>
      </c>
      <c r="KJ15" s="71">
        <v>1413</v>
      </c>
      <c r="KK15" s="71">
        <v>776</v>
      </c>
      <c r="KL15" s="72">
        <v>7973</v>
      </c>
      <c r="KM15" s="73">
        <v>10559</v>
      </c>
    </row>
    <row r="16" spans="2:299" ht="21" customHeight="1" x14ac:dyDescent="0.2">
      <c r="B16" s="126" t="s">
        <v>12</v>
      </c>
      <c r="C16" s="313">
        <v>702</v>
      </c>
      <c r="D16" s="82">
        <v>649</v>
      </c>
      <c r="E16" s="83">
        <v>1351</v>
      </c>
      <c r="F16" s="241"/>
      <c r="G16" s="82">
        <v>710</v>
      </c>
      <c r="H16" s="82">
        <v>618</v>
      </c>
      <c r="I16" s="82">
        <v>465</v>
      </c>
      <c r="J16" s="82">
        <v>464</v>
      </c>
      <c r="K16" s="82">
        <v>219</v>
      </c>
      <c r="L16" s="84">
        <v>2476</v>
      </c>
      <c r="M16" s="85">
        <v>3827</v>
      </c>
      <c r="N16" s="86">
        <v>26</v>
      </c>
      <c r="O16" s="71">
        <v>29</v>
      </c>
      <c r="P16" s="72">
        <v>55</v>
      </c>
      <c r="Q16" s="244"/>
      <c r="R16" s="71">
        <v>17</v>
      </c>
      <c r="S16" s="71">
        <v>28</v>
      </c>
      <c r="T16" s="71">
        <v>21</v>
      </c>
      <c r="U16" s="71">
        <v>25</v>
      </c>
      <c r="V16" s="71">
        <v>11</v>
      </c>
      <c r="W16" s="72">
        <v>102</v>
      </c>
      <c r="X16" s="73">
        <v>157</v>
      </c>
      <c r="Y16" s="70">
        <v>53</v>
      </c>
      <c r="Z16" s="71">
        <v>71</v>
      </c>
      <c r="AA16" s="72">
        <v>124</v>
      </c>
      <c r="AB16" s="244"/>
      <c r="AC16" s="71">
        <v>54</v>
      </c>
      <c r="AD16" s="71">
        <v>47</v>
      </c>
      <c r="AE16" s="71">
        <v>37</v>
      </c>
      <c r="AF16" s="71">
        <v>41</v>
      </c>
      <c r="AG16" s="71">
        <v>23</v>
      </c>
      <c r="AH16" s="72">
        <v>202</v>
      </c>
      <c r="AI16" s="73">
        <v>326</v>
      </c>
      <c r="AJ16" s="86">
        <v>98</v>
      </c>
      <c r="AK16" s="71">
        <v>97</v>
      </c>
      <c r="AL16" s="72">
        <v>195</v>
      </c>
      <c r="AM16" s="244"/>
      <c r="AN16" s="71">
        <v>95</v>
      </c>
      <c r="AO16" s="71">
        <v>88</v>
      </c>
      <c r="AP16" s="71">
        <v>76</v>
      </c>
      <c r="AQ16" s="71">
        <v>60</v>
      </c>
      <c r="AR16" s="71">
        <v>44</v>
      </c>
      <c r="AS16" s="72">
        <v>363</v>
      </c>
      <c r="AT16" s="73">
        <v>558</v>
      </c>
      <c r="AU16" s="70">
        <v>188</v>
      </c>
      <c r="AV16" s="71">
        <v>166</v>
      </c>
      <c r="AW16" s="72">
        <v>354</v>
      </c>
      <c r="AX16" s="244"/>
      <c r="AY16" s="71">
        <v>177</v>
      </c>
      <c r="AZ16" s="71">
        <v>155</v>
      </c>
      <c r="BA16" s="71">
        <v>114</v>
      </c>
      <c r="BB16" s="71">
        <v>88</v>
      </c>
      <c r="BC16" s="71">
        <v>46</v>
      </c>
      <c r="BD16" s="72">
        <v>580</v>
      </c>
      <c r="BE16" s="73">
        <v>934</v>
      </c>
      <c r="BF16" s="86">
        <v>214</v>
      </c>
      <c r="BG16" s="71">
        <v>156</v>
      </c>
      <c r="BH16" s="72">
        <v>370</v>
      </c>
      <c r="BI16" s="244"/>
      <c r="BJ16" s="71">
        <v>207</v>
      </c>
      <c r="BK16" s="71">
        <v>158</v>
      </c>
      <c r="BL16" s="71">
        <v>135</v>
      </c>
      <c r="BM16" s="71">
        <v>138</v>
      </c>
      <c r="BN16" s="71">
        <v>61</v>
      </c>
      <c r="BO16" s="72">
        <v>699</v>
      </c>
      <c r="BP16" s="73">
        <v>1069</v>
      </c>
      <c r="BQ16" s="70">
        <v>123</v>
      </c>
      <c r="BR16" s="71">
        <v>130</v>
      </c>
      <c r="BS16" s="72">
        <v>253</v>
      </c>
      <c r="BT16" s="244"/>
      <c r="BU16" s="71">
        <v>160</v>
      </c>
      <c r="BV16" s="71">
        <v>142</v>
      </c>
      <c r="BW16" s="71">
        <v>82</v>
      </c>
      <c r="BX16" s="71">
        <v>112</v>
      </c>
      <c r="BY16" s="71">
        <v>34</v>
      </c>
      <c r="BZ16" s="72">
        <v>530</v>
      </c>
      <c r="CA16" s="73">
        <v>783</v>
      </c>
      <c r="CB16" s="70">
        <v>21</v>
      </c>
      <c r="CC16" s="71">
        <v>36</v>
      </c>
      <c r="CD16" s="72">
        <v>57</v>
      </c>
      <c r="CE16" s="244"/>
      <c r="CF16" s="71">
        <v>18</v>
      </c>
      <c r="CG16" s="71">
        <v>19</v>
      </c>
      <c r="CH16" s="71">
        <v>15</v>
      </c>
      <c r="CI16" s="71">
        <v>7</v>
      </c>
      <c r="CJ16" s="71">
        <v>14</v>
      </c>
      <c r="CK16" s="72">
        <v>73</v>
      </c>
      <c r="CL16" s="73">
        <v>130</v>
      </c>
      <c r="CM16" s="70">
        <v>723</v>
      </c>
      <c r="CN16" s="71">
        <v>685</v>
      </c>
      <c r="CO16" s="72">
        <v>1408</v>
      </c>
      <c r="CP16" s="244"/>
      <c r="CQ16" s="71">
        <v>728</v>
      </c>
      <c r="CR16" s="71">
        <v>637</v>
      </c>
      <c r="CS16" s="71">
        <v>480</v>
      </c>
      <c r="CT16" s="71">
        <v>471</v>
      </c>
      <c r="CU16" s="71">
        <v>233</v>
      </c>
      <c r="CV16" s="72">
        <v>2549</v>
      </c>
      <c r="CW16" s="73">
        <v>3957</v>
      </c>
      <c r="CX16" s="123">
        <v>1339</v>
      </c>
      <c r="CY16" s="82">
        <v>1372</v>
      </c>
      <c r="CZ16" s="83">
        <v>2711</v>
      </c>
      <c r="DA16" s="241"/>
      <c r="DB16" s="82">
        <v>1463</v>
      </c>
      <c r="DC16" s="82">
        <v>1128</v>
      </c>
      <c r="DD16" s="82">
        <v>944</v>
      </c>
      <c r="DE16" s="82">
        <v>1033</v>
      </c>
      <c r="DF16" s="82">
        <v>685</v>
      </c>
      <c r="DG16" s="84">
        <v>5253</v>
      </c>
      <c r="DH16" s="85">
        <v>7964</v>
      </c>
      <c r="DI16" s="86">
        <v>32</v>
      </c>
      <c r="DJ16" s="71">
        <v>36</v>
      </c>
      <c r="DK16" s="72">
        <v>68</v>
      </c>
      <c r="DL16" s="244"/>
      <c r="DM16" s="71">
        <v>22</v>
      </c>
      <c r="DN16" s="71">
        <v>17</v>
      </c>
      <c r="DO16" s="71">
        <v>13</v>
      </c>
      <c r="DP16" s="71">
        <v>14</v>
      </c>
      <c r="DQ16" s="71">
        <v>11</v>
      </c>
      <c r="DR16" s="72">
        <v>77</v>
      </c>
      <c r="DS16" s="73">
        <v>145</v>
      </c>
      <c r="DT16" s="70">
        <v>88</v>
      </c>
      <c r="DU16" s="71">
        <v>81</v>
      </c>
      <c r="DV16" s="72">
        <v>169</v>
      </c>
      <c r="DW16" s="244"/>
      <c r="DX16" s="71">
        <v>49</v>
      </c>
      <c r="DY16" s="71">
        <v>58</v>
      </c>
      <c r="DZ16" s="71">
        <v>36</v>
      </c>
      <c r="EA16" s="71">
        <v>49</v>
      </c>
      <c r="EB16" s="71">
        <v>35</v>
      </c>
      <c r="EC16" s="72">
        <v>227</v>
      </c>
      <c r="ED16" s="73">
        <v>396</v>
      </c>
      <c r="EE16" s="86">
        <v>196</v>
      </c>
      <c r="EF16" s="71">
        <v>213</v>
      </c>
      <c r="EG16" s="72">
        <v>409</v>
      </c>
      <c r="EH16" s="244"/>
      <c r="EI16" s="71">
        <v>141</v>
      </c>
      <c r="EJ16" s="71">
        <v>115</v>
      </c>
      <c r="EK16" s="71">
        <v>83</v>
      </c>
      <c r="EL16" s="71">
        <v>90</v>
      </c>
      <c r="EM16" s="71">
        <v>75</v>
      </c>
      <c r="EN16" s="72">
        <v>504</v>
      </c>
      <c r="EO16" s="73">
        <v>913</v>
      </c>
      <c r="EP16" s="70">
        <v>390</v>
      </c>
      <c r="EQ16" s="71">
        <v>347</v>
      </c>
      <c r="ER16" s="72">
        <v>737</v>
      </c>
      <c r="ES16" s="244"/>
      <c r="ET16" s="71">
        <v>352</v>
      </c>
      <c r="EU16" s="71">
        <v>218</v>
      </c>
      <c r="EV16" s="71">
        <v>160</v>
      </c>
      <c r="EW16" s="71">
        <v>141</v>
      </c>
      <c r="EX16" s="71">
        <v>128</v>
      </c>
      <c r="EY16" s="72">
        <v>999</v>
      </c>
      <c r="EZ16" s="73">
        <v>1736</v>
      </c>
      <c r="FA16" s="86">
        <v>401</v>
      </c>
      <c r="FB16" s="71">
        <v>380</v>
      </c>
      <c r="FC16" s="72">
        <v>781</v>
      </c>
      <c r="FD16" s="244"/>
      <c r="FE16" s="71">
        <v>467</v>
      </c>
      <c r="FF16" s="71">
        <v>335</v>
      </c>
      <c r="FG16" s="71">
        <v>271</v>
      </c>
      <c r="FH16" s="71">
        <v>276</v>
      </c>
      <c r="FI16" s="71">
        <v>154</v>
      </c>
      <c r="FJ16" s="72">
        <v>1503</v>
      </c>
      <c r="FK16" s="73">
        <v>2284</v>
      </c>
      <c r="FL16" s="70">
        <v>232</v>
      </c>
      <c r="FM16" s="71">
        <v>315</v>
      </c>
      <c r="FN16" s="72">
        <v>547</v>
      </c>
      <c r="FO16" s="244"/>
      <c r="FP16" s="71">
        <v>432</v>
      </c>
      <c r="FQ16" s="71">
        <v>385</v>
      </c>
      <c r="FR16" s="71">
        <v>381</v>
      </c>
      <c r="FS16" s="71">
        <v>463</v>
      </c>
      <c r="FT16" s="71">
        <v>282</v>
      </c>
      <c r="FU16" s="72">
        <v>1943</v>
      </c>
      <c r="FV16" s="73">
        <v>2490</v>
      </c>
      <c r="FW16" s="70">
        <v>15</v>
      </c>
      <c r="FX16" s="71">
        <v>23</v>
      </c>
      <c r="FY16" s="72">
        <v>38</v>
      </c>
      <c r="FZ16" s="244"/>
      <c r="GA16" s="71">
        <v>16</v>
      </c>
      <c r="GB16" s="71">
        <v>18</v>
      </c>
      <c r="GC16" s="71">
        <v>18</v>
      </c>
      <c r="GD16" s="71">
        <v>16</v>
      </c>
      <c r="GE16" s="71">
        <v>8</v>
      </c>
      <c r="GF16" s="72">
        <v>76</v>
      </c>
      <c r="GG16" s="73">
        <v>114</v>
      </c>
      <c r="GH16" s="70">
        <v>1354</v>
      </c>
      <c r="GI16" s="71">
        <v>1395</v>
      </c>
      <c r="GJ16" s="72">
        <v>2749</v>
      </c>
      <c r="GK16" s="244"/>
      <c r="GL16" s="71">
        <v>1479</v>
      </c>
      <c r="GM16" s="71">
        <v>1146</v>
      </c>
      <c r="GN16" s="71">
        <v>962</v>
      </c>
      <c r="GO16" s="71">
        <v>1049</v>
      </c>
      <c r="GP16" s="71">
        <v>693</v>
      </c>
      <c r="GQ16" s="72">
        <v>5329</v>
      </c>
      <c r="GR16" s="73">
        <v>8078</v>
      </c>
      <c r="GS16" s="123">
        <v>2041</v>
      </c>
      <c r="GT16" s="82">
        <v>2021</v>
      </c>
      <c r="GU16" s="83">
        <v>4062</v>
      </c>
      <c r="GV16" s="241"/>
      <c r="GW16" s="82">
        <v>2173</v>
      </c>
      <c r="GX16" s="82">
        <v>1746</v>
      </c>
      <c r="GY16" s="82">
        <v>1409</v>
      </c>
      <c r="GZ16" s="82">
        <v>1497</v>
      </c>
      <c r="HA16" s="82">
        <v>904</v>
      </c>
      <c r="HB16" s="84">
        <v>7729</v>
      </c>
      <c r="HC16" s="85">
        <v>11791</v>
      </c>
      <c r="HD16" s="86">
        <v>58</v>
      </c>
      <c r="HE16" s="71">
        <v>65</v>
      </c>
      <c r="HF16" s="72">
        <v>123</v>
      </c>
      <c r="HG16" s="244"/>
      <c r="HH16" s="71">
        <v>39</v>
      </c>
      <c r="HI16" s="71">
        <v>45</v>
      </c>
      <c r="HJ16" s="71">
        <v>34</v>
      </c>
      <c r="HK16" s="71">
        <v>39</v>
      </c>
      <c r="HL16" s="71">
        <v>22</v>
      </c>
      <c r="HM16" s="72">
        <v>179</v>
      </c>
      <c r="HN16" s="73">
        <v>302</v>
      </c>
      <c r="HO16" s="70">
        <v>141</v>
      </c>
      <c r="HP16" s="71">
        <v>152</v>
      </c>
      <c r="HQ16" s="72">
        <v>293</v>
      </c>
      <c r="HR16" s="244"/>
      <c r="HS16" s="71">
        <v>103</v>
      </c>
      <c r="HT16" s="71">
        <v>105</v>
      </c>
      <c r="HU16" s="71">
        <v>73</v>
      </c>
      <c r="HV16" s="71">
        <v>90</v>
      </c>
      <c r="HW16" s="71">
        <v>58</v>
      </c>
      <c r="HX16" s="72">
        <v>429</v>
      </c>
      <c r="HY16" s="73">
        <v>722</v>
      </c>
      <c r="HZ16" s="86">
        <v>294</v>
      </c>
      <c r="IA16" s="71">
        <v>310</v>
      </c>
      <c r="IB16" s="72">
        <v>604</v>
      </c>
      <c r="IC16" s="244"/>
      <c r="ID16" s="71">
        <v>236</v>
      </c>
      <c r="IE16" s="71">
        <v>203</v>
      </c>
      <c r="IF16" s="71">
        <v>159</v>
      </c>
      <c r="IG16" s="71">
        <v>150</v>
      </c>
      <c r="IH16" s="71">
        <v>119</v>
      </c>
      <c r="II16" s="72">
        <v>867</v>
      </c>
      <c r="IJ16" s="73">
        <v>1471</v>
      </c>
      <c r="IK16" s="70">
        <v>578</v>
      </c>
      <c r="IL16" s="71">
        <v>513</v>
      </c>
      <c r="IM16" s="72">
        <v>1091</v>
      </c>
      <c r="IN16" s="244"/>
      <c r="IO16" s="71">
        <v>529</v>
      </c>
      <c r="IP16" s="71">
        <v>373</v>
      </c>
      <c r="IQ16" s="71">
        <v>274</v>
      </c>
      <c r="IR16" s="71">
        <v>229</v>
      </c>
      <c r="IS16" s="71">
        <v>174</v>
      </c>
      <c r="IT16" s="72">
        <v>1579</v>
      </c>
      <c r="IU16" s="73">
        <v>2670</v>
      </c>
      <c r="IV16" s="86">
        <v>615</v>
      </c>
      <c r="IW16" s="71">
        <v>536</v>
      </c>
      <c r="IX16" s="72">
        <v>1151</v>
      </c>
      <c r="IY16" s="244"/>
      <c r="IZ16" s="71">
        <v>674</v>
      </c>
      <c r="JA16" s="71">
        <v>493</v>
      </c>
      <c r="JB16" s="71">
        <v>406</v>
      </c>
      <c r="JC16" s="71">
        <v>414</v>
      </c>
      <c r="JD16" s="71">
        <v>215</v>
      </c>
      <c r="JE16" s="72">
        <v>2202</v>
      </c>
      <c r="JF16" s="73">
        <v>3353</v>
      </c>
      <c r="JG16" s="70">
        <v>355</v>
      </c>
      <c r="JH16" s="71">
        <v>445</v>
      </c>
      <c r="JI16" s="72">
        <v>800</v>
      </c>
      <c r="JJ16" s="244"/>
      <c r="JK16" s="71">
        <v>592</v>
      </c>
      <c r="JL16" s="71">
        <v>527</v>
      </c>
      <c r="JM16" s="71">
        <v>463</v>
      </c>
      <c r="JN16" s="71">
        <v>575</v>
      </c>
      <c r="JO16" s="71">
        <v>316</v>
      </c>
      <c r="JP16" s="72">
        <v>2473</v>
      </c>
      <c r="JQ16" s="73">
        <v>3273</v>
      </c>
      <c r="JR16" s="70">
        <v>36</v>
      </c>
      <c r="JS16" s="71">
        <v>59</v>
      </c>
      <c r="JT16" s="72">
        <v>95</v>
      </c>
      <c r="JU16" s="244"/>
      <c r="JV16" s="71">
        <v>34</v>
      </c>
      <c r="JW16" s="71">
        <v>37</v>
      </c>
      <c r="JX16" s="71">
        <v>33</v>
      </c>
      <c r="JY16" s="71">
        <v>23</v>
      </c>
      <c r="JZ16" s="71">
        <v>22</v>
      </c>
      <c r="KA16" s="72">
        <v>149</v>
      </c>
      <c r="KB16" s="73">
        <v>244</v>
      </c>
      <c r="KC16" s="70">
        <v>2077</v>
      </c>
      <c r="KD16" s="71">
        <v>2080</v>
      </c>
      <c r="KE16" s="72">
        <v>4157</v>
      </c>
      <c r="KF16" s="244"/>
      <c r="KG16" s="71">
        <v>2207</v>
      </c>
      <c r="KH16" s="71">
        <v>1783</v>
      </c>
      <c r="KI16" s="71">
        <v>1442</v>
      </c>
      <c r="KJ16" s="71">
        <v>1520</v>
      </c>
      <c r="KK16" s="71">
        <v>926</v>
      </c>
      <c r="KL16" s="72">
        <v>7878</v>
      </c>
      <c r="KM16" s="73">
        <v>12035</v>
      </c>
    </row>
    <row r="17" spans="2:299" ht="21" customHeight="1" x14ac:dyDescent="0.2">
      <c r="B17" s="126" t="s">
        <v>13</v>
      </c>
      <c r="C17" s="313">
        <v>165</v>
      </c>
      <c r="D17" s="82">
        <v>176</v>
      </c>
      <c r="E17" s="83">
        <v>341</v>
      </c>
      <c r="F17" s="241"/>
      <c r="G17" s="82">
        <v>300</v>
      </c>
      <c r="H17" s="82">
        <v>261</v>
      </c>
      <c r="I17" s="82">
        <v>175</v>
      </c>
      <c r="J17" s="82">
        <v>143</v>
      </c>
      <c r="K17" s="82">
        <v>110</v>
      </c>
      <c r="L17" s="84">
        <v>989</v>
      </c>
      <c r="M17" s="85">
        <v>1330</v>
      </c>
      <c r="N17" s="70">
        <v>5</v>
      </c>
      <c r="O17" s="71">
        <v>2</v>
      </c>
      <c r="P17" s="72">
        <v>7</v>
      </c>
      <c r="Q17" s="244"/>
      <c r="R17" s="71">
        <v>12</v>
      </c>
      <c r="S17" s="71">
        <v>6</v>
      </c>
      <c r="T17" s="71">
        <v>9</v>
      </c>
      <c r="U17" s="71">
        <v>6</v>
      </c>
      <c r="V17" s="71">
        <v>5</v>
      </c>
      <c r="W17" s="72">
        <v>38</v>
      </c>
      <c r="X17" s="73">
        <v>45</v>
      </c>
      <c r="Y17" s="70">
        <v>9</v>
      </c>
      <c r="Z17" s="71">
        <v>10</v>
      </c>
      <c r="AA17" s="72">
        <v>19</v>
      </c>
      <c r="AB17" s="244"/>
      <c r="AC17" s="71">
        <v>28</v>
      </c>
      <c r="AD17" s="71">
        <v>18</v>
      </c>
      <c r="AE17" s="71">
        <v>10</v>
      </c>
      <c r="AF17" s="71">
        <v>14</v>
      </c>
      <c r="AG17" s="71">
        <v>14</v>
      </c>
      <c r="AH17" s="72">
        <v>84</v>
      </c>
      <c r="AI17" s="73">
        <v>103</v>
      </c>
      <c r="AJ17" s="70">
        <v>25</v>
      </c>
      <c r="AK17" s="71">
        <v>19</v>
      </c>
      <c r="AL17" s="72">
        <v>44</v>
      </c>
      <c r="AM17" s="244"/>
      <c r="AN17" s="71">
        <v>42</v>
      </c>
      <c r="AO17" s="71">
        <v>31</v>
      </c>
      <c r="AP17" s="71">
        <v>22</v>
      </c>
      <c r="AQ17" s="71">
        <v>10</v>
      </c>
      <c r="AR17" s="71">
        <v>16</v>
      </c>
      <c r="AS17" s="72">
        <v>121</v>
      </c>
      <c r="AT17" s="73">
        <v>165</v>
      </c>
      <c r="AU17" s="70">
        <v>34</v>
      </c>
      <c r="AV17" s="71">
        <v>52</v>
      </c>
      <c r="AW17" s="72">
        <v>86</v>
      </c>
      <c r="AX17" s="244"/>
      <c r="AY17" s="71">
        <v>71</v>
      </c>
      <c r="AZ17" s="71">
        <v>53</v>
      </c>
      <c r="BA17" s="71">
        <v>33</v>
      </c>
      <c r="BB17" s="71">
        <v>29</v>
      </c>
      <c r="BC17" s="71">
        <v>27</v>
      </c>
      <c r="BD17" s="72">
        <v>213</v>
      </c>
      <c r="BE17" s="73">
        <v>299</v>
      </c>
      <c r="BF17" s="70">
        <v>57</v>
      </c>
      <c r="BG17" s="71">
        <v>58</v>
      </c>
      <c r="BH17" s="72">
        <v>115</v>
      </c>
      <c r="BI17" s="244"/>
      <c r="BJ17" s="71">
        <v>77</v>
      </c>
      <c r="BK17" s="71">
        <v>77</v>
      </c>
      <c r="BL17" s="71">
        <v>56</v>
      </c>
      <c r="BM17" s="71">
        <v>47</v>
      </c>
      <c r="BN17" s="71">
        <v>25</v>
      </c>
      <c r="BO17" s="72">
        <v>282</v>
      </c>
      <c r="BP17" s="73">
        <v>397</v>
      </c>
      <c r="BQ17" s="70">
        <v>35</v>
      </c>
      <c r="BR17" s="71">
        <v>35</v>
      </c>
      <c r="BS17" s="72">
        <v>70</v>
      </c>
      <c r="BT17" s="244"/>
      <c r="BU17" s="71">
        <v>70</v>
      </c>
      <c r="BV17" s="71">
        <v>76</v>
      </c>
      <c r="BW17" s="71">
        <v>45</v>
      </c>
      <c r="BX17" s="71">
        <v>37</v>
      </c>
      <c r="BY17" s="71">
        <v>23</v>
      </c>
      <c r="BZ17" s="72">
        <v>251</v>
      </c>
      <c r="CA17" s="73">
        <v>321</v>
      </c>
      <c r="CB17" s="70">
        <v>4</v>
      </c>
      <c r="CC17" s="71">
        <v>2</v>
      </c>
      <c r="CD17" s="72">
        <v>6</v>
      </c>
      <c r="CE17" s="244"/>
      <c r="CF17" s="71">
        <v>11</v>
      </c>
      <c r="CG17" s="71">
        <v>6</v>
      </c>
      <c r="CH17" s="71">
        <v>6</v>
      </c>
      <c r="CI17" s="71">
        <v>5</v>
      </c>
      <c r="CJ17" s="71">
        <v>8</v>
      </c>
      <c r="CK17" s="72">
        <v>36</v>
      </c>
      <c r="CL17" s="73">
        <v>42</v>
      </c>
      <c r="CM17" s="70">
        <v>169</v>
      </c>
      <c r="CN17" s="71">
        <v>178</v>
      </c>
      <c r="CO17" s="72">
        <v>347</v>
      </c>
      <c r="CP17" s="244"/>
      <c r="CQ17" s="71">
        <v>311</v>
      </c>
      <c r="CR17" s="71">
        <v>267</v>
      </c>
      <c r="CS17" s="71">
        <v>181</v>
      </c>
      <c r="CT17" s="71">
        <v>148</v>
      </c>
      <c r="CU17" s="71">
        <v>118</v>
      </c>
      <c r="CV17" s="72">
        <v>1025</v>
      </c>
      <c r="CW17" s="73">
        <v>1372</v>
      </c>
      <c r="CX17" s="123">
        <v>396</v>
      </c>
      <c r="CY17" s="82">
        <v>394</v>
      </c>
      <c r="CZ17" s="83">
        <v>790</v>
      </c>
      <c r="DA17" s="241"/>
      <c r="DB17" s="82">
        <v>608</v>
      </c>
      <c r="DC17" s="82">
        <v>483</v>
      </c>
      <c r="DD17" s="82">
        <v>341</v>
      </c>
      <c r="DE17" s="82">
        <v>398</v>
      </c>
      <c r="DF17" s="82">
        <v>289</v>
      </c>
      <c r="DG17" s="84">
        <v>2119</v>
      </c>
      <c r="DH17" s="85">
        <v>2909</v>
      </c>
      <c r="DI17" s="70">
        <v>6</v>
      </c>
      <c r="DJ17" s="71">
        <v>4</v>
      </c>
      <c r="DK17" s="72">
        <v>10</v>
      </c>
      <c r="DL17" s="244"/>
      <c r="DM17" s="71">
        <v>7</v>
      </c>
      <c r="DN17" s="71">
        <v>11</v>
      </c>
      <c r="DO17" s="71">
        <v>2</v>
      </c>
      <c r="DP17" s="71">
        <v>5</v>
      </c>
      <c r="DQ17" s="71">
        <v>3</v>
      </c>
      <c r="DR17" s="72">
        <v>28</v>
      </c>
      <c r="DS17" s="73">
        <v>38</v>
      </c>
      <c r="DT17" s="70">
        <v>15</v>
      </c>
      <c r="DU17" s="71">
        <v>22</v>
      </c>
      <c r="DV17" s="72">
        <v>37</v>
      </c>
      <c r="DW17" s="244"/>
      <c r="DX17" s="71">
        <v>26</v>
      </c>
      <c r="DY17" s="71">
        <v>19</v>
      </c>
      <c r="DZ17" s="71">
        <v>10</v>
      </c>
      <c r="EA17" s="71">
        <v>9</v>
      </c>
      <c r="EB17" s="71">
        <v>12</v>
      </c>
      <c r="EC17" s="72">
        <v>76</v>
      </c>
      <c r="ED17" s="73">
        <v>113</v>
      </c>
      <c r="EE17" s="70">
        <v>41</v>
      </c>
      <c r="EF17" s="71">
        <v>41</v>
      </c>
      <c r="EG17" s="72">
        <v>82</v>
      </c>
      <c r="EH17" s="244"/>
      <c r="EI17" s="71">
        <v>75</v>
      </c>
      <c r="EJ17" s="71">
        <v>33</v>
      </c>
      <c r="EK17" s="71">
        <v>28</v>
      </c>
      <c r="EL17" s="71">
        <v>21</v>
      </c>
      <c r="EM17" s="71">
        <v>29</v>
      </c>
      <c r="EN17" s="72">
        <v>186</v>
      </c>
      <c r="EO17" s="73">
        <v>268</v>
      </c>
      <c r="EP17" s="70">
        <v>120</v>
      </c>
      <c r="EQ17" s="71">
        <v>112</v>
      </c>
      <c r="ER17" s="72">
        <v>232</v>
      </c>
      <c r="ES17" s="244"/>
      <c r="ET17" s="71">
        <v>148</v>
      </c>
      <c r="EU17" s="71">
        <v>91</v>
      </c>
      <c r="EV17" s="71">
        <v>46</v>
      </c>
      <c r="EW17" s="71">
        <v>57</v>
      </c>
      <c r="EX17" s="71">
        <v>49</v>
      </c>
      <c r="EY17" s="72">
        <v>391</v>
      </c>
      <c r="EZ17" s="73">
        <v>623</v>
      </c>
      <c r="FA17" s="70">
        <v>132</v>
      </c>
      <c r="FB17" s="71">
        <v>121</v>
      </c>
      <c r="FC17" s="72">
        <v>253</v>
      </c>
      <c r="FD17" s="244"/>
      <c r="FE17" s="71">
        <v>180</v>
      </c>
      <c r="FF17" s="71">
        <v>143</v>
      </c>
      <c r="FG17" s="71">
        <v>87</v>
      </c>
      <c r="FH17" s="71">
        <v>109</v>
      </c>
      <c r="FI17" s="71">
        <v>63</v>
      </c>
      <c r="FJ17" s="72">
        <v>582</v>
      </c>
      <c r="FK17" s="73">
        <v>835</v>
      </c>
      <c r="FL17" s="70">
        <v>82</v>
      </c>
      <c r="FM17" s="71">
        <v>94</v>
      </c>
      <c r="FN17" s="72">
        <v>176</v>
      </c>
      <c r="FO17" s="244"/>
      <c r="FP17" s="71">
        <v>172</v>
      </c>
      <c r="FQ17" s="71">
        <v>186</v>
      </c>
      <c r="FR17" s="71">
        <v>168</v>
      </c>
      <c r="FS17" s="71">
        <v>197</v>
      </c>
      <c r="FT17" s="71">
        <v>133</v>
      </c>
      <c r="FU17" s="72">
        <v>856</v>
      </c>
      <c r="FV17" s="73">
        <v>1032</v>
      </c>
      <c r="FW17" s="70">
        <v>0</v>
      </c>
      <c r="FX17" s="71">
        <v>2</v>
      </c>
      <c r="FY17" s="72">
        <v>2</v>
      </c>
      <c r="FZ17" s="244"/>
      <c r="GA17" s="71">
        <v>5</v>
      </c>
      <c r="GB17" s="71">
        <v>9</v>
      </c>
      <c r="GC17" s="71">
        <v>5</v>
      </c>
      <c r="GD17" s="71">
        <v>3</v>
      </c>
      <c r="GE17" s="71">
        <v>6</v>
      </c>
      <c r="GF17" s="72">
        <v>28</v>
      </c>
      <c r="GG17" s="73">
        <v>30</v>
      </c>
      <c r="GH17" s="70">
        <v>396</v>
      </c>
      <c r="GI17" s="71">
        <v>396</v>
      </c>
      <c r="GJ17" s="72">
        <v>792</v>
      </c>
      <c r="GK17" s="244"/>
      <c r="GL17" s="71">
        <v>613</v>
      </c>
      <c r="GM17" s="71">
        <v>492</v>
      </c>
      <c r="GN17" s="71">
        <v>346</v>
      </c>
      <c r="GO17" s="71">
        <v>401</v>
      </c>
      <c r="GP17" s="71">
        <v>295</v>
      </c>
      <c r="GQ17" s="72">
        <v>2147</v>
      </c>
      <c r="GR17" s="73">
        <v>2939</v>
      </c>
      <c r="GS17" s="123">
        <v>561</v>
      </c>
      <c r="GT17" s="82">
        <v>570</v>
      </c>
      <c r="GU17" s="83">
        <v>1131</v>
      </c>
      <c r="GV17" s="241"/>
      <c r="GW17" s="82">
        <v>908</v>
      </c>
      <c r="GX17" s="82">
        <v>744</v>
      </c>
      <c r="GY17" s="82">
        <v>516</v>
      </c>
      <c r="GZ17" s="82">
        <v>541</v>
      </c>
      <c r="HA17" s="82">
        <v>399</v>
      </c>
      <c r="HB17" s="84">
        <v>3108</v>
      </c>
      <c r="HC17" s="85">
        <v>4239</v>
      </c>
      <c r="HD17" s="70">
        <v>11</v>
      </c>
      <c r="HE17" s="71">
        <v>6</v>
      </c>
      <c r="HF17" s="72">
        <v>17</v>
      </c>
      <c r="HG17" s="244"/>
      <c r="HH17" s="71">
        <v>19</v>
      </c>
      <c r="HI17" s="71">
        <v>17</v>
      </c>
      <c r="HJ17" s="71">
        <v>11</v>
      </c>
      <c r="HK17" s="71">
        <v>11</v>
      </c>
      <c r="HL17" s="71">
        <v>8</v>
      </c>
      <c r="HM17" s="72">
        <v>66</v>
      </c>
      <c r="HN17" s="73">
        <v>83</v>
      </c>
      <c r="HO17" s="70">
        <v>24</v>
      </c>
      <c r="HP17" s="71">
        <v>32</v>
      </c>
      <c r="HQ17" s="72">
        <v>56</v>
      </c>
      <c r="HR17" s="244"/>
      <c r="HS17" s="71">
        <v>54</v>
      </c>
      <c r="HT17" s="71">
        <v>37</v>
      </c>
      <c r="HU17" s="71">
        <v>20</v>
      </c>
      <c r="HV17" s="71">
        <v>23</v>
      </c>
      <c r="HW17" s="71">
        <v>26</v>
      </c>
      <c r="HX17" s="72">
        <v>160</v>
      </c>
      <c r="HY17" s="73">
        <v>216</v>
      </c>
      <c r="HZ17" s="70">
        <v>66</v>
      </c>
      <c r="IA17" s="71">
        <v>60</v>
      </c>
      <c r="IB17" s="72">
        <v>126</v>
      </c>
      <c r="IC17" s="244"/>
      <c r="ID17" s="71">
        <v>117</v>
      </c>
      <c r="IE17" s="71">
        <v>64</v>
      </c>
      <c r="IF17" s="71">
        <v>50</v>
      </c>
      <c r="IG17" s="71">
        <v>31</v>
      </c>
      <c r="IH17" s="71">
        <v>45</v>
      </c>
      <c r="II17" s="72">
        <v>307</v>
      </c>
      <c r="IJ17" s="73">
        <v>433</v>
      </c>
      <c r="IK17" s="70">
        <v>154</v>
      </c>
      <c r="IL17" s="71">
        <v>164</v>
      </c>
      <c r="IM17" s="72">
        <v>318</v>
      </c>
      <c r="IN17" s="244"/>
      <c r="IO17" s="71">
        <v>219</v>
      </c>
      <c r="IP17" s="71">
        <v>144</v>
      </c>
      <c r="IQ17" s="71">
        <v>79</v>
      </c>
      <c r="IR17" s="71">
        <v>86</v>
      </c>
      <c r="IS17" s="71">
        <v>76</v>
      </c>
      <c r="IT17" s="72">
        <v>604</v>
      </c>
      <c r="IU17" s="73">
        <v>922</v>
      </c>
      <c r="IV17" s="70">
        <v>189</v>
      </c>
      <c r="IW17" s="71">
        <v>179</v>
      </c>
      <c r="IX17" s="72">
        <v>368</v>
      </c>
      <c r="IY17" s="244"/>
      <c r="IZ17" s="71">
        <v>257</v>
      </c>
      <c r="JA17" s="71">
        <v>220</v>
      </c>
      <c r="JB17" s="71">
        <v>143</v>
      </c>
      <c r="JC17" s="71">
        <v>156</v>
      </c>
      <c r="JD17" s="71">
        <v>88</v>
      </c>
      <c r="JE17" s="72">
        <v>864</v>
      </c>
      <c r="JF17" s="73">
        <v>1232</v>
      </c>
      <c r="JG17" s="70">
        <v>117</v>
      </c>
      <c r="JH17" s="71">
        <v>129</v>
      </c>
      <c r="JI17" s="72">
        <v>246</v>
      </c>
      <c r="JJ17" s="244"/>
      <c r="JK17" s="71">
        <v>242</v>
      </c>
      <c r="JL17" s="71">
        <v>262</v>
      </c>
      <c r="JM17" s="71">
        <v>213</v>
      </c>
      <c r="JN17" s="71">
        <v>234</v>
      </c>
      <c r="JO17" s="71">
        <v>156</v>
      </c>
      <c r="JP17" s="72">
        <v>1107</v>
      </c>
      <c r="JQ17" s="73">
        <v>1353</v>
      </c>
      <c r="JR17" s="70">
        <v>4</v>
      </c>
      <c r="JS17" s="71">
        <v>4</v>
      </c>
      <c r="JT17" s="72">
        <v>8</v>
      </c>
      <c r="JU17" s="244"/>
      <c r="JV17" s="71">
        <v>16</v>
      </c>
      <c r="JW17" s="71">
        <v>15</v>
      </c>
      <c r="JX17" s="71">
        <v>11</v>
      </c>
      <c r="JY17" s="71">
        <v>8</v>
      </c>
      <c r="JZ17" s="71">
        <v>14</v>
      </c>
      <c r="KA17" s="72">
        <v>64</v>
      </c>
      <c r="KB17" s="73">
        <v>72</v>
      </c>
      <c r="KC17" s="70">
        <v>565</v>
      </c>
      <c r="KD17" s="71">
        <v>574</v>
      </c>
      <c r="KE17" s="72">
        <v>1139</v>
      </c>
      <c r="KF17" s="244"/>
      <c r="KG17" s="71">
        <v>924</v>
      </c>
      <c r="KH17" s="71">
        <v>759</v>
      </c>
      <c r="KI17" s="71">
        <v>527</v>
      </c>
      <c r="KJ17" s="71">
        <v>549</v>
      </c>
      <c r="KK17" s="71">
        <v>413</v>
      </c>
      <c r="KL17" s="72">
        <v>3172</v>
      </c>
      <c r="KM17" s="73">
        <v>4311</v>
      </c>
    </row>
    <row r="18" spans="2:299" ht="21" customHeight="1" x14ac:dyDescent="0.2">
      <c r="B18" s="126" t="s">
        <v>15</v>
      </c>
      <c r="C18" s="313">
        <v>119</v>
      </c>
      <c r="D18" s="82">
        <v>145</v>
      </c>
      <c r="E18" s="83">
        <v>264</v>
      </c>
      <c r="F18" s="241"/>
      <c r="G18" s="82">
        <v>253</v>
      </c>
      <c r="H18" s="82">
        <v>228</v>
      </c>
      <c r="I18" s="82">
        <v>162</v>
      </c>
      <c r="J18" s="82">
        <v>139</v>
      </c>
      <c r="K18" s="82">
        <v>69</v>
      </c>
      <c r="L18" s="84">
        <v>851</v>
      </c>
      <c r="M18" s="85">
        <v>1115</v>
      </c>
      <c r="N18" s="70">
        <v>5</v>
      </c>
      <c r="O18" s="71">
        <v>3</v>
      </c>
      <c r="P18" s="72">
        <v>8</v>
      </c>
      <c r="Q18" s="244"/>
      <c r="R18" s="71">
        <v>11</v>
      </c>
      <c r="S18" s="71">
        <v>14</v>
      </c>
      <c r="T18" s="71">
        <v>10</v>
      </c>
      <c r="U18" s="71">
        <v>6</v>
      </c>
      <c r="V18" s="71">
        <v>6</v>
      </c>
      <c r="W18" s="72">
        <v>47</v>
      </c>
      <c r="X18" s="73">
        <v>55</v>
      </c>
      <c r="Y18" s="70">
        <v>12</v>
      </c>
      <c r="Z18" s="71">
        <v>14</v>
      </c>
      <c r="AA18" s="72">
        <v>26</v>
      </c>
      <c r="AB18" s="244"/>
      <c r="AC18" s="71">
        <v>30</v>
      </c>
      <c r="AD18" s="71">
        <v>25</v>
      </c>
      <c r="AE18" s="71">
        <v>20</v>
      </c>
      <c r="AF18" s="71">
        <v>16</v>
      </c>
      <c r="AG18" s="71">
        <v>8</v>
      </c>
      <c r="AH18" s="72">
        <v>99</v>
      </c>
      <c r="AI18" s="73">
        <v>125</v>
      </c>
      <c r="AJ18" s="70">
        <v>17</v>
      </c>
      <c r="AK18" s="71">
        <v>25</v>
      </c>
      <c r="AL18" s="72">
        <v>42</v>
      </c>
      <c r="AM18" s="244"/>
      <c r="AN18" s="71">
        <v>33</v>
      </c>
      <c r="AO18" s="71">
        <v>44</v>
      </c>
      <c r="AP18" s="71">
        <v>24</v>
      </c>
      <c r="AQ18" s="71">
        <v>26</v>
      </c>
      <c r="AR18" s="71">
        <v>16</v>
      </c>
      <c r="AS18" s="72">
        <v>143</v>
      </c>
      <c r="AT18" s="73">
        <v>185</v>
      </c>
      <c r="AU18" s="70">
        <v>34</v>
      </c>
      <c r="AV18" s="71">
        <v>37</v>
      </c>
      <c r="AW18" s="72">
        <v>71</v>
      </c>
      <c r="AX18" s="244"/>
      <c r="AY18" s="71">
        <v>75</v>
      </c>
      <c r="AZ18" s="71">
        <v>46</v>
      </c>
      <c r="BA18" s="71">
        <v>34</v>
      </c>
      <c r="BB18" s="71">
        <v>32</v>
      </c>
      <c r="BC18" s="71">
        <v>17</v>
      </c>
      <c r="BD18" s="72">
        <v>204</v>
      </c>
      <c r="BE18" s="73">
        <v>275</v>
      </c>
      <c r="BF18" s="70">
        <v>34</v>
      </c>
      <c r="BG18" s="71">
        <v>45</v>
      </c>
      <c r="BH18" s="72">
        <v>79</v>
      </c>
      <c r="BI18" s="244"/>
      <c r="BJ18" s="71">
        <v>62</v>
      </c>
      <c r="BK18" s="71">
        <v>50</v>
      </c>
      <c r="BL18" s="71">
        <v>40</v>
      </c>
      <c r="BM18" s="71">
        <v>31</v>
      </c>
      <c r="BN18" s="71">
        <v>14</v>
      </c>
      <c r="BO18" s="72">
        <v>197</v>
      </c>
      <c r="BP18" s="73">
        <v>276</v>
      </c>
      <c r="BQ18" s="70">
        <v>17</v>
      </c>
      <c r="BR18" s="71">
        <v>21</v>
      </c>
      <c r="BS18" s="72">
        <v>38</v>
      </c>
      <c r="BT18" s="244"/>
      <c r="BU18" s="71">
        <v>42</v>
      </c>
      <c r="BV18" s="71">
        <v>49</v>
      </c>
      <c r="BW18" s="71">
        <v>34</v>
      </c>
      <c r="BX18" s="71">
        <v>28</v>
      </c>
      <c r="BY18" s="71">
        <v>8</v>
      </c>
      <c r="BZ18" s="72">
        <v>161</v>
      </c>
      <c r="CA18" s="73">
        <v>199</v>
      </c>
      <c r="CB18" s="70">
        <v>0</v>
      </c>
      <c r="CC18" s="71">
        <v>4</v>
      </c>
      <c r="CD18" s="72">
        <v>4</v>
      </c>
      <c r="CE18" s="244"/>
      <c r="CF18" s="71">
        <v>6</v>
      </c>
      <c r="CG18" s="71">
        <v>7</v>
      </c>
      <c r="CH18" s="71">
        <v>2</v>
      </c>
      <c r="CI18" s="71">
        <v>3</v>
      </c>
      <c r="CJ18" s="71">
        <v>5</v>
      </c>
      <c r="CK18" s="72">
        <v>23</v>
      </c>
      <c r="CL18" s="73">
        <v>27</v>
      </c>
      <c r="CM18" s="70">
        <v>119</v>
      </c>
      <c r="CN18" s="71">
        <v>149</v>
      </c>
      <c r="CO18" s="72">
        <v>268</v>
      </c>
      <c r="CP18" s="244"/>
      <c r="CQ18" s="71">
        <v>259</v>
      </c>
      <c r="CR18" s="71">
        <v>235</v>
      </c>
      <c r="CS18" s="71">
        <v>164</v>
      </c>
      <c r="CT18" s="71">
        <v>142</v>
      </c>
      <c r="CU18" s="71">
        <v>74</v>
      </c>
      <c r="CV18" s="72">
        <v>874</v>
      </c>
      <c r="CW18" s="73">
        <v>1142</v>
      </c>
      <c r="CX18" s="123">
        <v>261</v>
      </c>
      <c r="CY18" s="82">
        <v>352</v>
      </c>
      <c r="CZ18" s="83">
        <v>613</v>
      </c>
      <c r="DA18" s="241"/>
      <c r="DB18" s="82">
        <v>475</v>
      </c>
      <c r="DC18" s="82">
        <v>445</v>
      </c>
      <c r="DD18" s="82">
        <v>317</v>
      </c>
      <c r="DE18" s="82">
        <v>304</v>
      </c>
      <c r="DF18" s="82">
        <v>189</v>
      </c>
      <c r="DG18" s="84">
        <v>1730</v>
      </c>
      <c r="DH18" s="85">
        <v>2343</v>
      </c>
      <c r="DI18" s="70">
        <v>6</v>
      </c>
      <c r="DJ18" s="71">
        <v>4</v>
      </c>
      <c r="DK18" s="72">
        <v>10</v>
      </c>
      <c r="DL18" s="244"/>
      <c r="DM18" s="71">
        <v>13</v>
      </c>
      <c r="DN18" s="71">
        <v>10</v>
      </c>
      <c r="DO18" s="71">
        <v>2</v>
      </c>
      <c r="DP18" s="71">
        <v>1</v>
      </c>
      <c r="DQ18" s="71">
        <v>4</v>
      </c>
      <c r="DR18" s="72">
        <v>30</v>
      </c>
      <c r="DS18" s="73">
        <v>40</v>
      </c>
      <c r="DT18" s="70">
        <v>15</v>
      </c>
      <c r="DU18" s="71">
        <v>18</v>
      </c>
      <c r="DV18" s="72">
        <v>33</v>
      </c>
      <c r="DW18" s="244"/>
      <c r="DX18" s="71">
        <v>30</v>
      </c>
      <c r="DY18" s="71">
        <v>36</v>
      </c>
      <c r="DZ18" s="71">
        <v>18</v>
      </c>
      <c r="EA18" s="71">
        <v>11</v>
      </c>
      <c r="EB18" s="71">
        <v>10</v>
      </c>
      <c r="EC18" s="72">
        <v>105</v>
      </c>
      <c r="ED18" s="73">
        <v>138</v>
      </c>
      <c r="EE18" s="70">
        <v>60</v>
      </c>
      <c r="EF18" s="71">
        <v>48</v>
      </c>
      <c r="EG18" s="72">
        <v>108</v>
      </c>
      <c r="EH18" s="244"/>
      <c r="EI18" s="71">
        <v>64</v>
      </c>
      <c r="EJ18" s="71">
        <v>57</v>
      </c>
      <c r="EK18" s="71">
        <v>28</v>
      </c>
      <c r="EL18" s="71">
        <v>16</v>
      </c>
      <c r="EM18" s="71">
        <v>18</v>
      </c>
      <c r="EN18" s="72">
        <v>183</v>
      </c>
      <c r="EO18" s="73">
        <v>291</v>
      </c>
      <c r="EP18" s="70">
        <v>89</v>
      </c>
      <c r="EQ18" s="71">
        <v>107</v>
      </c>
      <c r="ER18" s="72">
        <v>196</v>
      </c>
      <c r="ES18" s="244"/>
      <c r="ET18" s="71">
        <v>112</v>
      </c>
      <c r="EU18" s="71">
        <v>85</v>
      </c>
      <c r="EV18" s="71">
        <v>54</v>
      </c>
      <c r="EW18" s="71">
        <v>40</v>
      </c>
      <c r="EX18" s="71">
        <v>38</v>
      </c>
      <c r="EY18" s="72">
        <v>329</v>
      </c>
      <c r="EZ18" s="73">
        <v>525</v>
      </c>
      <c r="FA18" s="70">
        <v>58</v>
      </c>
      <c r="FB18" s="71">
        <v>111</v>
      </c>
      <c r="FC18" s="72">
        <v>169</v>
      </c>
      <c r="FD18" s="244"/>
      <c r="FE18" s="71">
        <v>137</v>
      </c>
      <c r="FF18" s="71">
        <v>122</v>
      </c>
      <c r="FG18" s="71">
        <v>81</v>
      </c>
      <c r="FH18" s="71">
        <v>90</v>
      </c>
      <c r="FI18" s="71">
        <v>42</v>
      </c>
      <c r="FJ18" s="72">
        <v>472</v>
      </c>
      <c r="FK18" s="73">
        <v>641</v>
      </c>
      <c r="FL18" s="70">
        <v>33</v>
      </c>
      <c r="FM18" s="71">
        <v>64</v>
      </c>
      <c r="FN18" s="72">
        <v>97</v>
      </c>
      <c r="FO18" s="244"/>
      <c r="FP18" s="71">
        <v>119</v>
      </c>
      <c r="FQ18" s="71">
        <v>135</v>
      </c>
      <c r="FR18" s="71">
        <v>134</v>
      </c>
      <c r="FS18" s="71">
        <v>146</v>
      </c>
      <c r="FT18" s="71">
        <v>77</v>
      </c>
      <c r="FU18" s="72">
        <v>611</v>
      </c>
      <c r="FV18" s="73">
        <v>708</v>
      </c>
      <c r="FW18" s="70">
        <v>1</v>
      </c>
      <c r="FX18" s="71">
        <v>4</v>
      </c>
      <c r="FY18" s="72">
        <v>5</v>
      </c>
      <c r="FZ18" s="244"/>
      <c r="GA18" s="71">
        <v>4</v>
      </c>
      <c r="GB18" s="71">
        <v>8</v>
      </c>
      <c r="GC18" s="71">
        <v>1</v>
      </c>
      <c r="GD18" s="71">
        <v>3</v>
      </c>
      <c r="GE18" s="71">
        <v>7</v>
      </c>
      <c r="GF18" s="72">
        <v>23</v>
      </c>
      <c r="GG18" s="73">
        <v>28</v>
      </c>
      <c r="GH18" s="70">
        <v>262</v>
      </c>
      <c r="GI18" s="71">
        <v>356</v>
      </c>
      <c r="GJ18" s="72">
        <v>618</v>
      </c>
      <c r="GK18" s="244"/>
      <c r="GL18" s="71">
        <v>479</v>
      </c>
      <c r="GM18" s="71">
        <v>453</v>
      </c>
      <c r="GN18" s="71">
        <v>318</v>
      </c>
      <c r="GO18" s="71">
        <v>307</v>
      </c>
      <c r="GP18" s="71">
        <v>196</v>
      </c>
      <c r="GQ18" s="72">
        <v>1753</v>
      </c>
      <c r="GR18" s="73">
        <v>2371</v>
      </c>
      <c r="GS18" s="123">
        <v>380</v>
      </c>
      <c r="GT18" s="82">
        <v>497</v>
      </c>
      <c r="GU18" s="83">
        <v>877</v>
      </c>
      <c r="GV18" s="241"/>
      <c r="GW18" s="82">
        <v>728</v>
      </c>
      <c r="GX18" s="82">
        <v>673</v>
      </c>
      <c r="GY18" s="82">
        <v>479</v>
      </c>
      <c r="GZ18" s="82">
        <v>443</v>
      </c>
      <c r="HA18" s="82">
        <v>258</v>
      </c>
      <c r="HB18" s="84">
        <v>2581</v>
      </c>
      <c r="HC18" s="85">
        <v>3458</v>
      </c>
      <c r="HD18" s="70">
        <v>11</v>
      </c>
      <c r="HE18" s="71">
        <v>7</v>
      </c>
      <c r="HF18" s="72">
        <v>18</v>
      </c>
      <c r="HG18" s="244"/>
      <c r="HH18" s="71">
        <v>24</v>
      </c>
      <c r="HI18" s="71">
        <v>24</v>
      </c>
      <c r="HJ18" s="71">
        <v>12</v>
      </c>
      <c r="HK18" s="71">
        <v>7</v>
      </c>
      <c r="HL18" s="71">
        <v>10</v>
      </c>
      <c r="HM18" s="72">
        <v>77</v>
      </c>
      <c r="HN18" s="73">
        <v>95</v>
      </c>
      <c r="HO18" s="70">
        <v>27</v>
      </c>
      <c r="HP18" s="71">
        <v>32</v>
      </c>
      <c r="HQ18" s="72">
        <v>59</v>
      </c>
      <c r="HR18" s="244"/>
      <c r="HS18" s="71">
        <v>60</v>
      </c>
      <c r="HT18" s="71">
        <v>61</v>
      </c>
      <c r="HU18" s="71">
        <v>38</v>
      </c>
      <c r="HV18" s="71">
        <v>27</v>
      </c>
      <c r="HW18" s="71">
        <v>18</v>
      </c>
      <c r="HX18" s="72">
        <v>204</v>
      </c>
      <c r="HY18" s="73">
        <v>263</v>
      </c>
      <c r="HZ18" s="70">
        <v>77</v>
      </c>
      <c r="IA18" s="71">
        <v>73</v>
      </c>
      <c r="IB18" s="72">
        <v>150</v>
      </c>
      <c r="IC18" s="244"/>
      <c r="ID18" s="71">
        <v>97</v>
      </c>
      <c r="IE18" s="71">
        <v>101</v>
      </c>
      <c r="IF18" s="71">
        <v>52</v>
      </c>
      <c r="IG18" s="71">
        <v>42</v>
      </c>
      <c r="IH18" s="71">
        <v>34</v>
      </c>
      <c r="II18" s="72">
        <v>326</v>
      </c>
      <c r="IJ18" s="73">
        <v>476</v>
      </c>
      <c r="IK18" s="70">
        <v>123</v>
      </c>
      <c r="IL18" s="71">
        <v>144</v>
      </c>
      <c r="IM18" s="72">
        <v>267</v>
      </c>
      <c r="IN18" s="244"/>
      <c r="IO18" s="71">
        <v>187</v>
      </c>
      <c r="IP18" s="71">
        <v>131</v>
      </c>
      <c r="IQ18" s="71">
        <v>88</v>
      </c>
      <c r="IR18" s="71">
        <v>72</v>
      </c>
      <c r="IS18" s="71">
        <v>55</v>
      </c>
      <c r="IT18" s="72">
        <v>533</v>
      </c>
      <c r="IU18" s="73">
        <v>800</v>
      </c>
      <c r="IV18" s="70">
        <v>92</v>
      </c>
      <c r="IW18" s="71">
        <v>156</v>
      </c>
      <c r="IX18" s="72">
        <v>248</v>
      </c>
      <c r="IY18" s="244"/>
      <c r="IZ18" s="71">
        <v>199</v>
      </c>
      <c r="JA18" s="71">
        <v>172</v>
      </c>
      <c r="JB18" s="71">
        <v>121</v>
      </c>
      <c r="JC18" s="71">
        <v>121</v>
      </c>
      <c r="JD18" s="71">
        <v>56</v>
      </c>
      <c r="JE18" s="72">
        <v>669</v>
      </c>
      <c r="JF18" s="73">
        <v>917</v>
      </c>
      <c r="JG18" s="70">
        <v>50</v>
      </c>
      <c r="JH18" s="71">
        <v>85</v>
      </c>
      <c r="JI18" s="72">
        <v>135</v>
      </c>
      <c r="JJ18" s="244"/>
      <c r="JK18" s="71">
        <v>161</v>
      </c>
      <c r="JL18" s="71">
        <v>184</v>
      </c>
      <c r="JM18" s="71">
        <v>168</v>
      </c>
      <c r="JN18" s="71">
        <v>174</v>
      </c>
      <c r="JO18" s="71">
        <v>85</v>
      </c>
      <c r="JP18" s="72">
        <v>772</v>
      </c>
      <c r="JQ18" s="73">
        <v>907</v>
      </c>
      <c r="JR18" s="70">
        <v>1</v>
      </c>
      <c r="JS18" s="71">
        <v>8</v>
      </c>
      <c r="JT18" s="72">
        <v>9</v>
      </c>
      <c r="JU18" s="244"/>
      <c r="JV18" s="71">
        <v>10</v>
      </c>
      <c r="JW18" s="71">
        <v>15</v>
      </c>
      <c r="JX18" s="71">
        <v>3</v>
      </c>
      <c r="JY18" s="71">
        <v>6</v>
      </c>
      <c r="JZ18" s="71">
        <v>12</v>
      </c>
      <c r="KA18" s="72">
        <v>46</v>
      </c>
      <c r="KB18" s="73">
        <v>55</v>
      </c>
      <c r="KC18" s="70">
        <v>381</v>
      </c>
      <c r="KD18" s="71">
        <v>505</v>
      </c>
      <c r="KE18" s="72">
        <v>886</v>
      </c>
      <c r="KF18" s="244"/>
      <c r="KG18" s="71">
        <v>738</v>
      </c>
      <c r="KH18" s="71">
        <v>688</v>
      </c>
      <c r="KI18" s="71">
        <v>482</v>
      </c>
      <c r="KJ18" s="71">
        <v>449</v>
      </c>
      <c r="KK18" s="71">
        <v>270</v>
      </c>
      <c r="KL18" s="72">
        <v>2627</v>
      </c>
      <c r="KM18" s="73">
        <v>3513</v>
      </c>
    </row>
    <row r="19" spans="2:299" ht="21" customHeight="1" x14ac:dyDescent="0.2">
      <c r="B19" s="126" t="s">
        <v>16</v>
      </c>
      <c r="C19" s="313">
        <v>243</v>
      </c>
      <c r="D19" s="82">
        <v>284</v>
      </c>
      <c r="E19" s="83">
        <v>527</v>
      </c>
      <c r="F19" s="241"/>
      <c r="G19" s="82">
        <v>500</v>
      </c>
      <c r="H19" s="82">
        <v>624</v>
      </c>
      <c r="I19" s="82">
        <v>397</v>
      </c>
      <c r="J19" s="82">
        <v>324</v>
      </c>
      <c r="K19" s="82">
        <v>206</v>
      </c>
      <c r="L19" s="84">
        <v>2051</v>
      </c>
      <c r="M19" s="85">
        <v>2578</v>
      </c>
      <c r="N19" s="70">
        <v>12</v>
      </c>
      <c r="O19" s="71">
        <v>11</v>
      </c>
      <c r="P19" s="72">
        <v>23</v>
      </c>
      <c r="Q19" s="244"/>
      <c r="R19" s="71">
        <v>19</v>
      </c>
      <c r="S19" s="71">
        <v>30</v>
      </c>
      <c r="T19" s="71">
        <v>22</v>
      </c>
      <c r="U19" s="71">
        <v>21</v>
      </c>
      <c r="V19" s="71">
        <v>23</v>
      </c>
      <c r="W19" s="72">
        <v>115</v>
      </c>
      <c r="X19" s="73">
        <v>138</v>
      </c>
      <c r="Y19" s="70">
        <v>30</v>
      </c>
      <c r="Z19" s="71">
        <v>50</v>
      </c>
      <c r="AA19" s="72">
        <v>80</v>
      </c>
      <c r="AB19" s="244"/>
      <c r="AC19" s="71">
        <v>63</v>
      </c>
      <c r="AD19" s="71">
        <v>80</v>
      </c>
      <c r="AE19" s="71">
        <v>43</v>
      </c>
      <c r="AF19" s="71">
        <v>43</v>
      </c>
      <c r="AG19" s="71">
        <v>33</v>
      </c>
      <c r="AH19" s="72">
        <v>262</v>
      </c>
      <c r="AI19" s="73">
        <v>342</v>
      </c>
      <c r="AJ19" s="70">
        <v>53</v>
      </c>
      <c r="AK19" s="71">
        <v>50</v>
      </c>
      <c r="AL19" s="72">
        <v>103</v>
      </c>
      <c r="AM19" s="244"/>
      <c r="AN19" s="71">
        <v>81</v>
      </c>
      <c r="AO19" s="71">
        <v>102</v>
      </c>
      <c r="AP19" s="71">
        <v>76</v>
      </c>
      <c r="AQ19" s="71">
        <v>53</v>
      </c>
      <c r="AR19" s="71">
        <v>43</v>
      </c>
      <c r="AS19" s="72">
        <v>355</v>
      </c>
      <c r="AT19" s="73">
        <v>458</v>
      </c>
      <c r="AU19" s="70">
        <v>73</v>
      </c>
      <c r="AV19" s="71">
        <v>67</v>
      </c>
      <c r="AW19" s="72">
        <v>140</v>
      </c>
      <c r="AX19" s="244"/>
      <c r="AY19" s="71">
        <v>146</v>
      </c>
      <c r="AZ19" s="71">
        <v>170</v>
      </c>
      <c r="BA19" s="71">
        <v>89</v>
      </c>
      <c r="BB19" s="71">
        <v>71</v>
      </c>
      <c r="BC19" s="71">
        <v>43</v>
      </c>
      <c r="BD19" s="72">
        <v>519</v>
      </c>
      <c r="BE19" s="73">
        <v>659</v>
      </c>
      <c r="BF19" s="70">
        <v>48</v>
      </c>
      <c r="BG19" s="71">
        <v>62</v>
      </c>
      <c r="BH19" s="72">
        <v>110</v>
      </c>
      <c r="BI19" s="244"/>
      <c r="BJ19" s="71">
        <v>127</v>
      </c>
      <c r="BK19" s="71">
        <v>136</v>
      </c>
      <c r="BL19" s="71">
        <v>92</v>
      </c>
      <c r="BM19" s="71">
        <v>61</v>
      </c>
      <c r="BN19" s="71">
        <v>29</v>
      </c>
      <c r="BO19" s="72">
        <v>445</v>
      </c>
      <c r="BP19" s="73">
        <v>555</v>
      </c>
      <c r="BQ19" s="70">
        <v>27</v>
      </c>
      <c r="BR19" s="71">
        <v>44</v>
      </c>
      <c r="BS19" s="72">
        <v>71</v>
      </c>
      <c r="BT19" s="244"/>
      <c r="BU19" s="71">
        <v>64</v>
      </c>
      <c r="BV19" s="71">
        <v>106</v>
      </c>
      <c r="BW19" s="71">
        <v>75</v>
      </c>
      <c r="BX19" s="71">
        <v>75</v>
      </c>
      <c r="BY19" s="71">
        <v>35</v>
      </c>
      <c r="BZ19" s="72">
        <v>355</v>
      </c>
      <c r="CA19" s="73">
        <v>426</v>
      </c>
      <c r="CB19" s="70">
        <v>10</v>
      </c>
      <c r="CC19" s="71">
        <v>12</v>
      </c>
      <c r="CD19" s="72">
        <v>22</v>
      </c>
      <c r="CE19" s="244"/>
      <c r="CF19" s="71">
        <v>13</v>
      </c>
      <c r="CG19" s="71">
        <v>23</v>
      </c>
      <c r="CH19" s="71">
        <v>21</v>
      </c>
      <c r="CI19" s="71">
        <v>14</v>
      </c>
      <c r="CJ19" s="71">
        <v>14</v>
      </c>
      <c r="CK19" s="72">
        <v>85</v>
      </c>
      <c r="CL19" s="73">
        <v>107</v>
      </c>
      <c r="CM19" s="70">
        <v>253</v>
      </c>
      <c r="CN19" s="71">
        <v>296</v>
      </c>
      <c r="CO19" s="72">
        <v>549</v>
      </c>
      <c r="CP19" s="244"/>
      <c r="CQ19" s="71">
        <v>513</v>
      </c>
      <c r="CR19" s="71">
        <v>647</v>
      </c>
      <c r="CS19" s="71">
        <v>418</v>
      </c>
      <c r="CT19" s="71">
        <v>338</v>
      </c>
      <c r="CU19" s="71">
        <v>220</v>
      </c>
      <c r="CV19" s="72">
        <v>2136</v>
      </c>
      <c r="CW19" s="73">
        <v>2685</v>
      </c>
      <c r="CX19" s="123">
        <v>407</v>
      </c>
      <c r="CY19" s="82">
        <v>596</v>
      </c>
      <c r="CZ19" s="83">
        <v>1003</v>
      </c>
      <c r="DA19" s="241"/>
      <c r="DB19" s="82">
        <v>832</v>
      </c>
      <c r="DC19" s="82">
        <v>1009</v>
      </c>
      <c r="DD19" s="82">
        <v>768</v>
      </c>
      <c r="DE19" s="82">
        <v>772</v>
      </c>
      <c r="DF19" s="82">
        <v>529</v>
      </c>
      <c r="DG19" s="84">
        <v>3910</v>
      </c>
      <c r="DH19" s="85">
        <v>4913</v>
      </c>
      <c r="DI19" s="70">
        <v>14</v>
      </c>
      <c r="DJ19" s="71">
        <v>27</v>
      </c>
      <c r="DK19" s="72">
        <v>41</v>
      </c>
      <c r="DL19" s="244"/>
      <c r="DM19" s="71">
        <v>15</v>
      </c>
      <c r="DN19" s="71">
        <v>27</v>
      </c>
      <c r="DO19" s="71">
        <v>18</v>
      </c>
      <c r="DP19" s="71">
        <v>17</v>
      </c>
      <c r="DQ19" s="71">
        <v>12</v>
      </c>
      <c r="DR19" s="72">
        <v>89</v>
      </c>
      <c r="DS19" s="73">
        <v>130</v>
      </c>
      <c r="DT19" s="70">
        <v>33</v>
      </c>
      <c r="DU19" s="71">
        <v>51</v>
      </c>
      <c r="DV19" s="72">
        <v>84</v>
      </c>
      <c r="DW19" s="244"/>
      <c r="DX19" s="71">
        <v>57</v>
      </c>
      <c r="DY19" s="71">
        <v>76</v>
      </c>
      <c r="DZ19" s="71">
        <v>44</v>
      </c>
      <c r="EA19" s="71">
        <v>40</v>
      </c>
      <c r="EB19" s="71">
        <v>33</v>
      </c>
      <c r="EC19" s="72">
        <v>250</v>
      </c>
      <c r="ED19" s="73">
        <v>334</v>
      </c>
      <c r="EE19" s="70">
        <v>81</v>
      </c>
      <c r="EF19" s="71">
        <v>98</v>
      </c>
      <c r="EG19" s="72">
        <v>179</v>
      </c>
      <c r="EH19" s="244"/>
      <c r="EI19" s="71">
        <v>110</v>
      </c>
      <c r="EJ19" s="71">
        <v>141</v>
      </c>
      <c r="EK19" s="71">
        <v>86</v>
      </c>
      <c r="EL19" s="71">
        <v>73</v>
      </c>
      <c r="EM19" s="71">
        <v>59</v>
      </c>
      <c r="EN19" s="72">
        <v>469</v>
      </c>
      <c r="EO19" s="73">
        <v>648</v>
      </c>
      <c r="EP19" s="70">
        <v>117</v>
      </c>
      <c r="EQ19" s="71">
        <v>154</v>
      </c>
      <c r="ER19" s="72">
        <v>271</v>
      </c>
      <c r="ES19" s="244"/>
      <c r="ET19" s="71">
        <v>202</v>
      </c>
      <c r="EU19" s="71">
        <v>200</v>
      </c>
      <c r="EV19" s="71">
        <v>137</v>
      </c>
      <c r="EW19" s="71">
        <v>122</v>
      </c>
      <c r="EX19" s="71">
        <v>97</v>
      </c>
      <c r="EY19" s="72">
        <v>758</v>
      </c>
      <c r="EZ19" s="73">
        <v>1029</v>
      </c>
      <c r="FA19" s="70">
        <v>97</v>
      </c>
      <c r="FB19" s="71">
        <v>153</v>
      </c>
      <c r="FC19" s="72">
        <v>250</v>
      </c>
      <c r="FD19" s="244"/>
      <c r="FE19" s="71">
        <v>259</v>
      </c>
      <c r="FF19" s="71">
        <v>265</v>
      </c>
      <c r="FG19" s="71">
        <v>198</v>
      </c>
      <c r="FH19" s="71">
        <v>183</v>
      </c>
      <c r="FI19" s="71">
        <v>128</v>
      </c>
      <c r="FJ19" s="72">
        <v>1033</v>
      </c>
      <c r="FK19" s="73">
        <v>1283</v>
      </c>
      <c r="FL19" s="70">
        <v>65</v>
      </c>
      <c r="FM19" s="71">
        <v>113</v>
      </c>
      <c r="FN19" s="72">
        <v>178</v>
      </c>
      <c r="FO19" s="244"/>
      <c r="FP19" s="71">
        <v>189</v>
      </c>
      <c r="FQ19" s="71">
        <v>300</v>
      </c>
      <c r="FR19" s="71">
        <v>285</v>
      </c>
      <c r="FS19" s="71">
        <v>337</v>
      </c>
      <c r="FT19" s="71">
        <v>200</v>
      </c>
      <c r="FU19" s="72">
        <v>1311</v>
      </c>
      <c r="FV19" s="73">
        <v>1489</v>
      </c>
      <c r="FW19" s="70">
        <v>10</v>
      </c>
      <c r="FX19" s="71">
        <v>13</v>
      </c>
      <c r="FY19" s="72">
        <v>23</v>
      </c>
      <c r="FZ19" s="244"/>
      <c r="GA19" s="71">
        <v>7</v>
      </c>
      <c r="GB19" s="71">
        <v>23</v>
      </c>
      <c r="GC19" s="71">
        <v>10</v>
      </c>
      <c r="GD19" s="71">
        <v>7</v>
      </c>
      <c r="GE19" s="71">
        <v>12</v>
      </c>
      <c r="GF19" s="72">
        <v>59</v>
      </c>
      <c r="GG19" s="73">
        <v>82</v>
      </c>
      <c r="GH19" s="70">
        <v>417</v>
      </c>
      <c r="GI19" s="71">
        <v>609</v>
      </c>
      <c r="GJ19" s="72">
        <v>1026</v>
      </c>
      <c r="GK19" s="244"/>
      <c r="GL19" s="71">
        <v>839</v>
      </c>
      <c r="GM19" s="71">
        <v>1032</v>
      </c>
      <c r="GN19" s="71">
        <v>778</v>
      </c>
      <c r="GO19" s="71">
        <v>779</v>
      </c>
      <c r="GP19" s="71">
        <v>541</v>
      </c>
      <c r="GQ19" s="72">
        <v>3969</v>
      </c>
      <c r="GR19" s="73">
        <v>4995</v>
      </c>
      <c r="GS19" s="123">
        <v>650</v>
      </c>
      <c r="GT19" s="82">
        <v>880</v>
      </c>
      <c r="GU19" s="83">
        <v>1530</v>
      </c>
      <c r="GV19" s="241"/>
      <c r="GW19" s="82">
        <v>1332</v>
      </c>
      <c r="GX19" s="82">
        <v>1633</v>
      </c>
      <c r="GY19" s="82">
        <v>1165</v>
      </c>
      <c r="GZ19" s="82">
        <v>1096</v>
      </c>
      <c r="HA19" s="82">
        <v>735</v>
      </c>
      <c r="HB19" s="84">
        <v>5961</v>
      </c>
      <c r="HC19" s="85">
        <v>7491</v>
      </c>
      <c r="HD19" s="70">
        <v>26</v>
      </c>
      <c r="HE19" s="71">
        <v>38</v>
      </c>
      <c r="HF19" s="72">
        <v>64</v>
      </c>
      <c r="HG19" s="244"/>
      <c r="HH19" s="71">
        <v>34</v>
      </c>
      <c r="HI19" s="71">
        <v>57</v>
      </c>
      <c r="HJ19" s="71">
        <v>40</v>
      </c>
      <c r="HK19" s="71">
        <v>38</v>
      </c>
      <c r="HL19" s="71">
        <v>35</v>
      </c>
      <c r="HM19" s="72">
        <v>204</v>
      </c>
      <c r="HN19" s="73">
        <v>268</v>
      </c>
      <c r="HO19" s="70">
        <v>63</v>
      </c>
      <c r="HP19" s="71">
        <v>101</v>
      </c>
      <c r="HQ19" s="72">
        <v>164</v>
      </c>
      <c r="HR19" s="244"/>
      <c r="HS19" s="71">
        <v>120</v>
      </c>
      <c r="HT19" s="71">
        <v>156</v>
      </c>
      <c r="HU19" s="71">
        <v>87</v>
      </c>
      <c r="HV19" s="71">
        <v>83</v>
      </c>
      <c r="HW19" s="71">
        <v>66</v>
      </c>
      <c r="HX19" s="72">
        <v>512</v>
      </c>
      <c r="HY19" s="73">
        <v>676</v>
      </c>
      <c r="HZ19" s="70">
        <v>134</v>
      </c>
      <c r="IA19" s="71">
        <v>148</v>
      </c>
      <c r="IB19" s="72">
        <v>282</v>
      </c>
      <c r="IC19" s="244"/>
      <c r="ID19" s="71">
        <v>191</v>
      </c>
      <c r="IE19" s="71">
        <v>243</v>
      </c>
      <c r="IF19" s="71">
        <v>162</v>
      </c>
      <c r="IG19" s="71">
        <v>126</v>
      </c>
      <c r="IH19" s="71">
        <v>102</v>
      </c>
      <c r="II19" s="72">
        <v>824</v>
      </c>
      <c r="IJ19" s="73">
        <v>1106</v>
      </c>
      <c r="IK19" s="70">
        <v>190</v>
      </c>
      <c r="IL19" s="71">
        <v>221</v>
      </c>
      <c r="IM19" s="72">
        <v>411</v>
      </c>
      <c r="IN19" s="244"/>
      <c r="IO19" s="71">
        <v>348</v>
      </c>
      <c r="IP19" s="71">
        <v>370</v>
      </c>
      <c r="IQ19" s="71">
        <v>226</v>
      </c>
      <c r="IR19" s="71">
        <v>193</v>
      </c>
      <c r="IS19" s="71">
        <v>140</v>
      </c>
      <c r="IT19" s="72">
        <v>1277</v>
      </c>
      <c r="IU19" s="73">
        <v>1688</v>
      </c>
      <c r="IV19" s="70">
        <v>145</v>
      </c>
      <c r="IW19" s="71">
        <v>215</v>
      </c>
      <c r="IX19" s="72">
        <v>360</v>
      </c>
      <c r="IY19" s="244"/>
      <c r="IZ19" s="71">
        <v>386</v>
      </c>
      <c r="JA19" s="71">
        <v>401</v>
      </c>
      <c r="JB19" s="71">
        <v>290</v>
      </c>
      <c r="JC19" s="71">
        <v>244</v>
      </c>
      <c r="JD19" s="71">
        <v>157</v>
      </c>
      <c r="JE19" s="72">
        <v>1478</v>
      </c>
      <c r="JF19" s="73">
        <v>1838</v>
      </c>
      <c r="JG19" s="70">
        <v>92</v>
      </c>
      <c r="JH19" s="71">
        <v>157</v>
      </c>
      <c r="JI19" s="72">
        <v>249</v>
      </c>
      <c r="JJ19" s="244"/>
      <c r="JK19" s="71">
        <v>253</v>
      </c>
      <c r="JL19" s="71">
        <v>406</v>
      </c>
      <c r="JM19" s="71">
        <v>360</v>
      </c>
      <c r="JN19" s="71">
        <v>412</v>
      </c>
      <c r="JO19" s="71">
        <v>235</v>
      </c>
      <c r="JP19" s="72">
        <v>1666</v>
      </c>
      <c r="JQ19" s="73">
        <v>1915</v>
      </c>
      <c r="JR19" s="70">
        <v>20</v>
      </c>
      <c r="JS19" s="71">
        <v>25</v>
      </c>
      <c r="JT19" s="72">
        <v>45</v>
      </c>
      <c r="JU19" s="244"/>
      <c r="JV19" s="71">
        <v>20</v>
      </c>
      <c r="JW19" s="71">
        <v>46</v>
      </c>
      <c r="JX19" s="71">
        <v>31</v>
      </c>
      <c r="JY19" s="71">
        <v>21</v>
      </c>
      <c r="JZ19" s="71">
        <v>26</v>
      </c>
      <c r="KA19" s="72">
        <v>144</v>
      </c>
      <c r="KB19" s="73">
        <v>189</v>
      </c>
      <c r="KC19" s="70">
        <v>670</v>
      </c>
      <c r="KD19" s="71">
        <v>905</v>
      </c>
      <c r="KE19" s="72">
        <v>1575</v>
      </c>
      <c r="KF19" s="244"/>
      <c r="KG19" s="71">
        <v>1352</v>
      </c>
      <c r="KH19" s="71">
        <v>1679</v>
      </c>
      <c r="KI19" s="71">
        <v>1196</v>
      </c>
      <c r="KJ19" s="71">
        <v>1117</v>
      </c>
      <c r="KK19" s="71">
        <v>761</v>
      </c>
      <c r="KL19" s="72">
        <v>6105</v>
      </c>
      <c r="KM19" s="73">
        <v>7680</v>
      </c>
    </row>
    <row r="20" spans="2:299" ht="21" customHeight="1" x14ac:dyDescent="0.2">
      <c r="B20" s="126" t="s">
        <v>17</v>
      </c>
      <c r="C20" s="313">
        <v>296</v>
      </c>
      <c r="D20" s="82">
        <v>389</v>
      </c>
      <c r="E20" s="83">
        <v>685</v>
      </c>
      <c r="F20" s="241"/>
      <c r="G20" s="82">
        <v>593</v>
      </c>
      <c r="H20" s="82">
        <v>755</v>
      </c>
      <c r="I20" s="82">
        <v>548</v>
      </c>
      <c r="J20" s="82">
        <v>432</v>
      </c>
      <c r="K20" s="82">
        <v>273</v>
      </c>
      <c r="L20" s="84">
        <v>2601</v>
      </c>
      <c r="M20" s="85">
        <v>3286</v>
      </c>
      <c r="N20" s="70">
        <v>8</v>
      </c>
      <c r="O20" s="71">
        <v>16</v>
      </c>
      <c r="P20" s="72">
        <v>24</v>
      </c>
      <c r="Q20" s="244"/>
      <c r="R20" s="71">
        <v>30</v>
      </c>
      <c r="S20" s="71">
        <v>46</v>
      </c>
      <c r="T20" s="71">
        <v>31</v>
      </c>
      <c r="U20" s="71">
        <v>19</v>
      </c>
      <c r="V20" s="71">
        <v>20</v>
      </c>
      <c r="W20" s="72">
        <v>146</v>
      </c>
      <c r="X20" s="73">
        <v>170</v>
      </c>
      <c r="Y20" s="70">
        <v>22</v>
      </c>
      <c r="Z20" s="71">
        <v>59</v>
      </c>
      <c r="AA20" s="72">
        <v>81</v>
      </c>
      <c r="AB20" s="244"/>
      <c r="AC20" s="71">
        <v>49</v>
      </c>
      <c r="AD20" s="71">
        <v>101</v>
      </c>
      <c r="AE20" s="71">
        <v>70</v>
      </c>
      <c r="AF20" s="71">
        <v>63</v>
      </c>
      <c r="AG20" s="71">
        <v>33</v>
      </c>
      <c r="AH20" s="72">
        <v>316</v>
      </c>
      <c r="AI20" s="73">
        <v>397</v>
      </c>
      <c r="AJ20" s="70">
        <v>62</v>
      </c>
      <c r="AK20" s="71">
        <v>64</v>
      </c>
      <c r="AL20" s="72">
        <v>126</v>
      </c>
      <c r="AM20" s="244"/>
      <c r="AN20" s="71">
        <v>106</v>
      </c>
      <c r="AO20" s="71">
        <v>147</v>
      </c>
      <c r="AP20" s="71">
        <v>109</v>
      </c>
      <c r="AQ20" s="71">
        <v>73</v>
      </c>
      <c r="AR20" s="71">
        <v>62</v>
      </c>
      <c r="AS20" s="72">
        <v>497</v>
      </c>
      <c r="AT20" s="73">
        <v>623</v>
      </c>
      <c r="AU20" s="70">
        <v>76</v>
      </c>
      <c r="AV20" s="71">
        <v>108</v>
      </c>
      <c r="AW20" s="72">
        <v>184</v>
      </c>
      <c r="AX20" s="244"/>
      <c r="AY20" s="71">
        <v>169</v>
      </c>
      <c r="AZ20" s="71">
        <v>187</v>
      </c>
      <c r="BA20" s="71">
        <v>146</v>
      </c>
      <c r="BB20" s="71">
        <v>90</v>
      </c>
      <c r="BC20" s="71">
        <v>57</v>
      </c>
      <c r="BD20" s="72">
        <v>649</v>
      </c>
      <c r="BE20" s="73">
        <v>833</v>
      </c>
      <c r="BF20" s="70">
        <v>77</v>
      </c>
      <c r="BG20" s="71">
        <v>90</v>
      </c>
      <c r="BH20" s="72">
        <v>167</v>
      </c>
      <c r="BI20" s="244"/>
      <c r="BJ20" s="71">
        <v>158</v>
      </c>
      <c r="BK20" s="71">
        <v>177</v>
      </c>
      <c r="BL20" s="71">
        <v>116</v>
      </c>
      <c r="BM20" s="71">
        <v>118</v>
      </c>
      <c r="BN20" s="71">
        <v>63</v>
      </c>
      <c r="BO20" s="72">
        <v>632</v>
      </c>
      <c r="BP20" s="73">
        <v>799</v>
      </c>
      <c r="BQ20" s="70">
        <v>51</v>
      </c>
      <c r="BR20" s="71">
        <v>52</v>
      </c>
      <c r="BS20" s="72">
        <v>103</v>
      </c>
      <c r="BT20" s="244"/>
      <c r="BU20" s="71">
        <v>81</v>
      </c>
      <c r="BV20" s="71">
        <v>97</v>
      </c>
      <c r="BW20" s="71">
        <v>76</v>
      </c>
      <c r="BX20" s="71">
        <v>69</v>
      </c>
      <c r="BY20" s="71">
        <v>38</v>
      </c>
      <c r="BZ20" s="72">
        <v>361</v>
      </c>
      <c r="CA20" s="73">
        <v>464</v>
      </c>
      <c r="CB20" s="70">
        <v>12</v>
      </c>
      <c r="CC20" s="71">
        <v>26</v>
      </c>
      <c r="CD20" s="72">
        <v>38</v>
      </c>
      <c r="CE20" s="244"/>
      <c r="CF20" s="71">
        <v>18</v>
      </c>
      <c r="CG20" s="71">
        <v>49</v>
      </c>
      <c r="CH20" s="71">
        <v>30</v>
      </c>
      <c r="CI20" s="71">
        <v>15</v>
      </c>
      <c r="CJ20" s="71">
        <v>16</v>
      </c>
      <c r="CK20" s="72">
        <v>128</v>
      </c>
      <c r="CL20" s="73">
        <v>166</v>
      </c>
      <c r="CM20" s="70">
        <v>308</v>
      </c>
      <c r="CN20" s="71">
        <v>415</v>
      </c>
      <c r="CO20" s="72">
        <v>723</v>
      </c>
      <c r="CP20" s="244"/>
      <c r="CQ20" s="71">
        <v>611</v>
      </c>
      <c r="CR20" s="71">
        <v>804</v>
      </c>
      <c r="CS20" s="71">
        <v>578</v>
      </c>
      <c r="CT20" s="71">
        <v>447</v>
      </c>
      <c r="CU20" s="71">
        <v>289</v>
      </c>
      <c r="CV20" s="72">
        <v>2729</v>
      </c>
      <c r="CW20" s="73">
        <v>3452</v>
      </c>
      <c r="CX20" s="123">
        <v>617</v>
      </c>
      <c r="CY20" s="82">
        <v>845</v>
      </c>
      <c r="CZ20" s="83">
        <v>1462</v>
      </c>
      <c r="DA20" s="241"/>
      <c r="DB20" s="82">
        <v>992</v>
      </c>
      <c r="DC20" s="82">
        <v>1235</v>
      </c>
      <c r="DD20" s="82">
        <v>943</v>
      </c>
      <c r="DE20" s="82">
        <v>867</v>
      </c>
      <c r="DF20" s="82">
        <v>611</v>
      </c>
      <c r="DG20" s="84">
        <v>4648</v>
      </c>
      <c r="DH20" s="85">
        <v>6110</v>
      </c>
      <c r="DI20" s="70">
        <v>14</v>
      </c>
      <c r="DJ20" s="71">
        <v>30</v>
      </c>
      <c r="DK20" s="72">
        <v>44</v>
      </c>
      <c r="DL20" s="244"/>
      <c r="DM20" s="71">
        <v>16</v>
      </c>
      <c r="DN20" s="71">
        <v>30</v>
      </c>
      <c r="DO20" s="71">
        <v>28</v>
      </c>
      <c r="DP20" s="71">
        <v>24</v>
      </c>
      <c r="DQ20" s="71">
        <v>22</v>
      </c>
      <c r="DR20" s="72">
        <v>120</v>
      </c>
      <c r="DS20" s="73">
        <v>164</v>
      </c>
      <c r="DT20" s="70">
        <v>44</v>
      </c>
      <c r="DU20" s="71">
        <v>70</v>
      </c>
      <c r="DV20" s="72">
        <v>114</v>
      </c>
      <c r="DW20" s="244"/>
      <c r="DX20" s="71">
        <v>70</v>
      </c>
      <c r="DY20" s="71">
        <v>85</v>
      </c>
      <c r="DZ20" s="71">
        <v>63</v>
      </c>
      <c r="EA20" s="71">
        <v>45</v>
      </c>
      <c r="EB20" s="71">
        <v>29</v>
      </c>
      <c r="EC20" s="72">
        <v>292</v>
      </c>
      <c r="ED20" s="73">
        <v>406</v>
      </c>
      <c r="EE20" s="70">
        <v>123</v>
      </c>
      <c r="EF20" s="71">
        <v>140</v>
      </c>
      <c r="EG20" s="72">
        <v>263</v>
      </c>
      <c r="EH20" s="244"/>
      <c r="EI20" s="71">
        <v>138</v>
      </c>
      <c r="EJ20" s="71">
        <v>164</v>
      </c>
      <c r="EK20" s="71">
        <v>110</v>
      </c>
      <c r="EL20" s="71">
        <v>97</v>
      </c>
      <c r="EM20" s="71">
        <v>73</v>
      </c>
      <c r="EN20" s="72">
        <v>582</v>
      </c>
      <c r="EO20" s="73">
        <v>845</v>
      </c>
      <c r="EP20" s="70">
        <v>213</v>
      </c>
      <c r="EQ20" s="71">
        <v>239</v>
      </c>
      <c r="ER20" s="72">
        <v>452</v>
      </c>
      <c r="ES20" s="244"/>
      <c r="ET20" s="71">
        <v>263</v>
      </c>
      <c r="EU20" s="71">
        <v>315</v>
      </c>
      <c r="EV20" s="71">
        <v>195</v>
      </c>
      <c r="EW20" s="71">
        <v>174</v>
      </c>
      <c r="EX20" s="71">
        <v>120</v>
      </c>
      <c r="EY20" s="72">
        <v>1067</v>
      </c>
      <c r="EZ20" s="73">
        <v>1519</v>
      </c>
      <c r="FA20" s="70">
        <v>153</v>
      </c>
      <c r="FB20" s="71">
        <v>223</v>
      </c>
      <c r="FC20" s="72">
        <v>376</v>
      </c>
      <c r="FD20" s="244"/>
      <c r="FE20" s="71">
        <v>278</v>
      </c>
      <c r="FF20" s="71">
        <v>318</v>
      </c>
      <c r="FG20" s="71">
        <v>257</v>
      </c>
      <c r="FH20" s="71">
        <v>203</v>
      </c>
      <c r="FI20" s="71">
        <v>168</v>
      </c>
      <c r="FJ20" s="72">
        <v>1224</v>
      </c>
      <c r="FK20" s="73">
        <v>1600</v>
      </c>
      <c r="FL20" s="70">
        <v>70</v>
      </c>
      <c r="FM20" s="71">
        <v>143</v>
      </c>
      <c r="FN20" s="72">
        <v>213</v>
      </c>
      <c r="FO20" s="244"/>
      <c r="FP20" s="71">
        <v>227</v>
      </c>
      <c r="FQ20" s="71">
        <v>323</v>
      </c>
      <c r="FR20" s="71">
        <v>290</v>
      </c>
      <c r="FS20" s="71">
        <v>324</v>
      </c>
      <c r="FT20" s="71">
        <v>199</v>
      </c>
      <c r="FU20" s="72">
        <v>1363</v>
      </c>
      <c r="FV20" s="73">
        <v>1576</v>
      </c>
      <c r="FW20" s="70">
        <v>3</v>
      </c>
      <c r="FX20" s="71">
        <v>21</v>
      </c>
      <c r="FY20" s="72">
        <v>24</v>
      </c>
      <c r="FZ20" s="244"/>
      <c r="GA20" s="71">
        <v>10</v>
      </c>
      <c r="GB20" s="71">
        <v>29</v>
      </c>
      <c r="GC20" s="71">
        <v>15</v>
      </c>
      <c r="GD20" s="71">
        <v>19</v>
      </c>
      <c r="GE20" s="71">
        <v>20</v>
      </c>
      <c r="GF20" s="72">
        <v>93</v>
      </c>
      <c r="GG20" s="73">
        <v>117</v>
      </c>
      <c r="GH20" s="70">
        <v>620</v>
      </c>
      <c r="GI20" s="71">
        <v>866</v>
      </c>
      <c r="GJ20" s="72">
        <v>1486</v>
      </c>
      <c r="GK20" s="244"/>
      <c r="GL20" s="71">
        <v>1002</v>
      </c>
      <c r="GM20" s="71">
        <v>1264</v>
      </c>
      <c r="GN20" s="71">
        <v>958</v>
      </c>
      <c r="GO20" s="71">
        <v>886</v>
      </c>
      <c r="GP20" s="71">
        <v>631</v>
      </c>
      <c r="GQ20" s="72">
        <v>4741</v>
      </c>
      <c r="GR20" s="73">
        <v>6227</v>
      </c>
      <c r="GS20" s="123">
        <v>913</v>
      </c>
      <c r="GT20" s="82">
        <v>1234</v>
      </c>
      <c r="GU20" s="83">
        <v>2147</v>
      </c>
      <c r="GV20" s="241"/>
      <c r="GW20" s="82">
        <v>1585</v>
      </c>
      <c r="GX20" s="82">
        <v>1990</v>
      </c>
      <c r="GY20" s="82">
        <v>1491</v>
      </c>
      <c r="GZ20" s="82">
        <v>1299</v>
      </c>
      <c r="HA20" s="82">
        <v>884</v>
      </c>
      <c r="HB20" s="84">
        <v>7249</v>
      </c>
      <c r="HC20" s="85">
        <v>9396</v>
      </c>
      <c r="HD20" s="70">
        <v>22</v>
      </c>
      <c r="HE20" s="71">
        <v>46</v>
      </c>
      <c r="HF20" s="72">
        <v>68</v>
      </c>
      <c r="HG20" s="244"/>
      <c r="HH20" s="71">
        <v>46</v>
      </c>
      <c r="HI20" s="71">
        <v>76</v>
      </c>
      <c r="HJ20" s="71">
        <v>59</v>
      </c>
      <c r="HK20" s="71">
        <v>43</v>
      </c>
      <c r="HL20" s="71">
        <v>42</v>
      </c>
      <c r="HM20" s="72">
        <v>266</v>
      </c>
      <c r="HN20" s="73">
        <v>334</v>
      </c>
      <c r="HO20" s="70">
        <v>66</v>
      </c>
      <c r="HP20" s="71">
        <v>129</v>
      </c>
      <c r="HQ20" s="72">
        <v>195</v>
      </c>
      <c r="HR20" s="244"/>
      <c r="HS20" s="71">
        <v>119</v>
      </c>
      <c r="HT20" s="71">
        <v>186</v>
      </c>
      <c r="HU20" s="71">
        <v>133</v>
      </c>
      <c r="HV20" s="71">
        <v>108</v>
      </c>
      <c r="HW20" s="71">
        <v>62</v>
      </c>
      <c r="HX20" s="72">
        <v>608</v>
      </c>
      <c r="HY20" s="73">
        <v>803</v>
      </c>
      <c r="HZ20" s="70">
        <v>185</v>
      </c>
      <c r="IA20" s="71">
        <v>204</v>
      </c>
      <c r="IB20" s="72">
        <v>389</v>
      </c>
      <c r="IC20" s="244"/>
      <c r="ID20" s="71">
        <v>244</v>
      </c>
      <c r="IE20" s="71">
        <v>311</v>
      </c>
      <c r="IF20" s="71">
        <v>219</v>
      </c>
      <c r="IG20" s="71">
        <v>170</v>
      </c>
      <c r="IH20" s="71">
        <v>135</v>
      </c>
      <c r="II20" s="72">
        <v>1079</v>
      </c>
      <c r="IJ20" s="73">
        <v>1468</v>
      </c>
      <c r="IK20" s="70">
        <v>289</v>
      </c>
      <c r="IL20" s="71">
        <v>347</v>
      </c>
      <c r="IM20" s="72">
        <v>636</v>
      </c>
      <c r="IN20" s="244"/>
      <c r="IO20" s="71">
        <v>432</v>
      </c>
      <c r="IP20" s="71">
        <v>502</v>
      </c>
      <c r="IQ20" s="71">
        <v>341</v>
      </c>
      <c r="IR20" s="71">
        <v>264</v>
      </c>
      <c r="IS20" s="71">
        <v>177</v>
      </c>
      <c r="IT20" s="72">
        <v>1716</v>
      </c>
      <c r="IU20" s="73">
        <v>2352</v>
      </c>
      <c r="IV20" s="70">
        <v>230</v>
      </c>
      <c r="IW20" s="71">
        <v>313</v>
      </c>
      <c r="IX20" s="72">
        <v>543</v>
      </c>
      <c r="IY20" s="244"/>
      <c r="IZ20" s="71">
        <v>436</v>
      </c>
      <c r="JA20" s="71">
        <v>495</v>
      </c>
      <c r="JB20" s="71">
        <v>373</v>
      </c>
      <c r="JC20" s="71">
        <v>321</v>
      </c>
      <c r="JD20" s="71">
        <v>231</v>
      </c>
      <c r="JE20" s="72">
        <v>1856</v>
      </c>
      <c r="JF20" s="73">
        <v>2399</v>
      </c>
      <c r="JG20" s="70">
        <v>121</v>
      </c>
      <c r="JH20" s="71">
        <v>195</v>
      </c>
      <c r="JI20" s="72">
        <v>316</v>
      </c>
      <c r="JJ20" s="244"/>
      <c r="JK20" s="71">
        <v>308</v>
      </c>
      <c r="JL20" s="71">
        <v>420</v>
      </c>
      <c r="JM20" s="71">
        <v>366</v>
      </c>
      <c r="JN20" s="71">
        <v>393</v>
      </c>
      <c r="JO20" s="71">
        <v>237</v>
      </c>
      <c r="JP20" s="72">
        <v>1724</v>
      </c>
      <c r="JQ20" s="73">
        <v>2040</v>
      </c>
      <c r="JR20" s="70">
        <v>15</v>
      </c>
      <c r="JS20" s="71">
        <v>47</v>
      </c>
      <c r="JT20" s="72">
        <v>62</v>
      </c>
      <c r="JU20" s="244"/>
      <c r="JV20" s="71">
        <v>28</v>
      </c>
      <c r="JW20" s="71">
        <v>78</v>
      </c>
      <c r="JX20" s="71">
        <v>45</v>
      </c>
      <c r="JY20" s="71">
        <v>34</v>
      </c>
      <c r="JZ20" s="71">
        <v>36</v>
      </c>
      <c r="KA20" s="72">
        <v>221</v>
      </c>
      <c r="KB20" s="73">
        <v>283</v>
      </c>
      <c r="KC20" s="70">
        <v>928</v>
      </c>
      <c r="KD20" s="71">
        <v>1281</v>
      </c>
      <c r="KE20" s="72">
        <v>2209</v>
      </c>
      <c r="KF20" s="244"/>
      <c r="KG20" s="71">
        <v>1613</v>
      </c>
      <c r="KH20" s="71">
        <v>2068</v>
      </c>
      <c r="KI20" s="71">
        <v>1536</v>
      </c>
      <c r="KJ20" s="71">
        <v>1333</v>
      </c>
      <c r="KK20" s="71">
        <v>920</v>
      </c>
      <c r="KL20" s="72">
        <v>7470</v>
      </c>
      <c r="KM20" s="73">
        <v>9679</v>
      </c>
    </row>
    <row r="21" spans="2:299" ht="21" customHeight="1" x14ac:dyDescent="0.2">
      <c r="B21" s="126" t="s">
        <v>18</v>
      </c>
      <c r="C21" s="313">
        <v>424</v>
      </c>
      <c r="D21" s="82">
        <v>446</v>
      </c>
      <c r="E21" s="83">
        <v>870</v>
      </c>
      <c r="F21" s="241"/>
      <c r="G21" s="82">
        <v>964</v>
      </c>
      <c r="H21" s="82">
        <v>782</v>
      </c>
      <c r="I21" s="82">
        <v>544</v>
      </c>
      <c r="J21" s="82">
        <v>453</v>
      </c>
      <c r="K21" s="82">
        <v>272</v>
      </c>
      <c r="L21" s="84">
        <v>3015</v>
      </c>
      <c r="M21" s="85">
        <v>3885</v>
      </c>
      <c r="N21" s="70">
        <v>28</v>
      </c>
      <c r="O21" s="71">
        <v>20</v>
      </c>
      <c r="P21" s="72">
        <v>48</v>
      </c>
      <c r="Q21" s="244"/>
      <c r="R21" s="71">
        <v>55</v>
      </c>
      <c r="S21" s="71">
        <v>48</v>
      </c>
      <c r="T21" s="71">
        <v>35</v>
      </c>
      <c r="U21" s="71">
        <v>36</v>
      </c>
      <c r="V21" s="71">
        <v>26</v>
      </c>
      <c r="W21" s="72">
        <v>200</v>
      </c>
      <c r="X21" s="73">
        <v>248</v>
      </c>
      <c r="Y21" s="70">
        <v>48</v>
      </c>
      <c r="Z21" s="71">
        <v>56</v>
      </c>
      <c r="AA21" s="72">
        <v>104</v>
      </c>
      <c r="AB21" s="244"/>
      <c r="AC21" s="71">
        <v>108</v>
      </c>
      <c r="AD21" s="71">
        <v>90</v>
      </c>
      <c r="AE21" s="71">
        <v>57</v>
      </c>
      <c r="AF21" s="71">
        <v>56</v>
      </c>
      <c r="AG21" s="71">
        <v>39</v>
      </c>
      <c r="AH21" s="72">
        <v>350</v>
      </c>
      <c r="AI21" s="73">
        <v>454</v>
      </c>
      <c r="AJ21" s="70">
        <v>67</v>
      </c>
      <c r="AK21" s="71">
        <v>77</v>
      </c>
      <c r="AL21" s="72">
        <v>144</v>
      </c>
      <c r="AM21" s="244"/>
      <c r="AN21" s="71">
        <v>149</v>
      </c>
      <c r="AO21" s="71">
        <v>133</v>
      </c>
      <c r="AP21" s="71">
        <v>97</v>
      </c>
      <c r="AQ21" s="71">
        <v>73</v>
      </c>
      <c r="AR21" s="71">
        <v>54</v>
      </c>
      <c r="AS21" s="72">
        <v>506</v>
      </c>
      <c r="AT21" s="73">
        <v>650</v>
      </c>
      <c r="AU21" s="70">
        <v>111</v>
      </c>
      <c r="AV21" s="71">
        <v>121</v>
      </c>
      <c r="AW21" s="72">
        <v>232</v>
      </c>
      <c r="AX21" s="244"/>
      <c r="AY21" s="71">
        <v>273</v>
      </c>
      <c r="AZ21" s="71">
        <v>203</v>
      </c>
      <c r="BA21" s="71">
        <v>125</v>
      </c>
      <c r="BB21" s="71">
        <v>107</v>
      </c>
      <c r="BC21" s="71">
        <v>79</v>
      </c>
      <c r="BD21" s="72">
        <v>787</v>
      </c>
      <c r="BE21" s="73">
        <v>1019</v>
      </c>
      <c r="BF21" s="70">
        <v>113</v>
      </c>
      <c r="BG21" s="71">
        <v>110</v>
      </c>
      <c r="BH21" s="72">
        <v>223</v>
      </c>
      <c r="BI21" s="244"/>
      <c r="BJ21" s="71">
        <v>241</v>
      </c>
      <c r="BK21" s="71">
        <v>190</v>
      </c>
      <c r="BL21" s="71">
        <v>142</v>
      </c>
      <c r="BM21" s="71">
        <v>106</v>
      </c>
      <c r="BN21" s="71">
        <v>51</v>
      </c>
      <c r="BO21" s="72">
        <v>730</v>
      </c>
      <c r="BP21" s="73">
        <v>953</v>
      </c>
      <c r="BQ21" s="70">
        <v>57</v>
      </c>
      <c r="BR21" s="71">
        <v>62</v>
      </c>
      <c r="BS21" s="72">
        <v>119</v>
      </c>
      <c r="BT21" s="244"/>
      <c r="BU21" s="71">
        <v>138</v>
      </c>
      <c r="BV21" s="71">
        <v>118</v>
      </c>
      <c r="BW21" s="71">
        <v>88</v>
      </c>
      <c r="BX21" s="71">
        <v>75</v>
      </c>
      <c r="BY21" s="71">
        <v>23</v>
      </c>
      <c r="BZ21" s="72">
        <v>442</v>
      </c>
      <c r="CA21" s="73">
        <v>561</v>
      </c>
      <c r="CB21" s="70">
        <v>16</v>
      </c>
      <c r="CC21" s="71">
        <v>27</v>
      </c>
      <c r="CD21" s="72">
        <v>43</v>
      </c>
      <c r="CE21" s="244"/>
      <c r="CF21" s="71">
        <v>32</v>
      </c>
      <c r="CG21" s="71">
        <v>31</v>
      </c>
      <c r="CH21" s="71">
        <v>25</v>
      </c>
      <c r="CI21" s="71">
        <v>29</v>
      </c>
      <c r="CJ21" s="71">
        <v>25</v>
      </c>
      <c r="CK21" s="72">
        <v>142</v>
      </c>
      <c r="CL21" s="73">
        <v>185</v>
      </c>
      <c r="CM21" s="70">
        <v>440</v>
      </c>
      <c r="CN21" s="71">
        <v>473</v>
      </c>
      <c r="CO21" s="72">
        <v>913</v>
      </c>
      <c r="CP21" s="244"/>
      <c r="CQ21" s="71">
        <v>996</v>
      </c>
      <c r="CR21" s="71">
        <v>813</v>
      </c>
      <c r="CS21" s="71">
        <v>569</v>
      </c>
      <c r="CT21" s="71">
        <v>482</v>
      </c>
      <c r="CU21" s="71">
        <v>297</v>
      </c>
      <c r="CV21" s="72">
        <v>3157</v>
      </c>
      <c r="CW21" s="73">
        <v>4070</v>
      </c>
      <c r="CX21" s="123">
        <v>785</v>
      </c>
      <c r="CY21" s="82">
        <v>1048</v>
      </c>
      <c r="CZ21" s="83">
        <v>1833</v>
      </c>
      <c r="DA21" s="241"/>
      <c r="DB21" s="82">
        <v>1432</v>
      </c>
      <c r="DC21" s="82">
        <v>1272</v>
      </c>
      <c r="DD21" s="82">
        <v>950</v>
      </c>
      <c r="DE21" s="82">
        <v>974</v>
      </c>
      <c r="DF21" s="82">
        <v>639</v>
      </c>
      <c r="DG21" s="84">
        <v>5267</v>
      </c>
      <c r="DH21" s="85">
        <v>7100</v>
      </c>
      <c r="DI21" s="70">
        <v>23</v>
      </c>
      <c r="DJ21" s="71">
        <v>28</v>
      </c>
      <c r="DK21" s="72">
        <v>51</v>
      </c>
      <c r="DL21" s="244"/>
      <c r="DM21" s="71">
        <v>37</v>
      </c>
      <c r="DN21" s="71">
        <v>20</v>
      </c>
      <c r="DO21" s="71">
        <v>21</v>
      </c>
      <c r="DP21" s="71">
        <v>21</v>
      </c>
      <c r="DQ21" s="71">
        <v>11</v>
      </c>
      <c r="DR21" s="72">
        <v>110</v>
      </c>
      <c r="DS21" s="73">
        <v>161</v>
      </c>
      <c r="DT21" s="70">
        <v>69</v>
      </c>
      <c r="DU21" s="71">
        <v>83</v>
      </c>
      <c r="DV21" s="72">
        <v>152</v>
      </c>
      <c r="DW21" s="244"/>
      <c r="DX21" s="71">
        <v>91</v>
      </c>
      <c r="DY21" s="71">
        <v>66</v>
      </c>
      <c r="DZ21" s="71">
        <v>47</v>
      </c>
      <c r="EA21" s="71">
        <v>44</v>
      </c>
      <c r="EB21" s="71">
        <v>35</v>
      </c>
      <c r="EC21" s="72">
        <v>283</v>
      </c>
      <c r="ED21" s="73">
        <v>435</v>
      </c>
      <c r="EE21" s="70">
        <v>131</v>
      </c>
      <c r="EF21" s="71">
        <v>169</v>
      </c>
      <c r="EG21" s="72">
        <v>300</v>
      </c>
      <c r="EH21" s="244"/>
      <c r="EI21" s="71">
        <v>205</v>
      </c>
      <c r="EJ21" s="71">
        <v>173</v>
      </c>
      <c r="EK21" s="71">
        <v>120</v>
      </c>
      <c r="EL21" s="71">
        <v>98</v>
      </c>
      <c r="EM21" s="71">
        <v>75</v>
      </c>
      <c r="EN21" s="72">
        <v>671</v>
      </c>
      <c r="EO21" s="73">
        <v>971</v>
      </c>
      <c r="EP21" s="70">
        <v>264</v>
      </c>
      <c r="EQ21" s="71">
        <v>314</v>
      </c>
      <c r="ER21" s="72">
        <v>578</v>
      </c>
      <c r="ES21" s="244"/>
      <c r="ET21" s="71">
        <v>373</v>
      </c>
      <c r="EU21" s="71">
        <v>309</v>
      </c>
      <c r="EV21" s="71">
        <v>194</v>
      </c>
      <c r="EW21" s="71">
        <v>197</v>
      </c>
      <c r="EX21" s="71">
        <v>119</v>
      </c>
      <c r="EY21" s="72">
        <v>1192</v>
      </c>
      <c r="EZ21" s="73">
        <v>1770</v>
      </c>
      <c r="FA21" s="70">
        <v>202</v>
      </c>
      <c r="FB21" s="71">
        <v>288</v>
      </c>
      <c r="FC21" s="72">
        <v>490</v>
      </c>
      <c r="FD21" s="244"/>
      <c r="FE21" s="71">
        <v>442</v>
      </c>
      <c r="FF21" s="71">
        <v>372</v>
      </c>
      <c r="FG21" s="71">
        <v>260</v>
      </c>
      <c r="FH21" s="71">
        <v>253</v>
      </c>
      <c r="FI21" s="71">
        <v>178</v>
      </c>
      <c r="FJ21" s="72">
        <v>1505</v>
      </c>
      <c r="FK21" s="73">
        <v>1995</v>
      </c>
      <c r="FL21" s="70">
        <v>96</v>
      </c>
      <c r="FM21" s="71">
        <v>166</v>
      </c>
      <c r="FN21" s="72">
        <v>262</v>
      </c>
      <c r="FO21" s="244"/>
      <c r="FP21" s="71">
        <v>284</v>
      </c>
      <c r="FQ21" s="71">
        <v>332</v>
      </c>
      <c r="FR21" s="71">
        <v>308</v>
      </c>
      <c r="FS21" s="71">
        <v>361</v>
      </c>
      <c r="FT21" s="71">
        <v>221</v>
      </c>
      <c r="FU21" s="72">
        <v>1506</v>
      </c>
      <c r="FV21" s="73">
        <v>1768</v>
      </c>
      <c r="FW21" s="70">
        <v>13</v>
      </c>
      <c r="FX21" s="71">
        <v>13</v>
      </c>
      <c r="FY21" s="72">
        <v>26</v>
      </c>
      <c r="FZ21" s="244"/>
      <c r="GA21" s="71">
        <v>25</v>
      </c>
      <c r="GB21" s="71">
        <v>30</v>
      </c>
      <c r="GC21" s="71">
        <v>14</v>
      </c>
      <c r="GD21" s="71">
        <v>18</v>
      </c>
      <c r="GE21" s="71">
        <v>14</v>
      </c>
      <c r="GF21" s="72">
        <v>101</v>
      </c>
      <c r="GG21" s="73">
        <v>127</v>
      </c>
      <c r="GH21" s="70">
        <v>798</v>
      </c>
      <c r="GI21" s="71">
        <v>1061</v>
      </c>
      <c r="GJ21" s="72">
        <v>1859</v>
      </c>
      <c r="GK21" s="244"/>
      <c r="GL21" s="71">
        <v>1457</v>
      </c>
      <c r="GM21" s="71">
        <v>1302</v>
      </c>
      <c r="GN21" s="71">
        <v>964</v>
      </c>
      <c r="GO21" s="71">
        <v>992</v>
      </c>
      <c r="GP21" s="71">
        <v>653</v>
      </c>
      <c r="GQ21" s="72">
        <v>5368</v>
      </c>
      <c r="GR21" s="73">
        <v>7227</v>
      </c>
      <c r="GS21" s="123">
        <v>1209</v>
      </c>
      <c r="GT21" s="82">
        <v>1494</v>
      </c>
      <c r="GU21" s="83">
        <v>2703</v>
      </c>
      <c r="GV21" s="241"/>
      <c r="GW21" s="82">
        <v>2396</v>
      </c>
      <c r="GX21" s="82">
        <v>2054</v>
      </c>
      <c r="GY21" s="82">
        <v>1494</v>
      </c>
      <c r="GZ21" s="82">
        <v>1427</v>
      </c>
      <c r="HA21" s="82">
        <v>911</v>
      </c>
      <c r="HB21" s="84">
        <v>8282</v>
      </c>
      <c r="HC21" s="85">
        <v>10985</v>
      </c>
      <c r="HD21" s="70">
        <v>51</v>
      </c>
      <c r="HE21" s="71">
        <v>48</v>
      </c>
      <c r="HF21" s="72">
        <v>99</v>
      </c>
      <c r="HG21" s="244"/>
      <c r="HH21" s="71">
        <v>92</v>
      </c>
      <c r="HI21" s="71">
        <v>68</v>
      </c>
      <c r="HJ21" s="71">
        <v>56</v>
      </c>
      <c r="HK21" s="71">
        <v>57</v>
      </c>
      <c r="HL21" s="71">
        <v>37</v>
      </c>
      <c r="HM21" s="72">
        <v>310</v>
      </c>
      <c r="HN21" s="73">
        <v>409</v>
      </c>
      <c r="HO21" s="70">
        <v>117</v>
      </c>
      <c r="HP21" s="71">
        <v>139</v>
      </c>
      <c r="HQ21" s="72">
        <v>256</v>
      </c>
      <c r="HR21" s="244"/>
      <c r="HS21" s="71">
        <v>199</v>
      </c>
      <c r="HT21" s="71">
        <v>156</v>
      </c>
      <c r="HU21" s="71">
        <v>104</v>
      </c>
      <c r="HV21" s="71">
        <v>100</v>
      </c>
      <c r="HW21" s="71">
        <v>74</v>
      </c>
      <c r="HX21" s="72">
        <v>633</v>
      </c>
      <c r="HY21" s="73">
        <v>889</v>
      </c>
      <c r="HZ21" s="70">
        <v>198</v>
      </c>
      <c r="IA21" s="71">
        <v>246</v>
      </c>
      <c r="IB21" s="72">
        <v>444</v>
      </c>
      <c r="IC21" s="244"/>
      <c r="ID21" s="71">
        <v>354</v>
      </c>
      <c r="IE21" s="71">
        <v>306</v>
      </c>
      <c r="IF21" s="71">
        <v>217</v>
      </c>
      <c r="IG21" s="71">
        <v>171</v>
      </c>
      <c r="IH21" s="71">
        <v>129</v>
      </c>
      <c r="II21" s="72">
        <v>1177</v>
      </c>
      <c r="IJ21" s="73">
        <v>1621</v>
      </c>
      <c r="IK21" s="70">
        <v>375</v>
      </c>
      <c r="IL21" s="71">
        <v>435</v>
      </c>
      <c r="IM21" s="72">
        <v>810</v>
      </c>
      <c r="IN21" s="244"/>
      <c r="IO21" s="71">
        <v>646</v>
      </c>
      <c r="IP21" s="71">
        <v>512</v>
      </c>
      <c r="IQ21" s="71">
        <v>319</v>
      </c>
      <c r="IR21" s="71">
        <v>304</v>
      </c>
      <c r="IS21" s="71">
        <v>198</v>
      </c>
      <c r="IT21" s="72">
        <v>1979</v>
      </c>
      <c r="IU21" s="73">
        <v>2789</v>
      </c>
      <c r="IV21" s="70">
        <v>315</v>
      </c>
      <c r="IW21" s="71">
        <v>398</v>
      </c>
      <c r="IX21" s="72">
        <v>713</v>
      </c>
      <c r="IY21" s="244"/>
      <c r="IZ21" s="71">
        <v>683</v>
      </c>
      <c r="JA21" s="71">
        <v>562</v>
      </c>
      <c r="JB21" s="71">
        <v>402</v>
      </c>
      <c r="JC21" s="71">
        <v>359</v>
      </c>
      <c r="JD21" s="71">
        <v>229</v>
      </c>
      <c r="JE21" s="72">
        <v>2235</v>
      </c>
      <c r="JF21" s="73">
        <v>2948</v>
      </c>
      <c r="JG21" s="70">
        <v>153</v>
      </c>
      <c r="JH21" s="71">
        <v>228</v>
      </c>
      <c r="JI21" s="72">
        <v>381</v>
      </c>
      <c r="JJ21" s="244"/>
      <c r="JK21" s="71">
        <v>422</v>
      </c>
      <c r="JL21" s="71">
        <v>450</v>
      </c>
      <c r="JM21" s="71">
        <v>396</v>
      </c>
      <c r="JN21" s="71">
        <v>436</v>
      </c>
      <c r="JO21" s="71">
        <v>244</v>
      </c>
      <c r="JP21" s="72">
        <v>1948</v>
      </c>
      <c r="JQ21" s="73">
        <v>2329</v>
      </c>
      <c r="JR21" s="70">
        <v>29</v>
      </c>
      <c r="JS21" s="71">
        <v>40</v>
      </c>
      <c r="JT21" s="72">
        <v>69</v>
      </c>
      <c r="JU21" s="244"/>
      <c r="JV21" s="71">
        <v>57</v>
      </c>
      <c r="JW21" s="71">
        <v>61</v>
      </c>
      <c r="JX21" s="71">
        <v>39</v>
      </c>
      <c r="JY21" s="71">
        <v>47</v>
      </c>
      <c r="JZ21" s="71">
        <v>39</v>
      </c>
      <c r="KA21" s="72">
        <v>243</v>
      </c>
      <c r="KB21" s="73">
        <v>312</v>
      </c>
      <c r="KC21" s="70">
        <v>1238</v>
      </c>
      <c r="KD21" s="71">
        <v>1534</v>
      </c>
      <c r="KE21" s="72">
        <v>2772</v>
      </c>
      <c r="KF21" s="244"/>
      <c r="KG21" s="71">
        <v>2453</v>
      </c>
      <c r="KH21" s="71">
        <v>2115</v>
      </c>
      <c r="KI21" s="71">
        <v>1533</v>
      </c>
      <c r="KJ21" s="71">
        <v>1474</v>
      </c>
      <c r="KK21" s="71">
        <v>950</v>
      </c>
      <c r="KL21" s="72">
        <v>8525</v>
      </c>
      <c r="KM21" s="73">
        <v>11297</v>
      </c>
    </row>
    <row r="22" spans="2:299" ht="21" customHeight="1" x14ac:dyDescent="0.2">
      <c r="B22" s="126" t="s">
        <v>19</v>
      </c>
      <c r="C22" s="313">
        <v>192</v>
      </c>
      <c r="D22" s="82">
        <v>164</v>
      </c>
      <c r="E22" s="83">
        <v>356</v>
      </c>
      <c r="F22" s="241"/>
      <c r="G22" s="82">
        <v>395</v>
      </c>
      <c r="H22" s="82">
        <v>322</v>
      </c>
      <c r="I22" s="82">
        <v>213</v>
      </c>
      <c r="J22" s="82">
        <v>140</v>
      </c>
      <c r="K22" s="82">
        <v>106</v>
      </c>
      <c r="L22" s="84">
        <v>1176</v>
      </c>
      <c r="M22" s="85">
        <v>1532</v>
      </c>
      <c r="N22" s="86">
        <v>6</v>
      </c>
      <c r="O22" s="71">
        <v>10</v>
      </c>
      <c r="P22" s="72">
        <v>16</v>
      </c>
      <c r="Q22" s="244"/>
      <c r="R22" s="71">
        <v>16</v>
      </c>
      <c r="S22" s="71">
        <v>11</v>
      </c>
      <c r="T22" s="71">
        <v>10</v>
      </c>
      <c r="U22" s="71">
        <v>9</v>
      </c>
      <c r="V22" s="71">
        <v>6</v>
      </c>
      <c r="W22" s="72">
        <v>52</v>
      </c>
      <c r="X22" s="73">
        <v>68</v>
      </c>
      <c r="Y22" s="70">
        <v>19</v>
      </c>
      <c r="Z22" s="71">
        <v>19</v>
      </c>
      <c r="AA22" s="72">
        <v>38</v>
      </c>
      <c r="AB22" s="244"/>
      <c r="AC22" s="71">
        <v>43</v>
      </c>
      <c r="AD22" s="71">
        <v>45</v>
      </c>
      <c r="AE22" s="71">
        <v>22</v>
      </c>
      <c r="AF22" s="71">
        <v>16</v>
      </c>
      <c r="AG22" s="71">
        <v>15</v>
      </c>
      <c r="AH22" s="72">
        <v>141</v>
      </c>
      <c r="AI22" s="73">
        <v>179</v>
      </c>
      <c r="AJ22" s="86">
        <v>37</v>
      </c>
      <c r="AK22" s="71">
        <v>23</v>
      </c>
      <c r="AL22" s="72">
        <v>60</v>
      </c>
      <c r="AM22" s="244"/>
      <c r="AN22" s="71">
        <v>61</v>
      </c>
      <c r="AO22" s="71">
        <v>58</v>
      </c>
      <c r="AP22" s="71">
        <v>41</v>
      </c>
      <c r="AQ22" s="71">
        <v>30</v>
      </c>
      <c r="AR22" s="71">
        <v>12</v>
      </c>
      <c r="AS22" s="72">
        <v>202</v>
      </c>
      <c r="AT22" s="73">
        <v>262</v>
      </c>
      <c r="AU22" s="70">
        <v>47</v>
      </c>
      <c r="AV22" s="71">
        <v>34</v>
      </c>
      <c r="AW22" s="72">
        <v>81</v>
      </c>
      <c r="AX22" s="244"/>
      <c r="AY22" s="71">
        <v>98</v>
      </c>
      <c r="AZ22" s="71">
        <v>75</v>
      </c>
      <c r="BA22" s="71">
        <v>61</v>
      </c>
      <c r="BB22" s="71">
        <v>27</v>
      </c>
      <c r="BC22" s="71">
        <v>33</v>
      </c>
      <c r="BD22" s="72">
        <v>294</v>
      </c>
      <c r="BE22" s="73">
        <v>375</v>
      </c>
      <c r="BF22" s="86">
        <v>50</v>
      </c>
      <c r="BG22" s="71">
        <v>45</v>
      </c>
      <c r="BH22" s="72">
        <v>95</v>
      </c>
      <c r="BI22" s="244"/>
      <c r="BJ22" s="71">
        <v>109</v>
      </c>
      <c r="BK22" s="71">
        <v>81</v>
      </c>
      <c r="BL22" s="71">
        <v>41</v>
      </c>
      <c r="BM22" s="71">
        <v>36</v>
      </c>
      <c r="BN22" s="71">
        <v>31</v>
      </c>
      <c r="BO22" s="72">
        <v>298</v>
      </c>
      <c r="BP22" s="73">
        <v>393</v>
      </c>
      <c r="BQ22" s="70">
        <v>33</v>
      </c>
      <c r="BR22" s="71">
        <v>33</v>
      </c>
      <c r="BS22" s="72">
        <v>66</v>
      </c>
      <c r="BT22" s="244"/>
      <c r="BU22" s="71">
        <v>68</v>
      </c>
      <c r="BV22" s="71">
        <v>52</v>
      </c>
      <c r="BW22" s="71">
        <v>38</v>
      </c>
      <c r="BX22" s="71">
        <v>22</v>
      </c>
      <c r="BY22" s="71">
        <v>9</v>
      </c>
      <c r="BZ22" s="72">
        <v>189</v>
      </c>
      <c r="CA22" s="73">
        <v>255</v>
      </c>
      <c r="CB22" s="70">
        <v>7</v>
      </c>
      <c r="CC22" s="71">
        <v>6</v>
      </c>
      <c r="CD22" s="72">
        <v>13</v>
      </c>
      <c r="CE22" s="244"/>
      <c r="CF22" s="71">
        <v>15</v>
      </c>
      <c r="CG22" s="71">
        <v>10</v>
      </c>
      <c r="CH22" s="71">
        <v>10</v>
      </c>
      <c r="CI22" s="71">
        <v>10</v>
      </c>
      <c r="CJ22" s="71">
        <v>7</v>
      </c>
      <c r="CK22" s="72">
        <v>52</v>
      </c>
      <c r="CL22" s="73">
        <v>65</v>
      </c>
      <c r="CM22" s="70">
        <v>199</v>
      </c>
      <c r="CN22" s="71">
        <v>170</v>
      </c>
      <c r="CO22" s="72">
        <v>369</v>
      </c>
      <c r="CP22" s="244"/>
      <c r="CQ22" s="71">
        <v>410</v>
      </c>
      <c r="CR22" s="71">
        <v>332</v>
      </c>
      <c r="CS22" s="71">
        <v>223</v>
      </c>
      <c r="CT22" s="71">
        <v>150</v>
      </c>
      <c r="CU22" s="71">
        <v>113</v>
      </c>
      <c r="CV22" s="72">
        <v>1228</v>
      </c>
      <c r="CW22" s="73">
        <v>1597</v>
      </c>
      <c r="CX22" s="123">
        <v>352</v>
      </c>
      <c r="CY22" s="82">
        <v>402</v>
      </c>
      <c r="CZ22" s="83">
        <v>754</v>
      </c>
      <c r="DA22" s="241"/>
      <c r="DB22" s="82">
        <v>643</v>
      </c>
      <c r="DC22" s="82">
        <v>494</v>
      </c>
      <c r="DD22" s="82">
        <v>445</v>
      </c>
      <c r="DE22" s="82">
        <v>348</v>
      </c>
      <c r="DF22" s="82">
        <v>249</v>
      </c>
      <c r="DG22" s="84">
        <v>2179</v>
      </c>
      <c r="DH22" s="85">
        <v>2933</v>
      </c>
      <c r="DI22" s="86">
        <v>9</v>
      </c>
      <c r="DJ22" s="71">
        <v>11</v>
      </c>
      <c r="DK22" s="72">
        <v>20</v>
      </c>
      <c r="DL22" s="244"/>
      <c r="DM22" s="71">
        <v>12</v>
      </c>
      <c r="DN22" s="71">
        <v>12</v>
      </c>
      <c r="DO22" s="71">
        <v>7</v>
      </c>
      <c r="DP22" s="71">
        <v>3</v>
      </c>
      <c r="DQ22" s="71">
        <v>3</v>
      </c>
      <c r="DR22" s="72">
        <v>37</v>
      </c>
      <c r="DS22" s="73">
        <v>57</v>
      </c>
      <c r="DT22" s="70">
        <v>25</v>
      </c>
      <c r="DU22" s="71">
        <v>36</v>
      </c>
      <c r="DV22" s="72">
        <v>61</v>
      </c>
      <c r="DW22" s="244"/>
      <c r="DX22" s="71">
        <v>48</v>
      </c>
      <c r="DY22" s="71">
        <v>25</v>
      </c>
      <c r="DZ22" s="71">
        <v>22</v>
      </c>
      <c r="EA22" s="71">
        <v>17</v>
      </c>
      <c r="EB22" s="71">
        <v>21</v>
      </c>
      <c r="EC22" s="72">
        <v>133</v>
      </c>
      <c r="ED22" s="73">
        <v>194</v>
      </c>
      <c r="EE22" s="86">
        <v>57</v>
      </c>
      <c r="EF22" s="71">
        <v>60</v>
      </c>
      <c r="EG22" s="72">
        <v>117</v>
      </c>
      <c r="EH22" s="244"/>
      <c r="EI22" s="71">
        <v>83</v>
      </c>
      <c r="EJ22" s="71">
        <v>54</v>
      </c>
      <c r="EK22" s="71">
        <v>34</v>
      </c>
      <c r="EL22" s="71">
        <v>39</v>
      </c>
      <c r="EM22" s="71">
        <v>29</v>
      </c>
      <c r="EN22" s="72">
        <v>239</v>
      </c>
      <c r="EO22" s="73">
        <v>356</v>
      </c>
      <c r="EP22" s="70">
        <v>107</v>
      </c>
      <c r="EQ22" s="71">
        <v>97</v>
      </c>
      <c r="ER22" s="72">
        <v>204</v>
      </c>
      <c r="ES22" s="244"/>
      <c r="ET22" s="71">
        <v>157</v>
      </c>
      <c r="EU22" s="71">
        <v>122</v>
      </c>
      <c r="EV22" s="71">
        <v>101</v>
      </c>
      <c r="EW22" s="71">
        <v>71</v>
      </c>
      <c r="EX22" s="71">
        <v>37</v>
      </c>
      <c r="EY22" s="72">
        <v>488</v>
      </c>
      <c r="EZ22" s="73">
        <v>692</v>
      </c>
      <c r="FA22" s="86">
        <v>106</v>
      </c>
      <c r="FB22" s="71">
        <v>115</v>
      </c>
      <c r="FC22" s="72">
        <v>221</v>
      </c>
      <c r="FD22" s="244"/>
      <c r="FE22" s="71">
        <v>184</v>
      </c>
      <c r="FF22" s="71">
        <v>141</v>
      </c>
      <c r="FG22" s="71">
        <v>116</v>
      </c>
      <c r="FH22" s="71">
        <v>80</v>
      </c>
      <c r="FI22" s="71">
        <v>55</v>
      </c>
      <c r="FJ22" s="72">
        <v>576</v>
      </c>
      <c r="FK22" s="73">
        <v>797</v>
      </c>
      <c r="FL22" s="70">
        <v>48</v>
      </c>
      <c r="FM22" s="71">
        <v>83</v>
      </c>
      <c r="FN22" s="72">
        <v>131</v>
      </c>
      <c r="FO22" s="244"/>
      <c r="FP22" s="71">
        <v>159</v>
      </c>
      <c r="FQ22" s="71">
        <v>140</v>
      </c>
      <c r="FR22" s="71">
        <v>165</v>
      </c>
      <c r="FS22" s="71">
        <v>138</v>
      </c>
      <c r="FT22" s="71">
        <v>104</v>
      </c>
      <c r="FU22" s="72">
        <v>706</v>
      </c>
      <c r="FV22" s="73">
        <v>837</v>
      </c>
      <c r="FW22" s="70">
        <v>5</v>
      </c>
      <c r="FX22" s="71">
        <v>5</v>
      </c>
      <c r="FY22" s="72">
        <v>10</v>
      </c>
      <c r="FZ22" s="244"/>
      <c r="GA22" s="71">
        <v>4</v>
      </c>
      <c r="GB22" s="71">
        <v>9</v>
      </c>
      <c r="GC22" s="71">
        <v>4</v>
      </c>
      <c r="GD22" s="71">
        <v>4</v>
      </c>
      <c r="GE22" s="71">
        <v>6</v>
      </c>
      <c r="GF22" s="72">
        <v>27</v>
      </c>
      <c r="GG22" s="73">
        <v>37</v>
      </c>
      <c r="GH22" s="70">
        <v>357</v>
      </c>
      <c r="GI22" s="71">
        <v>407</v>
      </c>
      <c r="GJ22" s="72">
        <v>764</v>
      </c>
      <c r="GK22" s="244"/>
      <c r="GL22" s="71">
        <v>647</v>
      </c>
      <c r="GM22" s="71">
        <v>503</v>
      </c>
      <c r="GN22" s="71">
        <v>449</v>
      </c>
      <c r="GO22" s="71">
        <v>352</v>
      </c>
      <c r="GP22" s="71">
        <v>255</v>
      </c>
      <c r="GQ22" s="72">
        <v>2206</v>
      </c>
      <c r="GR22" s="73">
        <v>2970</v>
      </c>
      <c r="GS22" s="123">
        <v>544</v>
      </c>
      <c r="GT22" s="82">
        <v>566</v>
      </c>
      <c r="GU22" s="83">
        <v>1110</v>
      </c>
      <c r="GV22" s="241"/>
      <c r="GW22" s="82">
        <v>1038</v>
      </c>
      <c r="GX22" s="82">
        <v>816</v>
      </c>
      <c r="GY22" s="82">
        <v>658</v>
      </c>
      <c r="GZ22" s="82">
        <v>488</v>
      </c>
      <c r="HA22" s="82">
        <v>355</v>
      </c>
      <c r="HB22" s="84">
        <v>3355</v>
      </c>
      <c r="HC22" s="85">
        <v>4465</v>
      </c>
      <c r="HD22" s="86">
        <v>15</v>
      </c>
      <c r="HE22" s="71">
        <v>21</v>
      </c>
      <c r="HF22" s="72">
        <v>36</v>
      </c>
      <c r="HG22" s="244"/>
      <c r="HH22" s="71">
        <v>28</v>
      </c>
      <c r="HI22" s="71">
        <v>23</v>
      </c>
      <c r="HJ22" s="71">
        <v>17</v>
      </c>
      <c r="HK22" s="71">
        <v>12</v>
      </c>
      <c r="HL22" s="71">
        <v>9</v>
      </c>
      <c r="HM22" s="72">
        <v>89</v>
      </c>
      <c r="HN22" s="73">
        <v>125</v>
      </c>
      <c r="HO22" s="70">
        <v>44</v>
      </c>
      <c r="HP22" s="71">
        <v>55</v>
      </c>
      <c r="HQ22" s="72">
        <v>99</v>
      </c>
      <c r="HR22" s="244"/>
      <c r="HS22" s="71">
        <v>91</v>
      </c>
      <c r="HT22" s="71">
        <v>70</v>
      </c>
      <c r="HU22" s="71">
        <v>44</v>
      </c>
      <c r="HV22" s="71">
        <v>33</v>
      </c>
      <c r="HW22" s="71">
        <v>36</v>
      </c>
      <c r="HX22" s="72">
        <v>274</v>
      </c>
      <c r="HY22" s="73">
        <v>373</v>
      </c>
      <c r="HZ22" s="86">
        <v>94</v>
      </c>
      <c r="IA22" s="71">
        <v>83</v>
      </c>
      <c r="IB22" s="72">
        <v>177</v>
      </c>
      <c r="IC22" s="244"/>
      <c r="ID22" s="71">
        <v>144</v>
      </c>
      <c r="IE22" s="71">
        <v>112</v>
      </c>
      <c r="IF22" s="71">
        <v>75</v>
      </c>
      <c r="IG22" s="71">
        <v>69</v>
      </c>
      <c r="IH22" s="71">
        <v>41</v>
      </c>
      <c r="II22" s="72">
        <v>441</v>
      </c>
      <c r="IJ22" s="73">
        <v>618</v>
      </c>
      <c r="IK22" s="70">
        <v>154</v>
      </c>
      <c r="IL22" s="71">
        <v>131</v>
      </c>
      <c r="IM22" s="72">
        <v>285</v>
      </c>
      <c r="IN22" s="244"/>
      <c r="IO22" s="71">
        <v>255</v>
      </c>
      <c r="IP22" s="71">
        <v>197</v>
      </c>
      <c r="IQ22" s="71">
        <v>162</v>
      </c>
      <c r="IR22" s="71">
        <v>98</v>
      </c>
      <c r="IS22" s="71">
        <v>70</v>
      </c>
      <c r="IT22" s="72">
        <v>782</v>
      </c>
      <c r="IU22" s="73">
        <v>1067</v>
      </c>
      <c r="IV22" s="86">
        <v>156</v>
      </c>
      <c r="IW22" s="71">
        <v>160</v>
      </c>
      <c r="IX22" s="72">
        <v>316</v>
      </c>
      <c r="IY22" s="244"/>
      <c r="IZ22" s="71">
        <v>293</v>
      </c>
      <c r="JA22" s="71">
        <v>222</v>
      </c>
      <c r="JB22" s="71">
        <v>157</v>
      </c>
      <c r="JC22" s="71">
        <v>116</v>
      </c>
      <c r="JD22" s="71">
        <v>86</v>
      </c>
      <c r="JE22" s="72">
        <v>874</v>
      </c>
      <c r="JF22" s="73">
        <v>1190</v>
      </c>
      <c r="JG22" s="70">
        <v>81</v>
      </c>
      <c r="JH22" s="71">
        <v>116</v>
      </c>
      <c r="JI22" s="72">
        <v>197</v>
      </c>
      <c r="JJ22" s="244"/>
      <c r="JK22" s="71">
        <v>227</v>
      </c>
      <c r="JL22" s="71">
        <v>192</v>
      </c>
      <c r="JM22" s="71">
        <v>203</v>
      </c>
      <c r="JN22" s="71">
        <v>160</v>
      </c>
      <c r="JO22" s="71">
        <v>113</v>
      </c>
      <c r="JP22" s="72">
        <v>895</v>
      </c>
      <c r="JQ22" s="73">
        <v>1092</v>
      </c>
      <c r="JR22" s="70">
        <v>12</v>
      </c>
      <c r="JS22" s="71">
        <v>11</v>
      </c>
      <c r="JT22" s="72">
        <v>23</v>
      </c>
      <c r="JU22" s="244"/>
      <c r="JV22" s="71">
        <v>19</v>
      </c>
      <c r="JW22" s="71">
        <v>19</v>
      </c>
      <c r="JX22" s="71">
        <v>14</v>
      </c>
      <c r="JY22" s="71">
        <v>14</v>
      </c>
      <c r="JZ22" s="71">
        <v>13</v>
      </c>
      <c r="KA22" s="72">
        <v>79</v>
      </c>
      <c r="KB22" s="73">
        <v>102</v>
      </c>
      <c r="KC22" s="70">
        <v>556</v>
      </c>
      <c r="KD22" s="71">
        <v>577</v>
      </c>
      <c r="KE22" s="72">
        <v>1133</v>
      </c>
      <c r="KF22" s="244"/>
      <c r="KG22" s="71">
        <v>1057</v>
      </c>
      <c r="KH22" s="71">
        <v>835</v>
      </c>
      <c r="KI22" s="71">
        <v>672</v>
      </c>
      <c r="KJ22" s="71">
        <v>502</v>
      </c>
      <c r="KK22" s="71">
        <v>368</v>
      </c>
      <c r="KL22" s="72">
        <v>3434</v>
      </c>
      <c r="KM22" s="73">
        <v>4567</v>
      </c>
    </row>
    <row r="23" spans="2:299" ht="21" customHeight="1" x14ac:dyDescent="0.2">
      <c r="B23" s="126" t="s">
        <v>20</v>
      </c>
      <c r="C23" s="313">
        <v>283</v>
      </c>
      <c r="D23" s="82">
        <v>328</v>
      </c>
      <c r="E23" s="83">
        <v>611</v>
      </c>
      <c r="F23" s="241"/>
      <c r="G23" s="82">
        <v>556</v>
      </c>
      <c r="H23" s="82">
        <v>354</v>
      </c>
      <c r="I23" s="82">
        <v>280</v>
      </c>
      <c r="J23" s="82">
        <v>233</v>
      </c>
      <c r="K23" s="82">
        <v>113</v>
      </c>
      <c r="L23" s="84">
        <v>1536</v>
      </c>
      <c r="M23" s="85">
        <v>2147</v>
      </c>
      <c r="N23" s="70">
        <v>10</v>
      </c>
      <c r="O23" s="71">
        <v>8</v>
      </c>
      <c r="P23" s="72">
        <v>18</v>
      </c>
      <c r="Q23" s="244"/>
      <c r="R23" s="71">
        <v>22</v>
      </c>
      <c r="S23" s="71">
        <v>16</v>
      </c>
      <c r="T23" s="71">
        <v>13</v>
      </c>
      <c r="U23" s="71">
        <v>12</v>
      </c>
      <c r="V23" s="71">
        <v>5</v>
      </c>
      <c r="W23" s="72">
        <v>68</v>
      </c>
      <c r="X23" s="73">
        <v>86</v>
      </c>
      <c r="Y23" s="70">
        <v>22</v>
      </c>
      <c r="Z23" s="71">
        <v>27</v>
      </c>
      <c r="AA23" s="72">
        <v>49</v>
      </c>
      <c r="AB23" s="244"/>
      <c r="AC23" s="71">
        <v>57</v>
      </c>
      <c r="AD23" s="71">
        <v>42</v>
      </c>
      <c r="AE23" s="71">
        <v>41</v>
      </c>
      <c r="AF23" s="71">
        <v>29</v>
      </c>
      <c r="AG23" s="71">
        <v>19</v>
      </c>
      <c r="AH23" s="72">
        <v>188</v>
      </c>
      <c r="AI23" s="73">
        <v>237</v>
      </c>
      <c r="AJ23" s="70">
        <v>54</v>
      </c>
      <c r="AK23" s="71">
        <v>60</v>
      </c>
      <c r="AL23" s="72">
        <v>114</v>
      </c>
      <c r="AM23" s="244"/>
      <c r="AN23" s="71">
        <v>82</v>
      </c>
      <c r="AO23" s="71">
        <v>61</v>
      </c>
      <c r="AP23" s="71">
        <v>42</v>
      </c>
      <c r="AQ23" s="71">
        <v>46</v>
      </c>
      <c r="AR23" s="71">
        <v>27</v>
      </c>
      <c r="AS23" s="72">
        <v>258</v>
      </c>
      <c r="AT23" s="73">
        <v>372</v>
      </c>
      <c r="AU23" s="70">
        <v>87</v>
      </c>
      <c r="AV23" s="71">
        <v>93</v>
      </c>
      <c r="AW23" s="72">
        <v>180</v>
      </c>
      <c r="AX23" s="244"/>
      <c r="AY23" s="71">
        <v>161</v>
      </c>
      <c r="AZ23" s="71">
        <v>90</v>
      </c>
      <c r="BA23" s="71">
        <v>81</v>
      </c>
      <c r="BB23" s="71">
        <v>56</v>
      </c>
      <c r="BC23" s="71">
        <v>28</v>
      </c>
      <c r="BD23" s="72">
        <v>416</v>
      </c>
      <c r="BE23" s="73">
        <v>596</v>
      </c>
      <c r="BF23" s="70">
        <v>78</v>
      </c>
      <c r="BG23" s="71">
        <v>93</v>
      </c>
      <c r="BH23" s="72">
        <v>171</v>
      </c>
      <c r="BI23" s="244"/>
      <c r="BJ23" s="71">
        <v>159</v>
      </c>
      <c r="BK23" s="71">
        <v>80</v>
      </c>
      <c r="BL23" s="71">
        <v>70</v>
      </c>
      <c r="BM23" s="71">
        <v>58</v>
      </c>
      <c r="BN23" s="71">
        <v>22</v>
      </c>
      <c r="BO23" s="72">
        <v>389</v>
      </c>
      <c r="BP23" s="73">
        <v>560</v>
      </c>
      <c r="BQ23" s="70">
        <v>32</v>
      </c>
      <c r="BR23" s="71">
        <v>47</v>
      </c>
      <c r="BS23" s="72">
        <v>79</v>
      </c>
      <c r="BT23" s="244"/>
      <c r="BU23" s="71">
        <v>75</v>
      </c>
      <c r="BV23" s="71">
        <v>65</v>
      </c>
      <c r="BW23" s="71">
        <v>33</v>
      </c>
      <c r="BX23" s="71">
        <v>32</v>
      </c>
      <c r="BY23" s="71">
        <v>12</v>
      </c>
      <c r="BZ23" s="72">
        <v>217</v>
      </c>
      <c r="CA23" s="73">
        <v>296</v>
      </c>
      <c r="CB23" s="70">
        <v>9</v>
      </c>
      <c r="CC23" s="71">
        <v>14</v>
      </c>
      <c r="CD23" s="72">
        <v>23</v>
      </c>
      <c r="CE23" s="244"/>
      <c r="CF23" s="71">
        <v>25</v>
      </c>
      <c r="CG23" s="71">
        <v>13</v>
      </c>
      <c r="CH23" s="71">
        <v>10</v>
      </c>
      <c r="CI23" s="71">
        <v>9</v>
      </c>
      <c r="CJ23" s="71">
        <v>10</v>
      </c>
      <c r="CK23" s="72">
        <v>67</v>
      </c>
      <c r="CL23" s="73">
        <v>90</v>
      </c>
      <c r="CM23" s="70">
        <v>292</v>
      </c>
      <c r="CN23" s="71">
        <v>342</v>
      </c>
      <c r="CO23" s="72">
        <v>634</v>
      </c>
      <c r="CP23" s="244"/>
      <c r="CQ23" s="71">
        <v>581</v>
      </c>
      <c r="CR23" s="71">
        <v>367</v>
      </c>
      <c r="CS23" s="71">
        <v>290</v>
      </c>
      <c r="CT23" s="71">
        <v>242</v>
      </c>
      <c r="CU23" s="71">
        <v>123</v>
      </c>
      <c r="CV23" s="72">
        <v>1603</v>
      </c>
      <c r="CW23" s="73">
        <v>2237</v>
      </c>
      <c r="CX23" s="123">
        <v>463</v>
      </c>
      <c r="CY23" s="82">
        <v>618</v>
      </c>
      <c r="CZ23" s="83">
        <v>1081</v>
      </c>
      <c r="DA23" s="241"/>
      <c r="DB23" s="82">
        <v>877</v>
      </c>
      <c r="DC23" s="82">
        <v>557</v>
      </c>
      <c r="DD23" s="82">
        <v>467</v>
      </c>
      <c r="DE23" s="82">
        <v>444</v>
      </c>
      <c r="DF23" s="82">
        <v>278</v>
      </c>
      <c r="DG23" s="84">
        <v>2623</v>
      </c>
      <c r="DH23" s="85">
        <v>3704</v>
      </c>
      <c r="DI23" s="70">
        <v>9</v>
      </c>
      <c r="DJ23" s="71">
        <v>14</v>
      </c>
      <c r="DK23" s="72">
        <v>23</v>
      </c>
      <c r="DL23" s="244"/>
      <c r="DM23" s="71">
        <v>29</v>
      </c>
      <c r="DN23" s="71">
        <v>11</v>
      </c>
      <c r="DO23" s="71">
        <v>8</v>
      </c>
      <c r="DP23" s="71">
        <v>8</v>
      </c>
      <c r="DQ23" s="71">
        <v>5</v>
      </c>
      <c r="DR23" s="72">
        <v>61</v>
      </c>
      <c r="DS23" s="73">
        <v>84</v>
      </c>
      <c r="DT23" s="70">
        <v>33</v>
      </c>
      <c r="DU23" s="71">
        <v>44</v>
      </c>
      <c r="DV23" s="72">
        <v>77</v>
      </c>
      <c r="DW23" s="244"/>
      <c r="DX23" s="71">
        <v>63</v>
      </c>
      <c r="DY23" s="71">
        <v>29</v>
      </c>
      <c r="DZ23" s="71">
        <v>26</v>
      </c>
      <c r="EA23" s="71">
        <v>29</v>
      </c>
      <c r="EB23" s="71">
        <v>19</v>
      </c>
      <c r="EC23" s="72">
        <v>166</v>
      </c>
      <c r="ED23" s="73">
        <v>243</v>
      </c>
      <c r="EE23" s="70">
        <v>86</v>
      </c>
      <c r="EF23" s="71">
        <v>93</v>
      </c>
      <c r="EG23" s="72">
        <v>179</v>
      </c>
      <c r="EH23" s="244"/>
      <c r="EI23" s="71">
        <v>147</v>
      </c>
      <c r="EJ23" s="71">
        <v>69</v>
      </c>
      <c r="EK23" s="71">
        <v>43</v>
      </c>
      <c r="EL23" s="71">
        <v>30</v>
      </c>
      <c r="EM23" s="71">
        <v>39</v>
      </c>
      <c r="EN23" s="72">
        <v>328</v>
      </c>
      <c r="EO23" s="73">
        <v>507</v>
      </c>
      <c r="EP23" s="70">
        <v>175</v>
      </c>
      <c r="EQ23" s="71">
        <v>177</v>
      </c>
      <c r="ER23" s="72">
        <v>352</v>
      </c>
      <c r="ES23" s="244"/>
      <c r="ET23" s="71">
        <v>191</v>
      </c>
      <c r="EU23" s="71">
        <v>127</v>
      </c>
      <c r="EV23" s="71">
        <v>97</v>
      </c>
      <c r="EW23" s="71">
        <v>80</v>
      </c>
      <c r="EX23" s="71">
        <v>60</v>
      </c>
      <c r="EY23" s="72">
        <v>555</v>
      </c>
      <c r="EZ23" s="73">
        <v>907</v>
      </c>
      <c r="FA23" s="70">
        <v>114</v>
      </c>
      <c r="FB23" s="71">
        <v>178</v>
      </c>
      <c r="FC23" s="72">
        <v>292</v>
      </c>
      <c r="FD23" s="244"/>
      <c r="FE23" s="71">
        <v>244</v>
      </c>
      <c r="FF23" s="71">
        <v>153</v>
      </c>
      <c r="FG23" s="71">
        <v>115</v>
      </c>
      <c r="FH23" s="71">
        <v>119</v>
      </c>
      <c r="FI23" s="71">
        <v>65</v>
      </c>
      <c r="FJ23" s="72">
        <v>696</v>
      </c>
      <c r="FK23" s="73">
        <v>988</v>
      </c>
      <c r="FL23" s="70">
        <v>46</v>
      </c>
      <c r="FM23" s="71">
        <v>112</v>
      </c>
      <c r="FN23" s="72">
        <v>158</v>
      </c>
      <c r="FO23" s="244"/>
      <c r="FP23" s="71">
        <v>203</v>
      </c>
      <c r="FQ23" s="71">
        <v>168</v>
      </c>
      <c r="FR23" s="71">
        <v>178</v>
      </c>
      <c r="FS23" s="71">
        <v>178</v>
      </c>
      <c r="FT23" s="71">
        <v>90</v>
      </c>
      <c r="FU23" s="72">
        <v>817</v>
      </c>
      <c r="FV23" s="73">
        <v>975</v>
      </c>
      <c r="FW23" s="70">
        <v>5</v>
      </c>
      <c r="FX23" s="71">
        <v>14</v>
      </c>
      <c r="FY23" s="72">
        <v>19</v>
      </c>
      <c r="FZ23" s="244"/>
      <c r="GA23" s="71">
        <v>14</v>
      </c>
      <c r="GB23" s="71">
        <v>17</v>
      </c>
      <c r="GC23" s="71">
        <v>5</v>
      </c>
      <c r="GD23" s="71">
        <v>11</v>
      </c>
      <c r="GE23" s="71">
        <v>7</v>
      </c>
      <c r="GF23" s="72">
        <v>54</v>
      </c>
      <c r="GG23" s="73">
        <v>73</v>
      </c>
      <c r="GH23" s="70">
        <v>468</v>
      </c>
      <c r="GI23" s="71">
        <v>632</v>
      </c>
      <c r="GJ23" s="72">
        <v>1100</v>
      </c>
      <c r="GK23" s="244"/>
      <c r="GL23" s="71">
        <v>891</v>
      </c>
      <c r="GM23" s="71">
        <v>574</v>
      </c>
      <c r="GN23" s="71">
        <v>472</v>
      </c>
      <c r="GO23" s="71">
        <v>455</v>
      </c>
      <c r="GP23" s="71">
        <v>285</v>
      </c>
      <c r="GQ23" s="72">
        <v>2677</v>
      </c>
      <c r="GR23" s="73">
        <v>3777</v>
      </c>
      <c r="GS23" s="123">
        <v>746</v>
      </c>
      <c r="GT23" s="82">
        <v>946</v>
      </c>
      <c r="GU23" s="83">
        <v>1692</v>
      </c>
      <c r="GV23" s="241"/>
      <c r="GW23" s="82">
        <v>1433</v>
      </c>
      <c r="GX23" s="82">
        <v>911</v>
      </c>
      <c r="GY23" s="82">
        <v>747</v>
      </c>
      <c r="GZ23" s="82">
        <v>677</v>
      </c>
      <c r="HA23" s="82">
        <v>391</v>
      </c>
      <c r="HB23" s="84">
        <v>4159</v>
      </c>
      <c r="HC23" s="85">
        <v>5851</v>
      </c>
      <c r="HD23" s="70">
        <v>19</v>
      </c>
      <c r="HE23" s="71">
        <v>22</v>
      </c>
      <c r="HF23" s="72">
        <v>41</v>
      </c>
      <c r="HG23" s="244"/>
      <c r="HH23" s="71">
        <v>51</v>
      </c>
      <c r="HI23" s="71">
        <v>27</v>
      </c>
      <c r="HJ23" s="71">
        <v>21</v>
      </c>
      <c r="HK23" s="71">
        <v>20</v>
      </c>
      <c r="HL23" s="71">
        <v>10</v>
      </c>
      <c r="HM23" s="72">
        <v>129</v>
      </c>
      <c r="HN23" s="73">
        <v>170</v>
      </c>
      <c r="HO23" s="70">
        <v>55</v>
      </c>
      <c r="HP23" s="71">
        <v>71</v>
      </c>
      <c r="HQ23" s="72">
        <v>126</v>
      </c>
      <c r="HR23" s="244"/>
      <c r="HS23" s="71">
        <v>120</v>
      </c>
      <c r="HT23" s="71">
        <v>71</v>
      </c>
      <c r="HU23" s="71">
        <v>67</v>
      </c>
      <c r="HV23" s="71">
        <v>58</v>
      </c>
      <c r="HW23" s="71">
        <v>38</v>
      </c>
      <c r="HX23" s="72">
        <v>354</v>
      </c>
      <c r="HY23" s="73">
        <v>480</v>
      </c>
      <c r="HZ23" s="70">
        <v>140</v>
      </c>
      <c r="IA23" s="71">
        <v>153</v>
      </c>
      <c r="IB23" s="72">
        <v>293</v>
      </c>
      <c r="IC23" s="244"/>
      <c r="ID23" s="71">
        <v>229</v>
      </c>
      <c r="IE23" s="71">
        <v>130</v>
      </c>
      <c r="IF23" s="71">
        <v>85</v>
      </c>
      <c r="IG23" s="71">
        <v>76</v>
      </c>
      <c r="IH23" s="71">
        <v>66</v>
      </c>
      <c r="II23" s="72">
        <v>586</v>
      </c>
      <c r="IJ23" s="73">
        <v>879</v>
      </c>
      <c r="IK23" s="70">
        <v>262</v>
      </c>
      <c r="IL23" s="71">
        <v>270</v>
      </c>
      <c r="IM23" s="72">
        <v>532</v>
      </c>
      <c r="IN23" s="244"/>
      <c r="IO23" s="71">
        <v>352</v>
      </c>
      <c r="IP23" s="71">
        <v>217</v>
      </c>
      <c r="IQ23" s="71">
        <v>178</v>
      </c>
      <c r="IR23" s="71">
        <v>136</v>
      </c>
      <c r="IS23" s="71">
        <v>88</v>
      </c>
      <c r="IT23" s="72">
        <v>971</v>
      </c>
      <c r="IU23" s="73">
        <v>1503</v>
      </c>
      <c r="IV23" s="70">
        <v>192</v>
      </c>
      <c r="IW23" s="71">
        <v>271</v>
      </c>
      <c r="IX23" s="72">
        <v>463</v>
      </c>
      <c r="IY23" s="244"/>
      <c r="IZ23" s="71">
        <v>403</v>
      </c>
      <c r="JA23" s="71">
        <v>233</v>
      </c>
      <c r="JB23" s="71">
        <v>185</v>
      </c>
      <c r="JC23" s="71">
        <v>177</v>
      </c>
      <c r="JD23" s="71">
        <v>87</v>
      </c>
      <c r="JE23" s="72">
        <v>1085</v>
      </c>
      <c r="JF23" s="73">
        <v>1548</v>
      </c>
      <c r="JG23" s="70">
        <v>78</v>
      </c>
      <c r="JH23" s="71">
        <v>159</v>
      </c>
      <c r="JI23" s="72">
        <v>237</v>
      </c>
      <c r="JJ23" s="244"/>
      <c r="JK23" s="71">
        <v>278</v>
      </c>
      <c r="JL23" s="71">
        <v>233</v>
      </c>
      <c r="JM23" s="71">
        <v>211</v>
      </c>
      <c r="JN23" s="71">
        <v>210</v>
      </c>
      <c r="JO23" s="71">
        <v>102</v>
      </c>
      <c r="JP23" s="72">
        <v>1034</v>
      </c>
      <c r="JQ23" s="73">
        <v>1271</v>
      </c>
      <c r="JR23" s="70">
        <v>14</v>
      </c>
      <c r="JS23" s="71">
        <v>28</v>
      </c>
      <c r="JT23" s="72">
        <v>42</v>
      </c>
      <c r="JU23" s="244"/>
      <c r="JV23" s="71">
        <v>39</v>
      </c>
      <c r="JW23" s="71">
        <v>30</v>
      </c>
      <c r="JX23" s="71">
        <v>15</v>
      </c>
      <c r="JY23" s="71">
        <v>20</v>
      </c>
      <c r="JZ23" s="71">
        <v>17</v>
      </c>
      <c r="KA23" s="72">
        <v>121</v>
      </c>
      <c r="KB23" s="73">
        <v>163</v>
      </c>
      <c r="KC23" s="70">
        <v>760</v>
      </c>
      <c r="KD23" s="71">
        <v>974</v>
      </c>
      <c r="KE23" s="72">
        <v>1734</v>
      </c>
      <c r="KF23" s="244"/>
      <c r="KG23" s="71">
        <v>1472</v>
      </c>
      <c r="KH23" s="71">
        <v>941</v>
      </c>
      <c r="KI23" s="71">
        <v>762</v>
      </c>
      <c r="KJ23" s="71">
        <v>697</v>
      </c>
      <c r="KK23" s="71">
        <v>408</v>
      </c>
      <c r="KL23" s="72">
        <v>4280</v>
      </c>
      <c r="KM23" s="73">
        <v>6014</v>
      </c>
    </row>
    <row r="24" spans="2:299" ht="21" customHeight="1" x14ac:dyDescent="0.2">
      <c r="B24" s="126" t="s">
        <v>21</v>
      </c>
      <c r="C24" s="313">
        <v>301</v>
      </c>
      <c r="D24" s="82">
        <v>248</v>
      </c>
      <c r="E24" s="83">
        <v>549</v>
      </c>
      <c r="F24" s="241"/>
      <c r="G24" s="82">
        <v>452</v>
      </c>
      <c r="H24" s="82">
        <v>422</v>
      </c>
      <c r="I24" s="82">
        <v>285</v>
      </c>
      <c r="J24" s="82">
        <v>234</v>
      </c>
      <c r="K24" s="82">
        <v>151</v>
      </c>
      <c r="L24" s="84">
        <v>1544</v>
      </c>
      <c r="M24" s="85">
        <v>2093</v>
      </c>
      <c r="N24" s="70">
        <v>10</v>
      </c>
      <c r="O24" s="71">
        <v>19</v>
      </c>
      <c r="P24" s="72">
        <v>29</v>
      </c>
      <c r="Q24" s="244"/>
      <c r="R24" s="71">
        <v>22</v>
      </c>
      <c r="S24" s="71">
        <v>14</v>
      </c>
      <c r="T24" s="71">
        <v>13</v>
      </c>
      <c r="U24" s="71">
        <v>18</v>
      </c>
      <c r="V24" s="71">
        <v>15</v>
      </c>
      <c r="W24" s="72">
        <v>82</v>
      </c>
      <c r="X24" s="73">
        <v>111</v>
      </c>
      <c r="Y24" s="70">
        <v>33</v>
      </c>
      <c r="Z24" s="71">
        <v>30</v>
      </c>
      <c r="AA24" s="72">
        <v>63</v>
      </c>
      <c r="AB24" s="244"/>
      <c r="AC24" s="71">
        <v>36</v>
      </c>
      <c r="AD24" s="71">
        <v>50</v>
      </c>
      <c r="AE24" s="71">
        <v>30</v>
      </c>
      <c r="AF24" s="71">
        <v>32</v>
      </c>
      <c r="AG24" s="71">
        <v>18</v>
      </c>
      <c r="AH24" s="72">
        <v>166</v>
      </c>
      <c r="AI24" s="73">
        <v>229</v>
      </c>
      <c r="AJ24" s="70">
        <v>62</v>
      </c>
      <c r="AK24" s="71">
        <v>44</v>
      </c>
      <c r="AL24" s="72">
        <v>106</v>
      </c>
      <c r="AM24" s="244"/>
      <c r="AN24" s="71">
        <v>78</v>
      </c>
      <c r="AO24" s="71">
        <v>66</v>
      </c>
      <c r="AP24" s="71">
        <v>55</v>
      </c>
      <c r="AQ24" s="71">
        <v>48</v>
      </c>
      <c r="AR24" s="71">
        <v>26</v>
      </c>
      <c r="AS24" s="72">
        <v>273</v>
      </c>
      <c r="AT24" s="73">
        <v>379</v>
      </c>
      <c r="AU24" s="70">
        <v>80</v>
      </c>
      <c r="AV24" s="71">
        <v>53</v>
      </c>
      <c r="AW24" s="72">
        <v>133</v>
      </c>
      <c r="AX24" s="244"/>
      <c r="AY24" s="71">
        <v>128</v>
      </c>
      <c r="AZ24" s="71">
        <v>131</v>
      </c>
      <c r="BA24" s="71">
        <v>78</v>
      </c>
      <c r="BB24" s="71">
        <v>52</v>
      </c>
      <c r="BC24" s="71">
        <v>27</v>
      </c>
      <c r="BD24" s="72">
        <v>416</v>
      </c>
      <c r="BE24" s="73">
        <v>549</v>
      </c>
      <c r="BF24" s="70">
        <v>81</v>
      </c>
      <c r="BG24" s="71">
        <v>69</v>
      </c>
      <c r="BH24" s="72">
        <v>150</v>
      </c>
      <c r="BI24" s="244"/>
      <c r="BJ24" s="71">
        <v>138</v>
      </c>
      <c r="BK24" s="71">
        <v>99</v>
      </c>
      <c r="BL24" s="71">
        <v>58</v>
      </c>
      <c r="BM24" s="71">
        <v>54</v>
      </c>
      <c r="BN24" s="71">
        <v>44</v>
      </c>
      <c r="BO24" s="72">
        <v>393</v>
      </c>
      <c r="BP24" s="73">
        <v>543</v>
      </c>
      <c r="BQ24" s="70">
        <v>35</v>
      </c>
      <c r="BR24" s="71">
        <v>33</v>
      </c>
      <c r="BS24" s="72">
        <v>68</v>
      </c>
      <c r="BT24" s="244"/>
      <c r="BU24" s="71">
        <v>50</v>
      </c>
      <c r="BV24" s="71">
        <v>62</v>
      </c>
      <c r="BW24" s="71">
        <v>51</v>
      </c>
      <c r="BX24" s="71">
        <v>30</v>
      </c>
      <c r="BY24" s="71">
        <v>21</v>
      </c>
      <c r="BZ24" s="72">
        <v>214</v>
      </c>
      <c r="CA24" s="73">
        <v>282</v>
      </c>
      <c r="CB24" s="70">
        <v>8</v>
      </c>
      <c r="CC24" s="71">
        <v>13</v>
      </c>
      <c r="CD24" s="72">
        <v>21</v>
      </c>
      <c r="CE24" s="244"/>
      <c r="CF24" s="71">
        <v>5</v>
      </c>
      <c r="CG24" s="71">
        <v>24</v>
      </c>
      <c r="CH24" s="71">
        <v>9</v>
      </c>
      <c r="CI24" s="71">
        <v>13</v>
      </c>
      <c r="CJ24" s="71">
        <v>13</v>
      </c>
      <c r="CK24" s="72">
        <v>64</v>
      </c>
      <c r="CL24" s="73">
        <v>85</v>
      </c>
      <c r="CM24" s="70">
        <v>309</v>
      </c>
      <c r="CN24" s="71">
        <v>261</v>
      </c>
      <c r="CO24" s="72">
        <v>570</v>
      </c>
      <c r="CP24" s="244"/>
      <c r="CQ24" s="71">
        <v>457</v>
      </c>
      <c r="CR24" s="71">
        <v>446</v>
      </c>
      <c r="CS24" s="71">
        <v>294</v>
      </c>
      <c r="CT24" s="71">
        <v>247</v>
      </c>
      <c r="CU24" s="71">
        <v>164</v>
      </c>
      <c r="CV24" s="72">
        <v>1608</v>
      </c>
      <c r="CW24" s="73">
        <v>2178</v>
      </c>
      <c r="CX24" s="123">
        <v>593</v>
      </c>
      <c r="CY24" s="82">
        <v>564</v>
      </c>
      <c r="CZ24" s="83">
        <v>1157</v>
      </c>
      <c r="DA24" s="241"/>
      <c r="DB24" s="82">
        <v>742</v>
      </c>
      <c r="DC24" s="82">
        <v>705</v>
      </c>
      <c r="DD24" s="82">
        <v>566</v>
      </c>
      <c r="DE24" s="82">
        <v>482</v>
      </c>
      <c r="DF24" s="82">
        <v>367</v>
      </c>
      <c r="DG24" s="84">
        <v>2862</v>
      </c>
      <c r="DH24" s="85">
        <v>4019</v>
      </c>
      <c r="DI24" s="70">
        <v>13</v>
      </c>
      <c r="DJ24" s="71">
        <v>17</v>
      </c>
      <c r="DK24" s="72">
        <v>30</v>
      </c>
      <c r="DL24" s="244"/>
      <c r="DM24" s="71">
        <v>18</v>
      </c>
      <c r="DN24" s="71">
        <v>20</v>
      </c>
      <c r="DO24" s="71">
        <v>9</v>
      </c>
      <c r="DP24" s="71">
        <v>8</v>
      </c>
      <c r="DQ24" s="71">
        <v>14</v>
      </c>
      <c r="DR24" s="72">
        <v>69</v>
      </c>
      <c r="DS24" s="73">
        <v>99</v>
      </c>
      <c r="DT24" s="70">
        <v>45</v>
      </c>
      <c r="DU24" s="71">
        <v>41</v>
      </c>
      <c r="DV24" s="72">
        <v>86</v>
      </c>
      <c r="DW24" s="244"/>
      <c r="DX24" s="71">
        <v>36</v>
      </c>
      <c r="DY24" s="71">
        <v>43</v>
      </c>
      <c r="DZ24" s="71">
        <v>32</v>
      </c>
      <c r="EA24" s="71">
        <v>24</v>
      </c>
      <c r="EB24" s="71">
        <v>27</v>
      </c>
      <c r="EC24" s="72">
        <v>162</v>
      </c>
      <c r="ED24" s="73">
        <v>248</v>
      </c>
      <c r="EE24" s="70">
        <v>94</v>
      </c>
      <c r="EF24" s="71">
        <v>91</v>
      </c>
      <c r="EG24" s="72">
        <v>185</v>
      </c>
      <c r="EH24" s="244"/>
      <c r="EI24" s="71">
        <v>98</v>
      </c>
      <c r="EJ24" s="71">
        <v>82</v>
      </c>
      <c r="EK24" s="71">
        <v>62</v>
      </c>
      <c r="EL24" s="71">
        <v>52</v>
      </c>
      <c r="EM24" s="71">
        <v>37</v>
      </c>
      <c r="EN24" s="72">
        <v>331</v>
      </c>
      <c r="EO24" s="73">
        <v>516</v>
      </c>
      <c r="EP24" s="70">
        <v>193</v>
      </c>
      <c r="EQ24" s="71">
        <v>175</v>
      </c>
      <c r="ER24" s="72">
        <v>368</v>
      </c>
      <c r="ES24" s="244"/>
      <c r="ET24" s="71">
        <v>213</v>
      </c>
      <c r="EU24" s="71">
        <v>154</v>
      </c>
      <c r="EV24" s="71">
        <v>106</v>
      </c>
      <c r="EW24" s="71">
        <v>105</v>
      </c>
      <c r="EX24" s="71">
        <v>78</v>
      </c>
      <c r="EY24" s="72">
        <v>656</v>
      </c>
      <c r="EZ24" s="73">
        <v>1024</v>
      </c>
      <c r="FA24" s="70">
        <v>166</v>
      </c>
      <c r="FB24" s="71">
        <v>163</v>
      </c>
      <c r="FC24" s="72">
        <v>329</v>
      </c>
      <c r="FD24" s="244"/>
      <c r="FE24" s="71">
        <v>214</v>
      </c>
      <c r="FF24" s="71">
        <v>216</v>
      </c>
      <c r="FG24" s="71">
        <v>174</v>
      </c>
      <c r="FH24" s="71">
        <v>123</v>
      </c>
      <c r="FI24" s="71">
        <v>80</v>
      </c>
      <c r="FJ24" s="72">
        <v>807</v>
      </c>
      <c r="FK24" s="73">
        <v>1136</v>
      </c>
      <c r="FL24" s="70">
        <v>82</v>
      </c>
      <c r="FM24" s="71">
        <v>77</v>
      </c>
      <c r="FN24" s="72">
        <v>159</v>
      </c>
      <c r="FO24" s="244"/>
      <c r="FP24" s="71">
        <v>163</v>
      </c>
      <c r="FQ24" s="71">
        <v>190</v>
      </c>
      <c r="FR24" s="71">
        <v>183</v>
      </c>
      <c r="FS24" s="71">
        <v>170</v>
      </c>
      <c r="FT24" s="71">
        <v>131</v>
      </c>
      <c r="FU24" s="72">
        <v>837</v>
      </c>
      <c r="FV24" s="73">
        <v>996</v>
      </c>
      <c r="FW24" s="70">
        <v>7</v>
      </c>
      <c r="FX24" s="71">
        <v>12</v>
      </c>
      <c r="FY24" s="72">
        <v>19</v>
      </c>
      <c r="FZ24" s="244"/>
      <c r="GA24" s="71">
        <v>5</v>
      </c>
      <c r="GB24" s="71">
        <v>19</v>
      </c>
      <c r="GC24" s="71">
        <v>16</v>
      </c>
      <c r="GD24" s="71">
        <v>7</v>
      </c>
      <c r="GE24" s="71">
        <v>8</v>
      </c>
      <c r="GF24" s="72">
        <v>55</v>
      </c>
      <c r="GG24" s="73">
        <v>74</v>
      </c>
      <c r="GH24" s="70">
        <v>600</v>
      </c>
      <c r="GI24" s="71">
        <v>576</v>
      </c>
      <c r="GJ24" s="72">
        <v>1176</v>
      </c>
      <c r="GK24" s="244"/>
      <c r="GL24" s="71">
        <v>747</v>
      </c>
      <c r="GM24" s="71">
        <v>724</v>
      </c>
      <c r="GN24" s="71">
        <v>582</v>
      </c>
      <c r="GO24" s="71">
        <v>489</v>
      </c>
      <c r="GP24" s="71">
        <v>375</v>
      </c>
      <c r="GQ24" s="72">
        <v>2917</v>
      </c>
      <c r="GR24" s="73">
        <v>4093</v>
      </c>
      <c r="GS24" s="123">
        <v>894</v>
      </c>
      <c r="GT24" s="82">
        <v>812</v>
      </c>
      <c r="GU24" s="83">
        <v>1706</v>
      </c>
      <c r="GV24" s="241"/>
      <c r="GW24" s="82">
        <v>1194</v>
      </c>
      <c r="GX24" s="82">
        <v>1127</v>
      </c>
      <c r="GY24" s="82">
        <v>851</v>
      </c>
      <c r="GZ24" s="82">
        <v>716</v>
      </c>
      <c r="HA24" s="82">
        <v>518</v>
      </c>
      <c r="HB24" s="84">
        <v>4406</v>
      </c>
      <c r="HC24" s="85">
        <v>6112</v>
      </c>
      <c r="HD24" s="70">
        <v>23</v>
      </c>
      <c r="HE24" s="71">
        <v>36</v>
      </c>
      <c r="HF24" s="72">
        <v>59</v>
      </c>
      <c r="HG24" s="244"/>
      <c r="HH24" s="71">
        <v>40</v>
      </c>
      <c r="HI24" s="71">
        <v>34</v>
      </c>
      <c r="HJ24" s="71">
        <v>22</v>
      </c>
      <c r="HK24" s="71">
        <v>26</v>
      </c>
      <c r="HL24" s="71">
        <v>29</v>
      </c>
      <c r="HM24" s="72">
        <v>151</v>
      </c>
      <c r="HN24" s="73">
        <v>210</v>
      </c>
      <c r="HO24" s="70">
        <v>78</v>
      </c>
      <c r="HP24" s="71">
        <v>71</v>
      </c>
      <c r="HQ24" s="72">
        <v>149</v>
      </c>
      <c r="HR24" s="244"/>
      <c r="HS24" s="71">
        <v>72</v>
      </c>
      <c r="HT24" s="71">
        <v>93</v>
      </c>
      <c r="HU24" s="71">
        <v>62</v>
      </c>
      <c r="HV24" s="71">
        <v>56</v>
      </c>
      <c r="HW24" s="71">
        <v>45</v>
      </c>
      <c r="HX24" s="72">
        <v>328</v>
      </c>
      <c r="HY24" s="73">
        <v>477</v>
      </c>
      <c r="HZ24" s="70">
        <v>156</v>
      </c>
      <c r="IA24" s="71">
        <v>135</v>
      </c>
      <c r="IB24" s="72">
        <v>291</v>
      </c>
      <c r="IC24" s="244"/>
      <c r="ID24" s="71">
        <v>176</v>
      </c>
      <c r="IE24" s="71">
        <v>148</v>
      </c>
      <c r="IF24" s="71">
        <v>117</v>
      </c>
      <c r="IG24" s="71">
        <v>100</v>
      </c>
      <c r="IH24" s="71">
        <v>63</v>
      </c>
      <c r="II24" s="72">
        <v>604</v>
      </c>
      <c r="IJ24" s="73">
        <v>895</v>
      </c>
      <c r="IK24" s="70">
        <v>273</v>
      </c>
      <c r="IL24" s="71">
        <v>228</v>
      </c>
      <c r="IM24" s="72">
        <v>501</v>
      </c>
      <c r="IN24" s="244"/>
      <c r="IO24" s="71">
        <v>341</v>
      </c>
      <c r="IP24" s="71">
        <v>285</v>
      </c>
      <c r="IQ24" s="71">
        <v>184</v>
      </c>
      <c r="IR24" s="71">
        <v>157</v>
      </c>
      <c r="IS24" s="71">
        <v>105</v>
      </c>
      <c r="IT24" s="72">
        <v>1072</v>
      </c>
      <c r="IU24" s="73">
        <v>1573</v>
      </c>
      <c r="IV24" s="70">
        <v>247</v>
      </c>
      <c r="IW24" s="71">
        <v>232</v>
      </c>
      <c r="IX24" s="72">
        <v>479</v>
      </c>
      <c r="IY24" s="244"/>
      <c r="IZ24" s="71">
        <v>352</v>
      </c>
      <c r="JA24" s="71">
        <v>315</v>
      </c>
      <c r="JB24" s="71">
        <v>232</v>
      </c>
      <c r="JC24" s="71">
        <v>177</v>
      </c>
      <c r="JD24" s="71">
        <v>124</v>
      </c>
      <c r="JE24" s="72">
        <v>1200</v>
      </c>
      <c r="JF24" s="73">
        <v>1679</v>
      </c>
      <c r="JG24" s="70">
        <v>117</v>
      </c>
      <c r="JH24" s="71">
        <v>110</v>
      </c>
      <c r="JI24" s="72">
        <v>227</v>
      </c>
      <c r="JJ24" s="244"/>
      <c r="JK24" s="71">
        <v>213</v>
      </c>
      <c r="JL24" s="71">
        <v>252</v>
      </c>
      <c r="JM24" s="71">
        <v>234</v>
      </c>
      <c r="JN24" s="71">
        <v>200</v>
      </c>
      <c r="JO24" s="71">
        <v>152</v>
      </c>
      <c r="JP24" s="72">
        <v>1051</v>
      </c>
      <c r="JQ24" s="73">
        <v>1278</v>
      </c>
      <c r="JR24" s="70">
        <v>15</v>
      </c>
      <c r="JS24" s="71">
        <v>25</v>
      </c>
      <c r="JT24" s="72">
        <v>40</v>
      </c>
      <c r="JU24" s="244"/>
      <c r="JV24" s="71">
        <v>10</v>
      </c>
      <c r="JW24" s="71">
        <v>43</v>
      </c>
      <c r="JX24" s="71">
        <v>25</v>
      </c>
      <c r="JY24" s="71">
        <v>20</v>
      </c>
      <c r="JZ24" s="71">
        <v>21</v>
      </c>
      <c r="KA24" s="72">
        <v>119</v>
      </c>
      <c r="KB24" s="73">
        <v>159</v>
      </c>
      <c r="KC24" s="70">
        <v>909</v>
      </c>
      <c r="KD24" s="71">
        <v>837</v>
      </c>
      <c r="KE24" s="72">
        <v>1746</v>
      </c>
      <c r="KF24" s="244"/>
      <c r="KG24" s="71">
        <v>1204</v>
      </c>
      <c r="KH24" s="71">
        <v>1170</v>
      </c>
      <c r="KI24" s="71">
        <v>876</v>
      </c>
      <c r="KJ24" s="71">
        <v>736</v>
      </c>
      <c r="KK24" s="71">
        <v>539</v>
      </c>
      <c r="KL24" s="72">
        <v>4525</v>
      </c>
      <c r="KM24" s="73">
        <v>6271</v>
      </c>
    </row>
    <row r="25" spans="2:299" ht="21" customHeight="1" x14ac:dyDescent="0.2">
      <c r="B25" s="126" t="s">
        <v>22</v>
      </c>
      <c r="C25" s="313">
        <v>65</v>
      </c>
      <c r="D25" s="82">
        <v>78</v>
      </c>
      <c r="E25" s="83">
        <v>143</v>
      </c>
      <c r="F25" s="241"/>
      <c r="G25" s="82">
        <v>187</v>
      </c>
      <c r="H25" s="82">
        <v>140</v>
      </c>
      <c r="I25" s="82">
        <v>90</v>
      </c>
      <c r="J25" s="82">
        <v>76</v>
      </c>
      <c r="K25" s="82">
        <v>44</v>
      </c>
      <c r="L25" s="84">
        <v>537</v>
      </c>
      <c r="M25" s="85">
        <v>680</v>
      </c>
      <c r="N25" s="70">
        <v>1</v>
      </c>
      <c r="O25" s="71">
        <v>4</v>
      </c>
      <c r="P25" s="72">
        <v>5</v>
      </c>
      <c r="Q25" s="244"/>
      <c r="R25" s="71">
        <v>5</v>
      </c>
      <c r="S25" s="71">
        <v>5</v>
      </c>
      <c r="T25" s="71">
        <v>2</v>
      </c>
      <c r="U25" s="71">
        <v>4</v>
      </c>
      <c r="V25" s="71">
        <v>2</v>
      </c>
      <c r="W25" s="72">
        <v>18</v>
      </c>
      <c r="X25" s="73">
        <v>23</v>
      </c>
      <c r="Y25" s="70">
        <v>8</v>
      </c>
      <c r="Z25" s="71">
        <v>8</v>
      </c>
      <c r="AA25" s="72">
        <v>16</v>
      </c>
      <c r="AB25" s="244"/>
      <c r="AC25" s="71">
        <v>18</v>
      </c>
      <c r="AD25" s="71">
        <v>9</v>
      </c>
      <c r="AE25" s="71">
        <v>1</v>
      </c>
      <c r="AF25" s="71">
        <v>6</v>
      </c>
      <c r="AG25" s="71">
        <v>7</v>
      </c>
      <c r="AH25" s="72">
        <v>41</v>
      </c>
      <c r="AI25" s="73">
        <v>57</v>
      </c>
      <c r="AJ25" s="70">
        <v>6</v>
      </c>
      <c r="AK25" s="71">
        <v>14</v>
      </c>
      <c r="AL25" s="72">
        <v>20</v>
      </c>
      <c r="AM25" s="244"/>
      <c r="AN25" s="71">
        <v>23</v>
      </c>
      <c r="AO25" s="71">
        <v>19</v>
      </c>
      <c r="AP25" s="71">
        <v>17</v>
      </c>
      <c r="AQ25" s="71">
        <v>16</v>
      </c>
      <c r="AR25" s="71">
        <v>11</v>
      </c>
      <c r="AS25" s="72">
        <v>86</v>
      </c>
      <c r="AT25" s="73">
        <v>106</v>
      </c>
      <c r="AU25" s="70">
        <v>17</v>
      </c>
      <c r="AV25" s="71">
        <v>25</v>
      </c>
      <c r="AW25" s="72">
        <v>42</v>
      </c>
      <c r="AX25" s="244"/>
      <c r="AY25" s="71">
        <v>33</v>
      </c>
      <c r="AZ25" s="71">
        <v>40</v>
      </c>
      <c r="BA25" s="71">
        <v>28</v>
      </c>
      <c r="BB25" s="71">
        <v>16</v>
      </c>
      <c r="BC25" s="71">
        <v>10</v>
      </c>
      <c r="BD25" s="72">
        <v>127</v>
      </c>
      <c r="BE25" s="73">
        <v>169</v>
      </c>
      <c r="BF25" s="70">
        <v>20</v>
      </c>
      <c r="BG25" s="71">
        <v>19</v>
      </c>
      <c r="BH25" s="72">
        <v>39</v>
      </c>
      <c r="BI25" s="244"/>
      <c r="BJ25" s="71">
        <v>53</v>
      </c>
      <c r="BK25" s="71">
        <v>40</v>
      </c>
      <c r="BL25" s="71">
        <v>22</v>
      </c>
      <c r="BM25" s="71">
        <v>17</v>
      </c>
      <c r="BN25" s="71">
        <v>7</v>
      </c>
      <c r="BO25" s="72">
        <v>139</v>
      </c>
      <c r="BP25" s="73">
        <v>178</v>
      </c>
      <c r="BQ25" s="70">
        <v>13</v>
      </c>
      <c r="BR25" s="71">
        <v>8</v>
      </c>
      <c r="BS25" s="72">
        <v>21</v>
      </c>
      <c r="BT25" s="244"/>
      <c r="BU25" s="71">
        <v>55</v>
      </c>
      <c r="BV25" s="71">
        <v>27</v>
      </c>
      <c r="BW25" s="71">
        <v>20</v>
      </c>
      <c r="BX25" s="71">
        <v>17</v>
      </c>
      <c r="BY25" s="71">
        <v>7</v>
      </c>
      <c r="BZ25" s="72">
        <v>126</v>
      </c>
      <c r="CA25" s="73">
        <v>147</v>
      </c>
      <c r="CB25" s="70">
        <v>2</v>
      </c>
      <c r="CC25" s="71">
        <v>4</v>
      </c>
      <c r="CD25" s="72">
        <v>6</v>
      </c>
      <c r="CE25" s="244"/>
      <c r="CF25" s="71">
        <v>9</v>
      </c>
      <c r="CG25" s="71">
        <v>5</v>
      </c>
      <c r="CH25" s="71">
        <v>0</v>
      </c>
      <c r="CI25" s="71">
        <v>3</v>
      </c>
      <c r="CJ25" s="71">
        <v>5</v>
      </c>
      <c r="CK25" s="72">
        <v>22</v>
      </c>
      <c r="CL25" s="73">
        <v>28</v>
      </c>
      <c r="CM25" s="70">
        <v>67</v>
      </c>
      <c r="CN25" s="71">
        <v>82</v>
      </c>
      <c r="CO25" s="72">
        <v>149</v>
      </c>
      <c r="CP25" s="244"/>
      <c r="CQ25" s="71">
        <v>196</v>
      </c>
      <c r="CR25" s="71">
        <v>145</v>
      </c>
      <c r="CS25" s="71">
        <v>90</v>
      </c>
      <c r="CT25" s="71">
        <v>79</v>
      </c>
      <c r="CU25" s="71">
        <v>49</v>
      </c>
      <c r="CV25" s="72">
        <v>559</v>
      </c>
      <c r="CW25" s="73">
        <v>708</v>
      </c>
      <c r="CX25" s="123">
        <v>108</v>
      </c>
      <c r="CY25" s="82">
        <v>213</v>
      </c>
      <c r="CZ25" s="83">
        <v>321</v>
      </c>
      <c r="DA25" s="241"/>
      <c r="DB25" s="82">
        <v>321</v>
      </c>
      <c r="DC25" s="82">
        <v>288</v>
      </c>
      <c r="DD25" s="82">
        <v>208</v>
      </c>
      <c r="DE25" s="82">
        <v>203</v>
      </c>
      <c r="DF25" s="82">
        <v>94</v>
      </c>
      <c r="DG25" s="84">
        <v>1114</v>
      </c>
      <c r="DH25" s="85">
        <v>1435</v>
      </c>
      <c r="DI25" s="70">
        <v>6</v>
      </c>
      <c r="DJ25" s="71">
        <v>8</v>
      </c>
      <c r="DK25" s="72">
        <v>14</v>
      </c>
      <c r="DL25" s="244"/>
      <c r="DM25" s="71">
        <v>1</v>
      </c>
      <c r="DN25" s="71">
        <v>7</v>
      </c>
      <c r="DO25" s="71">
        <v>1</v>
      </c>
      <c r="DP25" s="71">
        <v>1</v>
      </c>
      <c r="DQ25" s="71">
        <v>1</v>
      </c>
      <c r="DR25" s="72">
        <v>11</v>
      </c>
      <c r="DS25" s="73">
        <v>25</v>
      </c>
      <c r="DT25" s="70">
        <v>4</v>
      </c>
      <c r="DU25" s="71">
        <v>4</v>
      </c>
      <c r="DV25" s="72">
        <v>8</v>
      </c>
      <c r="DW25" s="244"/>
      <c r="DX25" s="71">
        <v>15</v>
      </c>
      <c r="DY25" s="71">
        <v>12</v>
      </c>
      <c r="DZ25" s="71">
        <v>7</v>
      </c>
      <c r="EA25" s="71">
        <v>4</v>
      </c>
      <c r="EB25" s="71">
        <v>6</v>
      </c>
      <c r="EC25" s="72">
        <v>44</v>
      </c>
      <c r="ED25" s="73">
        <v>52</v>
      </c>
      <c r="EE25" s="70">
        <v>27</v>
      </c>
      <c r="EF25" s="71">
        <v>36</v>
      </c>
      <c r="EG25" s="72">
        <v>63</v>
      </c>
      <c r="EH25" s="244"/>
      <c r="EI25" s="71">
        <v>42</v>
      </c>
      <c r="EJ25" s="71">
        <v>34</v>
      </c>
      <c r="EK25" s="71">
        <v>16</v>
      </c>
      <c r="EL25" s="71">
        <v>21</v>
      </c>
      <c r="EM25" s="71">
        <v>15</v>
      </c>
      <c r="EN25" s="72">
        <v>128</v>
      </c>
      <c r="EO25" s="73">
        <v>191</v>
      </c>
      <c r="EP25" s="70">
        <v>31</v>
      </c>
      <c r="EQ25" s="71">
        <v>64</v>
      </c>
      <c r="ER25" s="72">
        <v>95</v>
      </c>
      <c r="ES25" s="244"/>
      <c r="ET25" s="71">
        <v>74</v>
      </c>
      <c r="EU25" s="71">
        <v>60</v>
      </c>
      <c r="EV25" s="71">
        <v>45</v>
      </c>
      <c r="EW25" s="71">
        <v>35</v>
      </c>
      <c r="EX25" s="71">
        <v>16</v>
      </c>
      <c r="EY25" s="72">
        <v>230</v>
      </c>
      <c r="EZ25" s="73">
        <v>325</v>
      </c>
      <c r="FA25" s="70">
        <v>30</v>
      </c>
      <c r="FB25" s="71">
        <v>58</v>
      </c>
      <c r="FC25" s="72">
        <v>88</v>
      </c>
      <c r="FD25" s="244"/>
      <c r="FE25" s="71">
        <v>104</v>
      </c>
      <c r="FF25" s="71">
        <v>86</v>
      </c>
      <c r="FG25" s="71">
        <v>52</v>
      </c>
      <c r="FH25" s="71">
        <v>52</v>
      </c>
      <c r="FI25" s="71">
        <v>27</v>
      </c>
      <c r="FJ25" s="72">
        <v>321</v>
      </c>
      <c r="FK25" s="73">
        <v>409</v>
      </c>
      <c r="FL25" s="70">
        <v>10</v>
      </c>
      <c r="FM25" s="71">
        <v>43</v>
      </c>
      <c r="FN25" s="72">
        <v>53</v>
      </c>
      <c r="FO25" s="244"/>
      <c r="FP25" s="71">
        <v>85</v>
      </c>
      <c r="FQ25" s="71">
        <v>89</v>
      </c>
      <c r="FR25" s="71">
        <v>87</v>
      </c>
      <c r="FS25" s="71">
        <v>90</v>
      </c>
      <c r="FT25" s="71">
        <v>29</v>
      </c>
      <c r="FU25" s="72">
        <v>380</v>
      </c>
      <c r="FV25" s="73">
        <v>433</v>
      </c>
      <c r="FW25" s="70">
        <v>1</v>
      </c>
      <c r="FX25" s="71">
        <v>2</v>
      </c>
      <c r="FY25" s="72">
        <v>3</v>
      </c>
      <c r="FZ25" s="244"/>
      <c r="GA25" s="71">
        <v>3</v>
      </c>
      <c r="GB25" s="71">
        <v>7</v>
      </c>
      <c r="GC25" s="71">
        <v>3</v>
      </c>
      <c r="GD25" s="71">
        <v>1</v>
      </c>
      <c r="GE25" s="71">
        <v>1</v>
      </c>
      <c r="GF25" s="72">
        <v>15</v>
      </c>
      <c r="GG25" s="73">
        <v>18</v>
      </c>
      <c r="GH25" s="70">
        <v>109</v>
      </c>
      <c r="GI25" s="71">
        <v>215</v>
      </c>
      <c r="GJ25" s="72">
        <v>324</v>
      </c>
      <c r="GK25" s="244"/>
      <c r="GL25" s="71">
        <v>324</v>
      </c>
      <c r="GM25" s="71">
        <v>295</v>
      </c>
      <c r="GN25" s="71">
        <v>211</v>
      </c>
      <c r="GO25" s="71">
        <v>204</v>
      </c>
      <c r="GP25" s="71">
        <v>95</v>
      </c>
      <c r="GQ25" s="72">
        <v>1129</v>
      </c>
      <c r="GR25" s="73">
        <v>1453</v>
      </c>
      <c r="GS25" s="123">
        <v>173</v>
      </c>
      <c r="GT25" s="82">
        <v>291</v>
      </c>
      <c r="GU25" s="83">
        <v>464</v>
      </c>
      <c r="GV25" s="241"/>
      <c r="GW25" s="82">
        <v>508</v>
      </c>
      <c r="GX25" s="82">
        <v>428</v>
      </c>
      <c r="GY25" s="82">
        <v>298</v>
      </c>
      <c r="GZ25" s="82">
        <v>279</v>
      </c>
      <c r="HA25" s="82">
        <v>138</v>
      </c>
      <c r="HB25" s="84">
        <v>1651</v>
      </c>
      <c r="HC25" s="85">
        <v>2115</v>
      </c>
      <c r="HD25" s="70">
        <v>7</v>
      </c>
      <c r="HE25" s="71">
        <v>12</v>
      </c>
      <c r="HF25" s="72">
        <v>19</v>
      </c>
      <c r="HG25" s="244"/>
      <c r="HH25" s="71">
        <v>6</v>
      </c>
      <c r="HI25" s="71">
        <v>12</v>
      </c>
      <c r="HJ25" s="71">
        <v>3</v>
      </c>
      <c r="HK25" s="71">
        <v>5</v>
      </c>
      <c r="HL25" s="71">
        <v>3</v>
      </c>
      <c r="HM25" s="72">
        <v>29</v>
      </c>
      <c r="HN25" s="73">
        <v>48</v>
      </c>
      <c r="HO25" s="70">
        <v>12</v>
      </c>
      <c r="HP25" s="71">
        <v>12</v>
      </c>
      <c r="HQ25" s="72">
        <v>24</v>
      </c>
      <c r="HR25" s="244"/>
      <c r="HS25" s="71">
        <v>33</v>
      </c>
      <c r="HT25" s="71">
        <v>21</v>
      </c>
      <c r="HU25" s="71">
        <v>8</v>
      </c>
      <c r="HV25" s="71">
        <v>10</v>
      </c>
      <c r="HW25" s="71">
        <v>13</v>
      </c>
      <c r="HX25" s="72">
        <v>85</v>
      </c>
      <c r="HY25" s="73">
        <v>109</v>
      </c>
      <c r="HZ25" s="70">
        <v>33</v>
      </c>
      <c r="IA25" s="71">
        <v>50</v>
      </c>
      <c r="IB25" s="72">
        <v>83</v>
      </c>
      <c r="IC25" s="244"/>
      <c r="ID25" s="71">
        <v>65</v>
      </c>
      <c r="IE25" s="71">
        <v>53</v>
      </c>
      <c r="IF25" s="71">
        <v>33</v>
      </c>
      <c r="IG25" s="71">
        <v>37</v>
      </c>
      <c r="IH25" s="71">
        <v>26</v>
      </c>
      <c r="II25" s="72">
        <v>214</v>
      </c>
      <c r="IJ25" s="73">
        <v>297</v>
      </c>
      <c r="IK25" s="70">
        <v>48</v>
      </c>
      <c r="IL25" s="71">
        <v>89</v>
      </c>
      <c r="IM25" s="72">
        <v>137</v>
      </c>
      <c r="IN25" s="244"/>
      <c r="IO25" s="71">
        <v>107</v>
      </c>
      <c r="IP25" s="71">
        <v>100</v>
      </c>
      <c r="IQ25" s="71">
        <v>73</v>
      </c>
      <c r="IR25" s="71">
        <v>51</v>
      </c>
      <c r="IS25" s="71">
        <v>26</v>
      </c>
      <c r="IT25" s="72">
        <v>357</v>
      </c>
      <c r="IU25" s="73">
        <v>494</v>
      </c>
      <c r="IV25" s="70">
        <v>50</v>
      </c>
      <c r="IW25" s="71">
        <v>77</v>
      </c>
      <c r="IX25" s="72">
        <v>127</v>
      </c>
      <c r="IY25" s="244"/>
      <c r="IZ25" s="71">
        <v>157</v>
      </c>
      <c r="JA25" s="71">
        <v>126</v>
      </c>
      <c r="JB25" s="71">
        <v>74</v>
      </c>
      <c r="JC25" s="71">
        <v>69</v>
      </c>
      <c r="JD25" s="71">
        <v>34</v>
      </c>
      <c r="JE25" s="72">
        <v>460</v>
      </c>
      <c r="JF25" s="73">
        <v>587</v>
      </c>
      <c r="JG25" s="70">
        <v>23</v>
      </c>
      <c r="JH25" s="71">
        <v>51</v>
      </c>
      <c r="JI25" s="72">
        <v>74</v>
      </c>
      <c r="JJ25" s="244"/>
      <c r="JK25" s="71">
        <v>140</v>
      </c>
      <c r="JL25" s="71">
        <v>116</v>
      </c>
      <c r="JM25" s="71">
        <v>107</v>
      </c>
      <c r="JN25" s="71">
        <v>107</v>
      </c>
      <c r="JO25" s="71">
        <v>36</v>
      </c>
      <c r="JP25" s="72">
        <v>506</v>
      </c>
      <c r="JQ25" s="73">
        <v>580</v>
      </c>
      <c r="JR25" s="70">
        <v>3</v>
      </c>
      <c r="JS25" s="71">
        <v>6</v>
      </c>
      <c r="JT25" s="72">
        <v>9</v>
      </c>
      <c r="JU25" s="244"/>
      <c r="JV25" s="71">
        <v>12</v>
      </c>
      <c r="JW25" s="71">
        <v>12</v>
      </c>
      <c r="JX25" s="71">
        <v>3</v>
      </c>
      <c r="JY25" s="71">
        <v>4</v>
      </c>
      <c r="JZ25" s="71">
        <v>6</v>
      </c>
      <c r="KA25" s="72">
        <v>37</v>
      </c>
      <c r="KB25" s="73">
        <v>46</v>
      </c>
      <c r="KC25" s="70">
        <v>176</v>
      </c>
      <c r="KD25" s="71">
        <v>297</v>
      </c>
      <c r="KE25" s="72">
        <v>473</v>
      </c>
      <c r="KF25" s="244"/>
      <c r="KG25" s="71">
        <v>520</v>
      </c>
      <c r="KH25" s="71">
        <v>440</v>
      </c>
      <c r="KI25" s="71">
        <v>301</v>
      </c>
      <c r="KJ25" s="71">
        <v>283</v>
      </c>
      <c r="KK25" s="71">
        <v>144</v>
      </c>
      <c r="KL25" s="72">
        <v>1688</v>
      </c>
      <c r="KM25" s="73">
        <v>2161</v>
      </c>
    </row>
    <row r="26" spans="2:299" ht="21" customHeight="1" x14ac:dyDescent="0.2">
      <c r="B26" s="126" t="s">
        <v>23</v>
      </c>
      <c r="C26" s="313">
        <v>196</v>
      </c>
      <c r="D26" s="82">
        <v>198</v>
      </c>
      <c r="E26" s="83">
        <v>394</v>
      </c>
      <c r="F26" s="241"/>
      <c r="G26" s="82">
        <v>308</v>
      </c>
      <c r="H26" s="82">
        <v>273</v>
      </c>
      <c r="I26" s="82">
        <v>173</v>
      </c>
      <c r="J26" s="82">
        <v>166</v>
      </c>
      <c r="K26" s="82">
        <v>92</v>
      </c>
      <c r="L26" s="84">
        <v>1012</v>
      </c>
      <c r="M26" s="85">
        <v>1406</v>
      </c>
      <c r="N26" s="70">
        <v>8</v>
      </c>
      <c r="O26" s="71">
        <v>9</v>
      </c>
      <c r="P26" s="72">
        <v>17</v>
      </c>
      <c r="Q26" s="244"/>
      <c r="R26" s="71">
        <v>10</v>
      </c>
      <c r="S26" s="71">
        <v>13</v>
      </c>
      <c r="T26" s="71">
        <v>6</v>
      </c>
      <c r="U26" s="71">
        <v>7</v>
      </c>
      <c r="V26" s="71">
        <v>3</v>
      </c>
      <c r="W26" s="72">
        <v>39</v>
      </c>
      <c r="X26" s="73">
        <v>56</v>
      </c>
      <c r="Y26" s="70">
        <v>29</v>
      </c>
      <c r="Z26" s="71">
        <v>21</v>
      </c>
      <c r="AA26" s="72">
        <v>50</v>
      </c>
      <c r="AB26" s="244"/>
      <c r="AC26" s="71">
        <v>29</v>
      </c>
      <c r="AD26" s="71">
        <v>31</v>
      </c>
      <c r="AE26" s="71">
        <v>17</v>
      </c>
      <c r="AF26" s="71">
        <v>15</v>
      </c>
      <c r="AG26" s="71">
        <v>10</v>
      </c>
      <c r="AH26" s="72">
        <v>102</v>
      </c>
      <c r="AI26" s="73">
        <v>152</v>
      </c>
      <c r="AJ26" s="70">
        <v>42</v>
      </c>
      <c r="AK26" s="71">
        <v>36</v>
      </c>
      <c r="AL26" s="72">
        <v>78</v>
      </c>
      <c r="AM26" s="244"/>
      <c r="AN26" s="71">
        <v>53</v>
      </c>
      <c r="AO26" s="71">
        <v>42</v>
      </c>
      <c r="AP26" s="71">
        <v>22</v>
      </c>
      <c r="AQ26" s="71">
        <v>30</v>
      </c>
      <c r="AR26" s="71">
        <v>28</v>
      </c>
      <c r="AS26" s="72">
        <v>175</v>
      </c>
      <c r="AT26" s="73">
        <v>253</v>
      </c>
      <c r="AU26" s="70">
        <v>48</v>
      </c>
      <c r="AV26" s="71">
        <v>69</v>
      </c>
      <c r="AW26" s="72">
        <v>117</v>
      </c>
      <c r="AX26" s="244"/>
      <c r="AY26" s="71">
        <v>95</v>
      </c>
      <c r="AZ26" s="71">
        <v>75</v>
      </c>
      <c r="BA26" s="71">
        <v>50</v>
      </c>
      <c r="BB26" s="71">
        <v>49</v>
      </c>
      <c r="BC26" s="71">
        <v>16</v>
      </c>
      <c r="BD26" s="72">
        <v>285</v>
      </c>
      <c r="BE26" s="73">
        <v>402</v>
      </c>
      <c r="BF26" s="70">
        <v>54</v>
      </c>
      <c r="BG26" s="71">
        <v>50</v>
      </c>
      <c r="BH26" s="72">
        <v>104</v>
      </c>
      <c r="BI26" s="244"/>
      <c r="BJ26" s="71">
        <v>86</v>
      </c>
      <c r="BK26" s="71">
        <v>67</v>
      </c>
      <c r="BL26" s="71">
        <v>54</v>
      </c>
      <c r="BM26" s="71">
        <v>43</v>
      </c>
      <c r="BN26" s="71">
        <v>24</v>
      </c>
      <c r="BO26" s="72">
        <v>274</v>
      </c>
      <c r="BP26" s="73">
        <v>378</v>
      </c>
      <c r="BQ26" s="70">
        <v>15</v>
      </c>
      <c r="BR26" s="71">
        <v>13</v>
      </c>
      <c r="BS26" s="72">
        <v>28</v>
      </c>
      <c r="BT26" s="244"/>
      <c r="BU26" s="71">
        <v>35</v>
      </c>
      <c r="BV26" s="71">
        <v>45</v>
      </c>
      <c r="BW26" s="71">
        <v>24</v>
      </c>
      <c r="BX26" s="71">
        <v>22</v>
      </c>
      <c r="BY26" s="71">
        <v>11</v>
      </c>
      <c r="BZ26" s="72">
        <v>137</v>
      </c>
      <c r="CA26" s="73">
        <v>165</v>
      </c>
      <c r="CB26" s="70">
        <v>4</v>
      </c>
      <c r="CC26" s="71">
        <v>9</v>
      </c>
      <c r="CD26" s="72">
        <v>13</v>
      </c>
      <c r="CE26" s="244"/>
      <c r="CF26" s="71">
        <v>7</v>
      </c>
      <c r="CG26" s="71">
        <v>11</v>
      </c>
      <c r="CH26" s="71">
        <v>9</v>
      </c>
      <c r="CI26" s="71">
        <v>7</v>
      </c>
      <c r="CJ26" s="71">
        <v>3</v>
      </c>
      <c r="CK26" s="72">
        <v>37</v>
      </c>
      <c r="CL26" s="73">
        <v>50</v>
      </c>
      <c r="CM26" s="70">
        <v>200</v>
      </c>
      <c r="CN26" s="71">
        <v>207</v>
      </c>
      <c r="CO26" s="72">
        <v>407</v>
      </c>
      <c r="CP26" s="244"/>
      <c r="CQ26" s="71">
        <v>315</v>
      </c>
      <c r="CR26" s="71">
        <v>284</v>
      </c>
      <c r="CS26" s="71">
        <v>182</v>
      </c>
      <c r="CT26" s="71">
        <v>173</v>
      </c>
      <c r="CU26" s="71">
        <v>95</v>
      </c>
      <c r="CV26" s="72">
        <v>1049</v>
      </c>
      <c r="CW26" s="73">
        <v>1456</v>
      </c>
      <c r="CX26" s="123">
        <v>324</v>
      </c>
      <c r="CY26" s="82">
        <v>413</v>
      </c>
      <c r="CZ26" s="83">
        <v>737</v>
      </c>
      <c r="DA26" s="241"/>
      <c r="DB26" s="82">
        <v>530</v>
      </c>
      <c r="DC26" s="82">
        <v>433</v>
      </c>
      <c r="DD26" s="82">
        <v>297</v>
      </c>
      <c r="DE26" s="82">
        <v>361</v>
      </c>
      <c r="DF26" s="82">
        <v>239</v>
      </c>
      <c r="DG26" s="84">
        <v>1860</v>
      </c>
      <c r="DH26" s="85">
        <v>2597</v>
      </c>
      <c r="DI26" s="70">
        <v>11</v>
      </c>
      <c r="DJ26" s="71">
        <v>14</v>
      </c>
      <c r="DK26" s="72">
        <v>25</v>
      </c>
      <c r="DL26" s="244"/>
      <c r="DM26" s="71">
        <v>10</v>
      </c>
      <c r="DN26" s="71">
        <v>6</v>
      </c>
      <c r="DO26" s="71">
        <v>7</v>
      </c>
      <c r="DP26" s="71">
        <v>10</v>
      </c>
      <c r="DQ26" s="71">
        <v>4</v>
      </c>
      <c r="DR26" s="72">
        <v>37</v>
      </c>
      <c r="DS26" s="73">
        <v>62</v>
      </c>
      <c r="DT26" s="70">
        <v>27</v>
      </c>
      <c r="DU26" s="71">
        <v>38</v>
      </c>
      <c r="DV26" s="72">
        <v>65</v>
      </c>
      <c r="DW26" s="244"/>
      <c r="DX26" s="71">
        <v>26</v>
      </c>
      <c r="DY26" s="71">
        <v>29</v>
      </c>
      <c r="DZ26" s="71">
        <v>16</v>
      </c>
      <c r="EA26" s="71">
        <v>21</v>
      </c>
      <c r="EB26" s="71">
        <v>13</v>
      </c>
      <c r="EC26" s="72">
        <v>105</v>
      </c>
      <c r="ED26" s="73">
        <v>170</v>
      </c>
      <c r="EE26" s="70">
        <v>70</v>
      </c>
      <c r="EF26" s="71">
        <v>76</v>
      </c>
      <c r="EG26" s="72">
        <v>146</v>
      </c>
      <c r="EH26" s="244"/>
      <c r="EI26" s="71">
        <v>74</v>
      </c>
      <c r="EJ26" s="71">
        <v>62</v>
      </c>
      <c r="EK26" s="71">
        <v>37</v>
      </c>
      <c r="EL26" s="71">
        <v>54</v>
      </c>
      <c r="EM26" s="71">
        <v>33</v>
      </c>
      <c r="EN26" s="72">
        <v>260</v>
      </c>
      <c r="EO26" s="73">
        <v>406</v>
      </c>
      <c r="EP26" s="70">
        <v>118</v>
      </c>
      <c r="EQ26" s="71">
        <v>116</v>
      </c>
      <c r="ER26" s="72">
        <v>234</v>
      </c>
      <c r="ES26" s="244"/>
      <c r="ET26" s="71">
        <v>153</v>
      </c>
      <c r="EU26" s="71">
        <v>110</v>
      </c>
      <c r="EV26" s="71">
        <v>71</v>
      </c>
      <c r="EW26" s="71">
        <v>67</v>
      </c>
      <c r="EX26" s="71">
        <v>49</v>
      </c>
      <c r="EY26" s="72">
        <v>450</v>
      </c>
      <c r="EZ26" s="73">
        <v>684</v>
      </c>
      <c r="FA26" s="70">
        <v>69</v>
      </c>
      <c r="FB26" s="71">
        <v>113</v>
      </c>
      <c r="FC26" s="72">
        <v>182</v>
      </c>
      <c r="FD26" s="244"/>
      <c r="FE26" s="71">
        <v>167</v>
      </c>
      <c r="FF26" s="71">
        <v>126</v>
      </c>
      <c r="FG26" s="71">
        <v>83</v>
      </c>
      <c r="FH26" s="71">
        <v>93</v>
      </c>
      <c r="FI26" s="71">
        <v>56</v>
      </c>
      <c r="FJ26" s="72">
        <v>525</v>
      </c>
      <c r="FK26" s="73">
        <v>707</v>
      </c>
      <c r="FL26" s="70">
        <v>29</v>
      </c>
      <c r="FM26" s="71">
        <v>56</v>
      </c>
      <c r="FN26" s="72">
        <v>85</v>
      </c>
      <c r="FO26" s="244"/>
      <c r="FP26" s="71">
        <v>100</v>
      </c>
      <c r="FQ26" s="71">
        <v>100</v>
      </c>
      <c r="FR26" s="71">
        <v>83</v>
      </c>
      <c r="FS26" s="71">
        <v>116</v>
      </c>
      <c r="FT26" s="71">
        <v>84</v>
      </c>
      <c r="FU26" s="72">
        <v>483</v>
      </c>
      <c r="FV26" s="73">
        <v>568</v>
      </c>
      <c r="FW26" s="70">
        <v>4</v>
      </c>
      <c r="FX26" s="71">
        <v>7</v>
      </c>
      <c r="FY26" s="72">
        <v>11</v>
      </c>
      <c r="FZ26" s="244"/>
      <c r="GA26" s="71">
        <v>6</v>
      </c>
      <c r="GB26" s="71">
        <v>10</v>
      </c>
      <c r="GC26" s="71">
        <v>5</v>
      </c>
      <c r="GD26" s="71">
        <v>3</v>
      </c>
      <c r="GE26" s="71">
        <v>6</v>
      </c>
      <c r="GF26" s="72">
        <v>30</v>
      </c>
      <c r="GG26" s="73">
        <v>41</v>
      </c>
      <c r="GH26" s="70">
        <v>328</v>
      </c>
      <c r="GI26" s="71">
        <v>420</v>
      </c>
      <c r="GJ26" s="72">
        <v>748</v>
      </c>
      <c r="GK26" s="244"/>
      <c r="GL26" s="71">
        <v>536</v>
      </c>
      <c r="GM26" s="71">
        <v>443</v>
      </c>
      <c r="GN26" s="71">
        <v>302</v>
      </c>
      <c r="GO26" s="71">
        <v>364</v>
      </c>
      <c r="GP26" s="71">
        <v>245</v>
      </c>
      <c r="GQ26" s="72">
        <v>1890</v>
      </c>
      <c r="GR26" s="73">
        <v>2638</v>
      </c>
      <c r="GS26" s="123">
        <v>520</v>
      </c>
      <c r="GT26" s="82">
        <v>611</v>
      </c>
      <c r="GU26" s="83">
        <v>1131</v>
      </c>
      <c r="GV26" s="241"/>
      <c r="GW26" s="82">
        <v>838</v>
      </c>
      <c r="GX26" s="82">
        <v>706</v>
      </c>
      <c r="GY26" s="82">
        <v>470</v>
      </c>
      <c r="GZ26" s="82">
        <v>527</v>
      </c>
      <c r="HA26" s="82">
        <v>331</v>
      </c>
      <c r="HB26" s="84">
        <v>2872</v>
      </c>
      <c r="HC26" s="85">
        <v>4003</v>
      </c>
      <c r="HD26" s="70">
        <v>19</v>
      </c>
      <c r="HE26" s="71">
        <v>23</v>
      </c>
      <c r="HF26" s="72">
        <v>42</v>
      </c>
      <c r="HG26" s="244"/>
      <c r="HH26" s="71">
        <v>20</v>
      </c>
      <c r="HI26" s="71">
        <v>19</v>
      </c>
      <c r="HJ26" s="71">
        <v>13</v>
      </c>
      <c r="HK26" s="71">
        <v>17</v>
      </c>
      <c r="HL26" s="71">
        <v>7</v>
      </c>
      <c r="HM26" s="72">
        <v>76</v>
      </c>
      <c r="HN26" s="73">
        <v>118</v>
      </c>
      <c r="HO26" s="70">
        <v>56</v>
      </c>
      <c r="HP26" s="71">
        <v>59</v>
      </c>
      <c r="HQ26" s="72">
        <v>115</v>
      </c>
      <c r="HR26" s="244"/>
      <c r="HS26" s="71">
        <v>55</v>
      </c>
      <c r="HT26" s="71">
        <v>60</v>
      </c>
      <c r="HU26" s="71">
        <v>33</v>
      </c>
      <c r="HV26" s="71">
        <v>36</v>
      </c>
      <c r="HW26" s="71">
        <v>23</v>
      </c>
      <c r="HX26" s="72">
        <v>207</v>
      </c>
      <c r="HY26" s="73">
        <v>322</v>
      </c>
      <c r="HZ26" s="70">
        <v>112</v>
      </c>
      <c r="IA26" s="71">
        <v>112</v>
      </c>
      <c r="IB26" s="72">
        <v>224</v>
      </c>
      <c r="IC26" s="244"/>
      <c r="ID26" s="71">
        <v>127</v>
      </c>
      <c r="IE26" s="71">
        <v>104</v>
      </c>
      <c r="IF26" s="71">
        <v>59</v>
      </c>
      <c r="IG26" s="71">
        <v>84</v>
      </c>
      <c r="IH26" s="71">
        <v>61</v>
      </c>
      <c r="II26" s="72">
        <v>435</v>
      </c>
      <c r="IJ26" s="73">
        <v>659</v>
      </c>
      <c r="IK26" s="70">
        <v>166</v>
      </c>
      <c r="IL26" s="71">
        <v>185</v>
      </c>
      <c r="IM26" s="72">
        <v>351</v>
      </c>
      <c r="IN26" s="244"/>
      <c r="IO26" s="71">
        <v>248</v>
      </c>
      <c r="IP26" s="71">
        <v>185</v>
      </c>
      <c r="IQ26" s="71">
        <v>121</v>
      </c>
      <c r="IR26" s="71">
        <v>116</v>
      </c>
      <c r="IS26" s="71">
        <v>65</v>
      </c>
      <c r="IT26" s="72">
        <v>735</v>
      </c>
      <c r="IU26" s="73">
        <v>1086</v>
      </c>
      <c r="IV26" s="70">
        <v>123</v>
      </c>
      <c r="IW26" s="71">
        <v>163</v>
      </c>
      <c r="IX26" s="72">
        <v>286</v>
      </c>
      <c r="IY26" s="244"/>
      <c r="IZ26" s="71">
        <v>253</v>
      </c>
      <c r="JA26" s="71">
        <v>193</v>
      </c>
      <c r="JB26" s="71">
        <v>137</v>
      </c>
      <c r="JC26" s="71">
        <v>136</v>
      </c>
      <c r="JD26" s="71">
        <v>80</v>
      </c>
      <c r="JE26" s="72">
        <v>799</v>
      </c>
      <c r="JF26" s="73">
        <v>1085</v>
      </c>
      <c r="JG26" s="70">
        <v>44</v>
      </c>
      <c r="JH26" s="71">
        <v>69</v>
      </c>
      <c r="JI26" s="72">
        <v>113</v>
      </c>
      <c r="JJ26" s="244"/>
      <c r="JK26" s="71">
        <v>135</v>
      </c>
      <c r="JL26" s="71">
        <v>145</v>
      </c>
      <c r="JM26" s="71">
        <v>107</v>
      </c>
      <c r="JN26" s="71">
        <v>138</v>
      </c>
      <c r="JO26" s="71">
        <v>95</v>
      </c>
      <c r="JP26" s="72">
        <v>620</v>
      </c>
      <c r="JQ26" s="73">
        <v>733</v>
      </c>
      <c r="JR26" s="70">
        <v>8</v>
      </c>
      <c r="JS26" s="71">
        <v>16</v>
      </c>
      <c r="JT26" s="72">
        <v>24</v>
      </c>
      <c r="JU26" s="244"/>
      <c r="JV26" s="71">
        <v>13</v>
      </c>
      <c r="JW26" s="71">
        <v>21</v>
      </c>
      <c r="JX26" s="71">
        <v>14</v>
      </c>
      <c r="JY26" s="71">
        <v>10</v>
      </c>
      <c r="JZ26" s="71">
        <v>9</v>
      </c>
      <c r="KA26" s="72">
        <v>67</v>
      </c>
      <c r="KB26" s="73">
        <v>91</v>
      </c>
      <c r="KC26" s="70">
        <v>528</v>
      </c>
      <c r="KD26" s="71">
        <v>627</v>
      </c>
      <c r="KE26" s="72">
        <v>1155</v>
      </c>
      <c r="KF26" s="244"/>
      <c r="KG26" s="71">
        <v>851</v>
      </c>
      <c r="KH26" s="71">
        <v>727</v>
      </c>
      <c r="KI26" s="71">
        <v>484</v>
      </c>
      <c r="KJ26" s="71">
        <v>537</v>
      </c>
      <c r="KK26" s="71">
        <v>340</v>
      </c>
      <c r="KL26" s="72">
        <v>2939</v>
      </c>
      <c r="KM26" s="73">
        <v>4094</v>
      </c>
    </row>
    <row r="27" spans="2:299" ht="21" customHeight="1" x14ac:dyDescent="0.2">
      <c r="B27" s="126" t="s">
        <v>24</v>
      </c>
      <c r="C27" s="313">
        <v>114</v>
      </c>
      <c r="D27" s="82">
        <v>79</v>
      </c>
      <c r="E27" s="83">
        <v>193</v>
      </c>
      <c r="F27" s="241"/>
      <c r="G27" s="82">
        <v>158</v>
      </c>
      <c r="H27" s="82">
        <v>105</v>
      </c>
      <c r="I27" s="82">
        <v>62</v>
      </c>
      <c r="J27" s="82">
        <v>65</v>
      </c>
      <c r="K27" s="82">
        <v>48</v>
      </c>
      <c r="L27" s="84">
        <v>438</v>
      </c>
      <c r="M27" s="85">
        <v>631</v>
      </c>
      <c r="N27" s="70">
        <v>4</v>
      </c>
      <c r="O27" s="71">
        <v>3</v>
      </c>
      <c r="P27" s="72">
        <v>7</v>
      </c>
      <c r="Q27" s="244"/>
      <c r="R27" s="71">
        <v>5</v>
      </c>
      <c r="S27" s="71">
        <v>3</v>
      </c>
      <c r="T27" s="71">
        <v>1</v>
      </c>
      <c r="U27" s="71">
        <v>0</v>
      </c>
      <c r="V27" s="71">
        <v>5</v>
      </c>
      <c r="W27" s="72">
        <v>14</v>
      </c>
      <c r="X27" s="73">
        <v>21</v>
      </c>
      <c r="Y27" s="70">
        <v>7</v>
      </c>
      <c r="Z27" s="71">
        <v>5</v>
      </c>
      <c r="AA27" s="72">
        <v>12</v>
      </c>
      <c r="AB27" s="244"/>
      <c r="AC27" s="71">
        <v>12</v>
      </c>
      <c r="AD27" s="71">
        <v>12</v>
      </c>
      <c r="AE27" s="71">
        <v>5</v>
      </c>
      <c r="AF27" s="71">
        <v>6</v>
      </c>
      <c r="AG27" s="71">
        <v>8</v>
      </c>
      <c r="AH27" s="72">
        <v>43</v>
      </c>
      <c r="AI27" s="73">
        <v>55</v>
      </c>
      <c r="AJ27" s="70">
        <v>13</v>
      </c>
      <c r="AK27" s="71">
        <v>13</v>
      </c>
      <c r="AL27" s="72">
        <v>26</v>
      </c>
      <c r="AM27" s="244"/>
      <c r="AN27" s="71">
        <v>22</v>
      </c>
      <c r="AO27" s="71">
        <v>17</v>
      </c>
      <c r="AP27" s="71">
        <v>10</v>
      </c>
      <c r="AQ27" s="71">
        <v>9</v>
      </c>
      <c r="AR27" s="71">
        <v>4</v>
      </c>
      <c r="AS27" s="72">
        <v>62</v>
      </c>
      <c r="AT27" s="73">
        <v>88</v>
      </c>
      <c r="AU27" s="70">
        <v>24</v>
      </c>
      <c r="AV27" s="71">
        <v>17</v>
      </c>
      <c r="AW27" s="72">
        <v>41</v>
      </c>
      <c r="AX27" s="244"/>
      <c r="AY27" s="71">
        <v>41</v>
      </c>
      <c r="AZ27" s="71">
        <v>18</v>
      </c>
      <c r="BA27" s="71">
        <v>16</v>
      </c>
      <c r="BB27" s="71">
        <v>16</v>
      </c>
      <c r="BC27" s="71">
        <v>14</v>
      </c>
      <c r="BD27" s="72">
        <v>105</v>
      </c>
      <c r="BE27" s="73">
        <v>146</v>
      </c>
      <c r="BF27" s="70">
        <v>32</v>
      </c>
      <c r="BG27" s="71">
        <v>24</v>
      </c>
      <c r="BH27" s="72">
        <v>56</v>
      </c>
      <c r="BI27" s="244"/>
      <c r="BJ27" s="71">
        <v>44</v>
      </c>
      <c r="BK27" s="71">
        <v>28</v>
      </c>
      <c r="BL27" s="71">
        <v>13</v>
      </c>
      <c r="BM27" s="71">
        <v>23</v>
      </c>
      <c r="BN27" s="71">
        <v>9</v>
      </c>
      <c r="BO27" s="72">
        <v>117</v>
      </c>
      <c r="BP27" s="73">
        <v>173</v>
      </c>
      <c r="BQ27" s="70">
        <v>34</v>
      </c>
      <c r="BR27" s="71">
        <v>17</v>
      </c>
      <c r="BS27" s="72">
        <v>51</v>
      </c>
      <c r="BT27" s="244"/>
      <c r="BU27" s="71">
        <v>34</v>
      </c>
      <c r="BV27" s="71">
        <v>27</v>
      </c>
      <c r="BW27" s="71">
        <v>17</v>
      </c>
      <c r="BX27" s="71">
        <v>11</v>
      </c>
      <c r="BY27" s="71">
        <v>8</v>
      </c>
      <c r="BZ27" s="72">
        <v>97</v>
      </c>
      <c r="CA27" s="73">
        <v>148</v>
      </c>
      <c r="CB27" s="70">
        <v>3</v>
      </c>
      <c r="CC27" s="71">
        <v>2</v>
      </c>
      <c r="CD27" s="72">
        <v>5</v>
      </c>
      <c r="CE27" s="244"/>
      <c r="CF27" s="71">
        <v>4</v>
      </c>
      <c r="CG27" s="71">
        <v>6</v>
      </c>
      <c r="CH27" s="71">
        <v>2</v>
      </c>
      <c r="CI27" s="71">
        <v>3</v>
      </c>
      <c r="CJ27" s="71">
        <v>1</v>
      </c>
      <c r="CK27" s="72">
        <v>16</v>
      </c>
      <c r="CL27" s="73">
        <v>21</v>
      </c>
      <c r="CM27" s="70">
        <v>117</v>
      </c>
      <c r="CN27" s="71">
        <v>81</v>
      </c>
      <c r="CO27" s="72">
        <v>198</v>
      </c>
      <c r="CP27" s="244"/>
      <c r="CQ27" s="71">
        <v>162</v>
      </c>
      <c r="CR27" s="71">
        <v>111</v>
      </c>
      <c r="CS27" s="71">
        <v>64</v>
      </c>
      <c r="CT27" s="71">
        <v>68</v>
      </c>
      <c r="CU27" s="71">
        <v>49</v>
      </c>
      <c r="CV27" s="72">
        <v>454</v>
      </c>
      <c r="CW27" s="73">
        <v>652</v>
      </c>
      <c r="CX27" s="123">
        <v>211</v>
      </c>
      <c r="CY27" s="82">
        <v>170</v>
      </c>
      <c r="CZ27" s="83">
        <v>381</v>
      </c>
      <c r="DA27" s="241"/>
      <c r="DB27" s="82">
        <v>269</v>
      </c>
      <c r="DC27" s="82">
        <v>180</v>
      </c>
      <c r="DD27" s="82">
        <v>160</v>
      </c>
      <c r="DE27" s="82">
        <v>182</v>
      </c>
      <c r="DF27" s="82">
        <v>124</v>
      </c>
      <c r="DG27" s="84">
        <v>915</v>
      </c>
      <c r="DH27" s="85">
        <v>1296</v>
      </c>
      <c r="DI27" s="70">
        <v>4</v>
      </c>
      <c r="DJ27" s="71">
        <v>3</v>
      </c>
      <c r="DK27" s="72">
        <v>7</v>
      </c>
      <c r="DL27" s="244"/>
      <c r="DM27" s="71">
        <v>2</v>
      </c>
      <c r="DN27" s="71">
        <v>1</v>
      </c>
      <c r="DO27" s="71">
        <v>3</v>
      </c>
      <c r="DP27" s="71">
        <v>2</v>
      </c>
      <c r="DQ27" s="71">
        <v>3</v>
      </c>
      <c r="DR27" s="72">
        <v>11</v>
      </c>
      <c r="DS27" s="73">
        <v>18</v>
      </c>
      <c r="DT27" s="70">
        <v>12</v>
      </c>
      <c r="DU27" s="71">
        <v>5</v>
      </c>
      <c r="DV27" s="72">
        <v>17</v>
      </c>
      <c r="DW27" s="244"/>
      <c r="DX27" s="71">
        <v>9</v>
      </c>
      <c r="DY27" s="71">
        <v>7</v>
      </c>
      <c r="DZ27" s="71">
        <v>6</v>
      </c>
      <c r="EA27" s="71">
        <v>8</v>
      </c>
      <c r="EB27" s="71">
        <v>2</v>
      </c>
      <c r="EC27" s="72">
        <v>32</v>
      </c>
      <c r="ED27" s="73">
        <v>49</v>
      </c>
      <c r="EE27" s="70">
        <v>27</v>
      </c>
      <c r="EF27" s="71">
        <v>27</v>
      </c>
      <c r="EG27" s="72">
        <v>54</v>
      </c>
      <c r="EH27" s="244"/>
      <c r="EI27" s="71">
        <v>21</v>
      </c>
      <c r="EJ27" s="71">
        <v>17</v>
      </c>
      <c r="EK27" s="71">
        <v>15</v>
      </c>
      <c r="EL27" s="71">
        <v>11</v>
      </c>
      <c r="EM27" s="71">
        <v>7</v>
      </c>
      <c r="EN27" s="72">
        <v>71</v>
      </c>
      <c r="EO27" s="73">
        <v>125</v>
      </c>
      <c r="EP27" s="70">
        <v>56</v>
      </c>
      <c r="EQ27" s="71">
        <v>40</v>
      </c>
      <c r="ER27" s="72">
        <v>96</v>
      </c>
      <c r="ES27" s="244"/>
      <c r="ET27" s="71">
        <v>68</v>
      </c>
      <c r="EU27" s="71">
        <v>36</v>
      </c>
      <c r="EV27" s="71">
        <v>22</v>
      </c>
      <c r="EW27" s="71">
        <v>30</v>
      </c>
      <c r="EX27" s="71">
        <v>18</v>
      </c>
      <c r="EY27" s="72">
        <v>174</v>
      </c>
      <c r="EZ27" s="73">
        <v>270</v>
      </c>
      <c r="FA27" s="70">
        <v>71</v>
      </c>
      <c r="FB27" s="71">
        <v>52</v>
      </c>
      <c r="FC27" s="72">
        <v>123</v>
      </c>
      <c r="FD27" s="244"/>
      <c r="FE27" s="71">
        <v>85</v>
      </c>
      <c r="FF27" s="71">
        <v>55</v>
      </c>
      <c r="FG27" s="71">
        <v>36</v>
      </c>
      <c r="FH27" s="71">
        <v>39</v>
      </c>
      <c r="FI27" s="71">
        <v>27</v>
      </c>
      <c r="FJ27" s="72">
        <v>242</v>
      </c>
      <c r="FK27" s="73">
        <v>365</v>
      </c>
      <c r="FL27" s="70">
        <v>41</v>
      </c>
      <c r="FM27" s="71">
        <v>43</v>
      </c>
      <c r="FN27" s="72">
        <v>84</v>
      </c>
      <c r="FO27" s="244"/>
      <c r="FP27" s="71">
        <v>84</v>
      </c>
      <c r="FQ27" s="71">
        <v>64</v>
      </c>
      <c r="FR27" s="71">
        <v>78</v>
      </c>
      <c r="FS27" s="71">
        <v>92</v>
      </c>
      <c r="FT27" s="71">
        <v>67</v>
      </c>
      <c r="FU27" s="72">
        <v>385</v>
      </c>
      <c r="FV27" s="73">
        <v>469</v>
      </c>
      <c r="FW27" s="70">
        <v>2</v>
      </c>
      <c r="FX27" s="71">
        <v>2</v>
      </c>
      <c r="FY27" s="72">
        <v>4</v>
      </c>
      <c r="FZ27" s="244"/>
      <c r="GA27" s="71">
        <v>0</v>
      </c>
      <c r="GB27" s="71">
        <v>3</v>
      </c>
      <c r="GC27" s="71">
        <v>2</v>
      </c>
      <c r="GD27" s="71">
        <v>1</v>
      </c>
      <c r="GE27" s="71">
        <v>3</v>
      </c>
      <c r="GF27" s="72">
        <v>9</v>
      </c>
      <c r="GG27" s="73">
        <v>13</v>
      </c>
      <c r="GH27" s="70">
        <v>213</v>
      </c>
      <c r="GI27" s="71">
        <v>172</v>
      </c>
      <c r="GJ27" s="72">
        <v>385</v>
      </c>
      <c r="GK27" s="244"/>
      <c r="GL27" s="71">
        <v>269</v>
      </c>
      <c r="GM27" s="71">
        <v>183</v>
      </c>
      <c r="GN27" s="71">
        <v>162</v>
      </c>
      <c r="GO27" s="71">
        <v>183</v>
      </c>
      <c r="GP27" s="71">
        <v>127</v>
      </c>
      <c r="GQ27" s="72">
        <v>924</v>
      </c>
      <c r="GR27" s="73">
        <v>1309</v>
      </c>
      <c r="GS27" s="123">
        <v>325</v>
      </c>
      <c r="GT27" s="82">
        <v>249</v>
      </c>
      <c r="GU27" s="83">
        <v>574</v>
      </c>
      <c r="GV27" s="241"/>
      <c r="GW27" s="82">
        <v>427</v>
      </c>
      <c r="GX27" s="82">
        <v>285</v>
      </c>
      <c r="GY27" s="82">
        <v>222</v>
      </c>
      <c r="GZ27" s="82">
        <v>247</v>
      </c>
      <c r="HA27" s="82">
        <v>172</v>
      </c>
      <c r="HB27" s="84">
        <v>1353</v>
      </c>
      <c r="HC27" s="85">
        <v>1927</v>
      </c>
      <c r="HD27" s="70">
        <v>8</v>
      </c>
      <c r="HE27" s="71">
        <v>6</v>
      </c>
      <c r="HF27" s="72">
        <v>14</v>
      </c>
      <c r="HG27" s="244"/>
      <c r="HH27" s="71">
        <v>7</v>
      </c>
      <c r="HI27" s="71">
        <v>4</v>
      </c>
      <c r="HJ27" s="71">
        <v>4</v>
      </c>
      <c r="HK27" s="71">
        <v>2</v>
      </c>
      <c r="HL27" s="71">
        <v>8</v>
      </c>
      <c r="HM27" s="72">
        <v>25</v>
      </c>
      <c r="HN27" s="73">
        <v>39</v>
      </c>
      <c r="HO27" s="70">
        <v>19</v>
      </c>
      <c r="HP27" s="71">
        <v>10</v>
      </c>
      <c r="HQ27" s="72">
        <v>29</v>
      </c>
      <c r="HR27" s="244"/>
      <c r="HS27" s="71">
        <v>21</v>
      </c>
      <c r="HT27" s="71">
        <v>19</v>
      </c>
      <c r="HU27" s="71">
        <v>11</v>
      </c>
      <c r="HV27" s="71">
        <v>14</v>
      </c>
      <c r="HW27" s="71">
        <v>10</v>
      </c>
      <c r="HX27" s="72">
        <v>75</v>
      </c>
      <c r="HY27" s="73">
        <v>104</v>
      </c>
      <c r="HZ27" s="70">
        <v>40</v>
      </c>
      <c r="IA27" s="71">
        <v>40</v>
      </c>
      <c r="IB27" s="72">
        <v>80</v>
      </c>
      <c r="IC27" s="244"/>
      <c r="ID27" s="71">
        <v>43</v>
      </c>
      <c r="IE27" s="71">
        <v>34</v>
      </c>
      <c r="IF27" s="71">
        <v>25</v>
      </c>
      <c r="IG27" s="71">
        <v>20</v>
      </c>
      <c r="IH27" s="71">
        <v>11</v>
      </c>
      <c r="II27" s="72">
        <v>133</v>
      </c>
      <c r="IJ27" s="73">
        <v>213</v>
      </c>
      <c r="IK27" s="70">
        <v>80</v>
      </c>
      <c r="IL27" s="71">
        <v>57</v>
      </c>
      <c r="IM27" s="72">
        <v>137</v>
      </c>
      <c r="IN27" s="244"/>
      <c r="IO27" s="71">
        <v>109</v>
      </c>
      <c r="IP27" s="71">
        <v>54</v>
      </c>
      <c r="IQ27" s="71">
        <v>38</v>
      </c>
      <c r="IR27" s="71">
        <v>46</v>
      </c>
      <c r="IS27" s="71">
        <v>32</v>
      </c>
      <c r="IT27" s="72">
        <v>279</v>
      </c>
      <c r="IU27" s="73">
        <v>416</v>
      </c>
      <c r="IV27" s="70">
        <v>103</v>
      </c>
      <c r="IW27" s="71">
        <v>76</v>
      </c>
      <c r="IX27" s="72">
        <v>179</v>
      </c>
      <c r="IY27" s="244"/>
      <c r="IZ27" s="71">
        <v>129</v>
      </c>
      <c r="JA27" s="71">
        <v>83</v>
      </c>
      <c r="JB27" s="71">
        <v>49</v>
      </c>
      <c r="JC27" s="71">
        <v>62</v>
      </c>
      <c r="JD27" s="71">
        <v>36</v>
      </c>
      <c r="JE27" s="72">
        <v>359</v>
      </c>
      <c r="JF27" s="73">
        <v>538</v>
      </c>
      <c r="JG27" s="70">
        <v>75</v>
      </c>
      <c r="JH27" s="71">
        <v>60</v>
      </c>
      <c r="JI27" s="72">
        <v>135</v>
      </c>
      <c r="JJ27" s="244"/>
      <c r="JK27" s="71">
        <v>118</v>
      </c>
      <c r="JL27" s="71">
        <v>91</v>
      </c>
      <c r="JM27" s="71">
        <v>95</v>
      </c>
      <c r="JN27" s="71">
        <v>103</v>
      </c>
      <c r="JO27" s="71">
        <v>75</v>
      </c>
      <c r="JP27" s="72">
        <v>482</v>
      </c>
      <c r="JQ27" s="73">
        <v>617</v>
      </c>
      <c r="JR27" s="70">
        <v>5</v>
      </c>
      <c r="JS27" s="71">
        <v>4</v>
      </c>
      <c r="JT27" s="72">
        <v>9</v>
      </c>
      <c r="JU27" s="244"/>
      <c r="JV27" s="71">
        <v>4</v>
      </c>
      <c r="JW27" s="71">
        <v>9</v>
      </c>
      <c r="JX27" s="71">
        <v>4</v>
      </c>
      <c r="JY27" s="71">
        <v>4</v>
      </c>
      <c r="JZ27" s="71">
        <v>4</v>
      </c>
      <c r="KA27" s="72">
        <v>25</v>
      </c>
      <c r="KB27" s="73">
        <v>34</v>
      </c>
      <c r="KC27" s="70">
        <v>330</v>
      </c>
      <c r="KD27" s="71">
        <v>253</v>
      </c>
      <c r="KE27" s="72">
        <v>583</v>
      </c>
      <c r="KF27" s="244"/>
      <c r="KG27" s="71">
        <v>431</v>
      </c>
      <c r="KH27" s="71">
        <v>294</v>
      </c>
      <c r="KI27" s="71">
        <v>226</v>
      </c>
      <c r="KJ27" s="71">
        <v>251</v>
      </c>
      <c r="KK27" s="71">
        <v>176</v>
      </c>
      <c r="KL27" s="72">
        <v>1378</v>
      </c>
      <c r="KM27" s="73">
        <v>1961</v>
      </c>
    </row>
    <row r="28" spans="2:299" ht="21" customHeight="1" x14ac:dyDescent="0.2">
      <c r="B28" s="126" t="s">
        <v>25</v>
      </c>
      <c r="C28" s="313">
        <v>122</v>
      </c>
      <c r="D28" s="82">
        <v>105</v>
      </c>
      <c r="E28" s="83">
        <v>227</v>
      </c>
      <c r="F28" s="241"/>
      <c r="G28" s="82">
        <v>202</v>
      </c>
      <c r="H28" s="82">
        <v>136</v>
      </c>
      <c r="I28" s="82">
        <v>91</v>
      </c>
      <c r="J28" s="82">
        <v>116</v>
      </c>
      <c r="K28" s="82">
        <v>58</v>
      </c>
      <c r="L28" s="84">
        <v>603</v>
      </c>
      <c r="M28" s="85">
        <v>830</v>
      </c>
      <c r="N28" s="70">
        <v>5</v>
      </c>
      <c r="O28" s="71">
        <v>5</v>
      </c>
      <c r="P28" s="72">
        <v>10</v>
      </c>
      <c r="Q28" s="244"/>
      <c r="R28" s="71">
        <v>6</v>
      </c>
      <c r="S28" s="71">
        <v>8</v>
      </c>
      <c r="T28" s="71">
        <v>4</v>
      </c>
      <c r="U28" s="71">
        <v>3</v>
      </c>
      <c r="V28" s="71">
        <v>2</v>
      </c>
      <c r="W28" s="72">
        <v>23</v>
      </c>
      <c r="X28" s="73">
        <v>33</v>
      </c>
      <c r="Y28" s="70">
        <v>14</v>
      </c>
      <c r="Z28" s="71">
        <v>11</v>
      </c>
      <c r="AA28" s="72">
        <v>25</v>
      </c>
      <c r="AB28" s="244"/>
      <c r="AC28" s="71">
        <v>21</v>
      </c>
      <c r="AD28" s="71">
        <v>18</v>
      </c>
      <c r="AE28" s="71">
        <v>9</v>
      </c>
      <c r="AF28" s="71">
        <v>15</v>
      </c>
      <c r="AG28" s="71">
        <v>3</v>
      </c>
      <c r="AH28" s="72">
        <v>66</v>
      </c>
      <c r="AI28" s="73">
        <v>91</v>
      </c>
      <c r="AJ28" s="70">
        <v>24</v>
      </c>
      <c r="AK28" s="71">
        <v>21</v>
      </c>
      <c r="AL28" s="72">
        <v>45</v>
      </c>
      <c r="AM28" s="244"/>
      <c r="AN28" s="71">
        <v>35</v>
      </c>
      <c r="AO28" s="71">
        <v>27</v>
      </c>
      <c r="AP28" s="71">
        <v>13</v>
      </c>
      <c r="AQ28" s="71">
        <v>25</v>
      </c>
      <c r="AR28" s="71">
        <v>8</v>
      </c>
      <c r="AS28" s="72">
        <v>108</v>
      </c>
      <c r="AT28" s="73">
        <v>153</v>
      </c>
      <c r="AU28" s="70">
        <v>38</v>
      </c>
      <c r="AV28" s="71">
        <v>31</v>
      </c>
      <c r="AW28" s="72">
        <v>69</v>
      </c>
      <c r="AX28" s="244"/>
      <c r="AY28" s="71">
        <v>63</v>
      </c>
      <c r="AZ28" s="71">
        <v>33</v>
      </c>
      <c r="BA28" s="71">
        <v>25</v>
      </c>
      <c r="BB28" s="71">
        <v>36</v>
      </c>
      <c r="BC28" s="71">
        <v>20</v>
      </c>
      <c r="BD28" s="72">
        <v>177</v>
      </c>
      <c r="BE28" s="73">
        <v>246</v>
      </c>
      <c r="BF28" s="70">
        <v>28</v>
      </c>
      <c r="BG28" s="71">
        <v>27</v>
      </c>
      <c r="BH28" s="72">
        <v>55</v>
      </c>
      <c r="BI28" s="244"/>
      <c r="BJ28" s="71">
        <v>48</v>
      </c>
      <c r="BK28" s="71">
        <v>36</v>
      </c>
      <c r="BL28" s="71">
        <v>29</v>
      </c>
      <c r="BM28" s="71">
        <v>23</v>
      </c>
      <c r="BN28" s="71">
        <v>14</v>
      </c>
      <c r="BO28" s="72">
        <v>150</v>
      </c>
      <c r="BP28" s="73">
        <v>205</v>
      </c>
      <c r="BQ28" s="70">
        <v>13</v>
      </c>
      <c r="BR28" s="71">
        <v>10</v>
      </c>
      <c r="BS28" s="72">
        <v>23</v>
      </c>
      <c r="BT28" s="244"/>
      <c r="BU28" s="71">
        <v>29</v>
      </c>
      <c r="BV28" s="71">
        <v>14</v>
      </c>
      <c r="BW28" s="71">
        <v>11</v>
      </c>
      <c r="BX28" s="71">
        <v>14</v>
      </c>
      <c r="BY28" s="71">
        <v>11</v>
      </c>
      <c r="BZ28" s="72">
        <v>79</v>
      </c>
      <c r="CA28" s="73">
        <v>102</v>
      </c>
      <c r="CB28" s="70">
        <v>1</v>
      </c>
      <c r="CC28" s="71">
        <v>3</v>
      </c>
      <c r="CD28" s="72">
        <v>4</v>
      </c>
      <c r="CE28" s="244"/>
      <c r="CF28" s="71">
        <v>3</v>
      </c>
      <c r="CG28" s="71">
        <v>11</v>
      </c>
      <c r="CH28" s="71">
        <v>1</v>
      </c>
      <c r="CI28" s="71">
        <v>4</v>
      </c>
      <c r="CJ28" s="71">
        <v>4</v>
      </c>
      <c r="CK28" s="72">
        <v>23</v>
      </c>
      <c r="CL28" s="73">
        <v>27</v>
      </c>
      <c r="CM28" s="70">
        <v>123</v>
      </c>
      <c r="CN28" s="71">
        <v>108</v>
      </c>
      <c r="CO28" s="72">
        <v>231</v>
      </c>
      <c r="CP28" s="244"/>
      <c r="CQ28" s="71">
        <v>205</v>
      </c>
      <c r="CR28" s="71">
        <v>147</v>
      </c>
      <c r="CS28" s="71">
        <v>92</v>
      </c>
      <c r="CT28" s="71">
        <v>120</v>
      </c>
      <c r="CU28" s="71">
        <v>62</v>
      </c>
      <c r="CV28" s="72">
        <v>626</v>
      </c>
      <c r="CW28" s="73">
        <v>857</v>
      </c>
      <c r="CX28" s="123">
        <v>206</v>
      </c>
      <c r="CY28" s="82">
        <v>216</v>
      </c>
      <c r="CZ28" s="83">
        <v>422</v>
      </c>
      <c r="DA28" s="241"/>
      <c r="DB28" s="82">
        <v>313</v>
      </c>
      <c r="DC28" s="82">
        <v>213</v>
      </c>
      <c r="DD28" s="82">
        <v>181</v>
      </c>
      <c r="DE28" s="82">
        <v>176</v>
      </c>
      <c r="DF28" s="82">
        <v>104</v>
      </c>
      <c r="DG28" s="84">
        <v>987</v>
      </c>
      <c r="DH28" s="85">
        <v>1409</v>
      </c>
      <c r="DI28" s="70">
        <v>3</v>
      </c>
      <c r="DJ28" s="71">
        <v>4</v>
      </c>
      <c r="DK28" s="72">
        <v>7</v>
      </c>
      <c r="DL28" s="244"/>
      <c r="DM28" s="71">
        <v>8</v>
      </c>
      <c r="DN28" s="71">
        <v>7</v>
      </c>
      <c r="DO28" s="71">
        <v>4</v>
      </c>
      <c r="DP28" s="71">
        <v>2</v>
      </c>
      <c r="DQ28" s="71">
        <v>2</v>
      </c>
      <c r="DR28" s="72">
        <v>23</v>
      </c>
      <c r="DS28" s="73">
        <v>30</v>
      </c>
      <c r="DT28" s="70">
        <v>20</v>
      </c>
      <c r="DU28" s="71">
        <v>19</v>
      </c>
      <c r="DV28" s="72">
        <v>39</v>
      </c>
      <c r="DW28" s="244"/>
      <c r="DX28" s="71">
        <v>22</v>
      </c>
      <c r="DY28" s="71">
        <v>18</v>
      </c>
      <c r="DZ28" s="71">
        <v>10</v>
      </c>
      <c r="EA28" s="71">
        <v>7</v>
      </c>
      <c r="EB28" s="71">
        <v>11</v>
      </c>
      <c r="EC28" s="72">
        <v>68</v>
      </c>
      <c r="ED28" s="73">
        <v>107</v>
      </c>
      <c r="EE28" s="70">
        <v>33</v>
      </c>
      <c r="EF28" s="71">
        <v>25</v>
      </c>
      <c r="EG28" s="72">
        <v>58</v>
      </c>
      <c r="EH28" s="244"/>
      <c r="EI28" s="71">
        <v>56</v>
      </c>
      <c r="EJ28" s="71">
        <v>25</v>
      </c>
      <c r="EK28" s="71">
        <v>25</v>
      </c>
      <c r="EL28" s="71">
        <v>23</v>
      </c>
      <c r="EM28" s="71">
        <v>16</v>
      </c>
      <c r="EN28" s="72">
        <v>145</v>
      </c>
      <c r="EO28" s="73">
        <v>203</v>
      </c>
      <c r="EP28" s="70">
        <v>69</v>
      </c>
      <c r="EQ28" s="71">
        <v>66</v>
      </c>
      <c r="ER28" s="72">
        <v>135</v>
      </c>
      <c r="ES28" s="244"/>
      <c r="ET28" s="71">
        <v>78</v>
      </c>
      <c r="EU28" s="71">
        <v>46</v>
      </c>
      <c r="EV28" s="71">
        <v>46</v>
      </c>
      <c r="EW28" s="71">
        <v>33</v>
      </c>
      <c r="EX28" s="71">
        <v>13</v>
      </c>
      <c r="EY28" s="72">
        <v>216</v>
      </c>
      <c r="EZ28" s="73">
        <v>351</v>
      </c>
      <c r="FA28" s="70">
        <v>53</v>
      </c>
      <c r="FB28" s="71">
        <v>59</v>
      </c>
      <c r="FC28" s="72">
        <v>112</v>
      </c>
      <c r="FD28" s="244"/>
      <c r="FE28" s="71">
        <v>82</v>
      </c>
      <c r="FF28" s="71">
        <v>61</v>
      </c>
      <c r="FG28" s="71">
        <v>48</v>
      </c>
      <c r="FH28" s="71">
        <v>45</v>
      </c>
      <c r="FI28" s="71">
        <v>26</v>
      </c>
      <c r="FJ28" s="72">
        <v>262</v>
      </c>
      <c r="FK28" s="73">
        <v>374</v>
      </c>
      <c r="FL28" s="70">
        <v>28</v>
      </c>
      <c r="FM28" s="71">
        <v>43</v>
      </c>
      <c r="FN28" s="72">
        <v>71</v>
      </c>
      <c r="FO28" s="244"/>
      <c r="FP28" s="71">
        <v>67</v>
      </c>
      <c r="FQ28" s="71">
        <v>56</v>
      </c>
      <c r="FR28" s="71">
        <v>48</v>
      </c>
      <c r="FS28" s="71">
        <v>66</v>
      </c>
      <c r="FT28" s="71">
        <v>36</v>
      </c>
      <c r="FU28" s="72">
        <v>273</v>
      </c>
      <c r="FV28" s="73">
        <v>344</v>
      </c>
      <c r="FW28" s="70">
        <v>1</v>
      </c>
      <c r="FX28" s="71">
        <v>4</v>
      </c>
      <c r="FY28" s="72">
        <v>5</v>
      </c>
      <c r="FZ28" s="244"/>
      <c r="GA28" s="71">
        <v>3</v>
      </c>
      <c r="GB28" s="71">
        <v>4</v>
      </c>
      <c r="GC28" s="71">
        <v>2</v>
      </c>
      <c r="GD28" s="71">
        <v>1</v>
      </c>
      <c r="GE28" s="71">
        <v>6</v>
      </c>
      <c r="GF28" s="72">
        <v>16</v>
      </c>
      <c r="GG28" s="73">
        <v>21</v>
      </c>
      <c r="GH28" s="70">
        <v>207</v>
      </c>
      <c r="GI28" s="71">
        <v>220</v>
      </c>
      <c r="GJ28" s="72">
        <v>427</v>
      </c>
      <c r="GK28" s="244"/>
      <c r="GL28" s="71">
        <v>316</v>
      </c>
      <c r="GM28" s="71">
        <v>217</v>
      </c>
      <c r="GN28" s="71">
        <v>183</v>
      </c>
      <c r="GO28" s="71">
        <v>177</v>
      </c>
      <c r="GP28" s="71">
        <v>110</v>
      </c>
      <c r="GQ28" s="72">
        <v>1003</v>
      </c>
      <c r="GR28" s="73">
        <v>1430</v>
      </c>
      <c r="GS28" s="123">
        <v>328</v>
      </c>
      <c r="GT28" s="82">
        <v>321</v>
      </c>
      <c r="GU28" s="83">
        <v>649</v>
      </c>
      <c r="GV28" s="241"/>
      <c r="GW28" s="82">
        <v>515</v>
      </c>
      <c r="GX28" s="82">
        <v>349</v>
      </c>
      <c r="GY28" s="82">
        <v>272</v>
      </c>
      <c r="GZ28" s="82">
        <v>292</v>
      </c>
      <c r="HA28" s="82">
        <v>162</v>
      </c>
      <c r="HB28" s="84">
        <v>1590</v>
      </c>
      <c r="HC28" s="85">
        <v>2239</v>
      </c>
      <c r="HD28" s="70">
        <v>8</v>
      </c>
      <c r="HE28" s="71">
        <v>9</v>
      </c>
      <c r="HF28" s="72">
        <v>17</v>
      </c>
      <c r="HG28" s="244"/>
      <c r="HH28" s="71">
        <v>14</v>
      </c>
      <c r="HI28" s="71">
        <v>15</v>
      </c>
      <c r="HJ28" s="71">
        <v>8</v>
      </c>
      <c r="HK28" s="71">
        <v>5</v>
      </c>
      <c r="HL28" s="71">
        <v>4</v>
      </c>
      <c r="HM28" s="72">
        <v>46</v>
      </c>
      <c r="HN28" s="73">
        <v>63</v>
      </c>
      <c r="HO28" s="70">
        <v>34</v>
      </c>
      <c r="HP28" s="71">
        <v>30</v>
      </c>
      <c r="HQ28" s="72">
        <v>64</v>
      </c>
      <c r="HR28" s="244"/>
      <c r="HS28" s="71">
        <v>43</v>
      </c>
      <c r="HT28" s="71">
        <v>36</v>
      </c>
      <c r="HU28" s="71">
        <v>19</v>
      </c>
      <c r="HV28" s="71">
        <v>22</v>
      </c>
      <c r="HW28" s="71">
        <v>14</v>
      </c>
      <c r="HX28" s="72">
        <v>134</v>
      </c>
      <c r="HY28" s="73">
        <v>198</v>
      </c>
      <c r="HZ28" s="70">
        <v>57</v>
      </c>
      <c r="IA28" s="71">
        <v>46</v>
      </c>
      <c r="IB28" s="72">
        <v>103</v>
      </c>
      <c r="IC28" s="244"/>
      <c r="ID28" s="71">
        <v>91</v>
      </c>
      <c r="IE28" s="71">
        <v>52</v>
      </c>
      <c r="IF28" s="71">
        <v>38</v>
      </c>
      <c r="IG28" s="71">
        <v>48</v>
      </c>
      <c r="IH28" s="71">
        <v>24</v>
      </c>
      <c r="II28" s="72">
        <v>253</v>
      </c>
      <c r="IJ28" s="73">
        <v>356</v>
      </c>
      <c r="IK28" s="70">
        <v>107</v>
      </c>
      <c r="IL28" s="71">
        <v>97</v>
      </c>
      <c r="IM28" s="72">
        <v>204</v>
      </c>
      <c r="IN28" s="244"/>
      <c r="IO28" s="71">
        <v>141</v>
      </c>
      <c r="IP28" s="71">
        <v>79</v>
      </c>
      <c r="IQ28" s="71">
        <v>71</v>
      </c>
      <c r="IR28" s="71">
        <v>69</v>
      </c>
      <c r="IS28" s="71">
        <v>33</v>
      </c>
      <c r="IT28" s="72">
        <v>393</v>
      </c>
      <c r="IU28" s="73">
        <v>597</v>
      </c>
      <c r="IV28" s="70">
        <v>81</v>
      </c>
      <c r="IW28" s="71">
        <v>86</v>
      </c>
      <c r="IX28" s="72">
        <v>167</v>
      </c>
      <c r="IY28" s="244"/>
      <c r="IZ28" s="71">
        <v>130</v>
      </c>
      <c r="JA28" s="71">
        <v>97</v>
      </c>
      <c r="JB28" s="71">
        <v>77</v>
      </c>
      <c r="JC28" s="71">
        <v>68</v>
      </c>
      <c r="JD28" s="71">
        <v>40</v>
      </c>
      <c r="JE28" s="72">
        <v>412</v>
      </c>
      <c r="JF28" s="73">
        <v>579</v>
      </c>
      <c r="JG28" s="70">
        <v>41</v>
      </c>
      <c r="JH28" s="71">
        <v>53</v>
      </c>
      <c r="JI28" s="72">
        <v>94</v>
      </c>
      <c r="JJ28" s="244"/>
      <c r="JK28" s="71">
        <v>96</v>
      </c>
      <c r="JL28" s="71">
        <v>70</v>
      </c>
      <c r="JM28" s="71">
        <v>59</v>
      </c>
      <c r="JN28" s="71">
        <v>80</v>
      </c>
      <c r="JO28" s="71">
        <v>47</v>
      </c>
      <c r="JP28" s="72">
        <v>352</v>
      </c>
      <c r="JQ28" s="73">
        <v>446</v>
      </c>
      <c r="JR28" s="70">
        <v>2</v>
      </c>
      <c r="JS28" s="71">
        <v>7</v>
      </c>
      <c r="JT28" s="72">
        <v>9</v>
      </c>
      <c r="JU28" s="244"/>
      <c r="JV28" s="71">
        <v>6</v>
      </c>
      <c r="JW28" s="71">
        <v>15</v>
      </c>
      <c r="JX28" s="71">
        <v>3</v>
      </c>
      <c r="JY28" s="71">
        <v>5</v>
      </c>
      <c r="JZ28" s="71">
        <v>10</v>
      </c>
      <c r="KA28" s="72">
        <v>39</v>
      </c>
      <c r="KB28" s="73">
        <v>48</v>
      </c>
      <c r="KC28" s="70">
        <v>330</v>
      </c>
      <c r="KD28" s="71">
        <v>328</v>
      </c>
      <c r="KE28" s="72">
        <v>658</v>
      </c>
      <c r="KF28" s="244"/>
      <c r="KG28" s="71">
        <v>521</v>
      </c>
      <c r="KH28" s="71">
        <v>364</v>
      </c>
      <c r="KI28" s="71">
        <v>275</v>
      </c>
      <c r="KJ28" s="71">
        <v>297</v>
      </c>
      <c r="KK28" s="71">
        <v>172</v>
      </c>
      <c r="KL28" s="72">
        <v>1629</v>
      </c>
      <c r="KM28" s="73">
        <v>2287</v>
      </c>
    </row>
    <row r="29" spans="2:299" ht="21" customHeight="1" x14ac:dyDescent="0.2">
      <c r="B29" s="126" t="s">
        <v>26</v>
      </c>
      <c r="C29" s="313">
        <v>85</v>
      </c>
      <c r="D29" s="82">
        <v>62</v>
      </c>
      <c r="E29" s="83">
        <v>147</v>
      </c>
      <c r="F29" s="241"/>
      <c r="G29" s="82">
        <v>142</v>
      </c>
      <c r="H29" s="82">
        <v>112</v>
      </c>
      <c r="I29" s="82">
        <v>104</v>
      </c>
      <c r="J29" s="82">
        <v>74</v>
      </c>
      <c r="K29" s="82">
        <v>42</v>
      </c>
      <c r="L29" s="84">
        <v>474</v>
      </c>
      <c r="M29" s="85">
        <v>621</v>
      </c>
      <c r="N29" s="70">
        <v>2</v>
      </c>
      <c r="O29" s="71">
        <v>3</v>
      </c>
      <c r="P29" s="72">
        <v>5</v>
      </c>
      <c r="Q29" s="244"/>
      <c r="R29" s="71">
        <v>5</v>
      </c>
      <c r="S29" s="71">
        <v>1</v>
      </c>
      <c r="T29" s="71">
        <v>7</v>
      </c>
      <c r="U29" s="71">
        <v>3</v>
      </c>
      <c r="V29" s="71">
        <v>4</v>
      </c>
      <c r="W29" s="72">
        <v>20</v>
      </c>
      <c r="X29" s="73">
        <v>25</v>
      </c>
      <c r="Y29" s="70">
        <v>9</v>
      </c>
      <c r="Z29" s="71">
        <v>6</v>
      </c>
      <c r="AA29" s="72">
        <v>15</v>
      </c>
      <c r="AB29" s="244"/>
      <c r="AC29" s="71">
        <v>10</v>
      </c>
      <c r="AD29" s="71">
        <v>12</v>
      </c>
      <c r="AE29" s="71">
        <v>9</v>
      </c>
      <c r="AF29" s="71">
        <v>7</v>
      </c>
      <c r="AG29" s="71">
        <v>9</v>
      </c>
      <c r="AH29" s="72">
        <v>47</v>
      </c>
      <c r="AI29" s="73">
        <v>62</v>
      </c>
      <c r="AJ29" s="70">
        <v>9</v>
      </c>
      <c r="AK29" s="71">
        <v>12</v>
      </c>
      <c r="AL29" s="72">
        <v>21</v>
      </c>
      <c r="AM29" s="244"/>
      <c r="AN29" s="71">
        <v>20</v>
      </c>
      <c r="AO29" s="71">
        <v>13</v>
      </c>
      <c r="AP29" s="71">
        <v>14</v>
      </c>
      <c r="AQ29" s="71">
        <v>13</v>
      </c>
      <c r="AR29" s="71">
        <v>8</v>
      </c>
      <c r="AS29" s="72">
        <v>68</v>
      </c>
      <c r="AT29" s="73">
        <v>89</v>
      </c>
      <c r="AU29" s="70">
        <v>23</v>
      </c>
      <c r="AV29" s="71">
        <v>14</v>
      </c>
      <c r="AW29" s="72">
        <v>37</v>
      </c>
      <c r="AX29" s="244"/>
      <c r="AY29" s="71">
        <v>46</v>
      </c>
      <c r="AZ29" s="71">
        <v>31</v>
      </c>
      <c r="BA29" s="71">
        <v>26</v>
      </c>
      <c r="BB29" s="71">
        <v>24</v>
      </c>
      <c r="BC29" s="71">
        <v>5</v>
      </c>
      <c r="BD29" s="72">
        <v>132</v>
      </c>
      <c r="BE29" s="73">
        <v>169</v>
      </c>
      <c r="BF29" s="70">
        <v>20</v>
      </c>
      <c r="BG29" s="71">
        <v>20</v>
      </c>
      <c r="BH29" s="72">
        <v>40</v>
      </c>
      <c r="BI29" s="244"/>
      <c r="BJ29" s="71">
        <v>32</v>
      </c>
      <c r="BK29" s="71">
        <v>28</v>
      </c>
      <c r="BL29" s="71">
        <v>27</v>
      </c>
      <c r="BM29" s="71">
        <v>17</v>
      </c>
      <c r="BN29" s="71">
        <v>8</v>
      </c>
      <c r="BO29" s="72">
        <v>112</v>
      </c>
      <c r="BP29" s="73">
        <v>152</v>
      </c>
      <c r="BQ29" s="70">
        <v>22</v>
      </c>
      <c r="BR29" s="71">
        <v>7</v>
      </c>
      <c r="BS29" s="72">
        <v>29</v>
      </c>
      <c r="BT29" s="244"/>
      <c r="BU29" s="71">
        <v>29</v>
      </c>
      <c r="BV29" s="71">
        <v>27</v>
      </c>
      <c r="BW29" s="71">
        <v>21</v>
      </c>
      <c r="BX29" s="71">
        <v>10</v>
      </c>
      <c r="BY29" s="71">
        <v>8</v>
      </c>
      <c r="BZ29" s="72">
        <v>95</v>
      </c>
      <c r="CA29" s="73">
        <v>124</v>
      </c>
      <c r="CB29" s="70">
        <v>4</v>
      </c>
      <c r="CC29" s="71">
        <v>0</v>
      </c>
      <c r="CD29" s="72">
        <v>4</v>
      </c>
      <c r="CE29" s="244"/>
      <c r="CF29" s="71">
        <v>5</v>
      </c>
      <c r="CG29" s="71">
        <v>5</v>
      </c>
      <c r="CH29" s="71">
        <v>3</v>
      </c>
      <c r="CI29" s="71">
        <v>1</v>
      </c>
      <c r="CJ29" s="71">
        <v>2</v>
      </c>
      <c r="CK29" s="72">
        <v>16</v>
      </c>
      <c r="CL29" s="73">
        <v>20</v>
      </c>
      <c r="CM29" s="70">
        <v>89</v>
      </c>
      <c r="CN29" s="71">
        <v>62</v>
      </c>
      <c r="CO29" s="72">
        <v>151</v>
      </c>
      <c r="CP29" s="244"/>
      <c r="CQ29" s="71">
        <v>147</v>
      </c>
      <c r="CR29" s="71">
        <v>117</v>
      </c>
      <c r="CS29" s="71">
        <v>107</v>
      </c>
      <c r="CT29" s="71">
        <v>75</v>
      </c>
      <c r="CU29" s="71">
        <v>44</v>
      </c>
      <c r="CV29" s="72">
        <v>490</v>
      </c>
      <c r="CW29" s="73">
        <v>641</v>
      </c>
      <c r="CX29" s="123">
        <v>180</v>
      </c>
      <c r="CY29" s="82">
        <v>203</v>
      </c>
      <c r="CZ29" s="83">
        <v>383</v>
      </c>
      <c r="DA29" s="241"/>
      <c r="DB29" s="82">
        <v>262</v>
      </c>
      <c r="DC29" s="82">
        <v>227</v>
      </c>
      <c r="DD29" s="82">
        <v>170</v>
      </c>
      <c r="DE29" s="82">
        <v>136</v>
      </c>
      <c r="DF29" s="82">
        <v>108</v>
      </c>
      <c r="DG29" s="84">
        <v>903</v>
      </c>
      <c r="DH29" s="85">
        <v>1286</v>
      </c>
      <c r="DI29" s="70">
        <v>2</v>
      </c>
      <c r="DJ29" s="71">
        <v>6</v>
      </c>
      <c r="DK29" s="72">
        <v>8</v>
      </c>
      <c r="DL29" s="244"/>
      <c r="DM29" s="71">
        <v>4</v>
      </c>
      <c r="DN29" s="71">
        <v>3</v>
      </c>
      <c r="DO29" s="71">
        <v>3</v>
      </c>
      <c r="DP29" s="71">
        <v>2</v>
      </c>
      <c r="DQ29" s="71">
        <v>1</v>
      </c>
      <c r="DR29" s="72">
        <v>13</v>
      </c>
      <c r="DS29" s="73">
        <v>21</v>
      </c>
      <c r="DT29" s="70">
        <v>11</v>
      </c>
      <c r="DU29" s="71">
        <v>13</v>
      </c>
      <c r="DV29" s="72">
        <v>24</v>
      </c>
      <c r="DW29" s="244"/>
      <c r="DX29" s="71">
        <v>16</v>
      </c>
      <c r="DY29" s="71">
        <v>10</v>
      </c>
      <c r="DZ29" s="71">
        <v>3</v>
      </c>
      <c r="EA29" s="71">
        <v>6</v>
      </c>
      <c r="EB29" s="71">
        <v>5</v>
      </c>
      <c r="EC29" s="72">
        <v>40</v>
      </c>
      <c r="ED29" s="73">
        <v>64</v>
      </c>
      <c r="EE29" s="70">
        <v>16</v>
      </c>
      <c r="EF29" s="71">
        <v>28</v>
      </c>
      <c r="EG29" s="72">
        <v>44</v>
      </c>
      <c r="EH29" s="244"/>
      <c r="EI29" s="71">
        <v>36</v>
      </c>
      <c r="EJ29" s="71">
        <v>27</v>
      </c>
      <c r="EK29" s="71">
        <v>13</v>
      </c>
      <c r="EL29" s="71">
        <v>16</v>
      </c>
      <c r="EM29" s="71">
        <v>6</v>
      </c>
      <c r="EN29" s="72">
        <v>98</v>
      </c>
      <c r="EO29" s="73">
        <v>142</v>
      </c>
      <c r="EP29" s="70">
        <v>49</v>
      </c>
      <c r="EQ29" s="71">
        <v>48</v>
      </c>
      <c r="ER29" s="72">
        <v>97</v>
      </c>
      <c r="ES29" s="244"/>
      <c r="ET29" s="71">
        <v>56</v>
      </c>
      <c r="EU29" s="71">
        <v>45</v>
      </c>
      <c r="EV29" s="71">
        <v>39</v>
      </c>
      <c r="EW29" s="71">
        <v>14</v>
      </c>
      <c r="EX29" s="71">
        <v>21</v>
      </c>
      <c r="EY29" s="72">
        <v>175</v>
      </c>
      <c r="EZ29" s="73">
        <v>272</v>
      </c>
      <c r="FA29" s="70">
        <v>65</v>
      </c>
      <c r="FB29" s="71">
        <v>63</v>
      </c>
      <c r="FC29" s="72">
        <v>128</v>
      </c>
      <c r="FD29" s="244"/>
      <c r="FE29" s="71">
        <v>78</v>
      </c>
      <c r="FF29" s="71">
        <v>55</v>
      </c>
      <c r="FG29" s="71">
        <v>40</v>
      </c>
      <c r="FH29" s="71">
        <v>31</v>
      </c>
      <c r="FI29" s="71">
        <v>22</v>
      </c>
      <c r="FJ29" s="72">
        <v>226</v>
      </c>
      <c r="FK29" s="73">
        <v>354</v>
      </c>
      <c r="FL29" s="70">
        <v>37</v>
      </c>
      <c r="FM29" s="71">
        <v>45</v>
      </c>
      <c r="FN29" s="72">
        <v>82</v>
      </c>
      <c r="FO29" s="244"/>
      <c r="FP29" s="71">
        <v>72</v>
      </c>
      <c r="FQ29" s="71">
        <v>87</v>
      </c>
      <c r="FR29" s="71">
        <v>72</v>
      </c>
      <c r="FS29" s="71">
        <v>67</v>
      </c>
      <c r="FT29" s="71">
        <v>53</v>
      </c>
      <c r="FU29" s="72">
        <v>351</v>
      </c>
      <c r="FV29" s="73">
        <v>433</v>
      </c>
      <c r="FW29" s="70">
        <v>0</v>
      </c>
      <c r="FX29" s="71">
        <v>1</v>
      </c>
      <c r="FY29" s="72">
        <v>1</v>
      </c>
      <c r="FZ29" s="244"/>
      <c r="GA29" s="71">
        <v>7</v>
      </c>
      <c r="GB29" s="71">
        <v>2</v>
      </c>
      <c r="GC29" s="71">
        <v>3</v>
      </c>
      <c r="GD29" s="71">
        <v>5</v>
      </c>
      <c r="GE29" s="71">
        <v>2</v>
      </c>
      <c r="GF29" s="72">
        <v>19</v>
      </c>
      <c r="GG29" s="73">
        <v>20</v>
      </c>
      <c r="GH29" s="70">
        <v>180</v>
      </c>
      <c r="GI29" s="71">
        <v>204</v>
      </c>
      <c r="GJ29" s="72">
        <v>384</v>
      </c>
      <c r="GK29" s="244"/>
      <c r="GL29" s="71">
        <v>269</v>
      </c>
      <c r="GM29" s="71">
        <v>229</v>
      </c>
      <c r="GN29" s="71">
        <v>173</v>
      </c>
      <c r="GO29" s="71">
        <v>141</v>
      </c>
      <c r="GP29" s="71">
        <v>110</v>
      </c>
      <c r="GQ29" s="72">
        <v>922</v>
      </c>
      <c r="GR29" s="73">
        <v>1306</v>
      </c>
      <c r="GS29" s="123">
        <v>265</v>
      </c>
      <c r="GT29" s="82">
        <v>265</v>
      </c>
      <c r="GU29" s="83">
        <v>530</v>
      </c>
      <c r="GV29" s="241"/>
      <c r="GW29" s="82">
        <v>404</v>
      </c>
      <c r="GX29" s="82">
        <v>339</v>
      </c>
      <c r="GY29" s="82">
        <v>274</v>
      </c>
      <c r="GZ29" s="82">
        <v>210</v>
      </c>
      <c r="HA29" s="82">
        <v>150</v>
      </c>
      <c r="HB29" s="84">
        <v>1377</v>
      </c>
      <c r="HC29" s="85">
        <v>1907</v>
      </c>
      <c r="HD29" s="70">
        <v>4</v>
      </c>
      <c r="HE29" s="71">
        <v>9</v>
      </c>
      <c r="HF29" s="72">
        <v>13</v>
      </c>
      <c r="HG29" s="244"/>
      <c r="HH29" s="71">
        <v>9</v>
      </c>
      <c r="HI29" s="71">
        <v>4</v>
      </c>
      <c r="HJ29" s="71">
        <v>10</v>
      </c>
      <c r="HK29" s="71">
        <v>5</v>
      </c>
      <c r="HL29" s="71">
        <v>5</v>
      </c>
      <c r="HM29" s="72">
        <v>33</v>
      </c>
      <c r="HN29" s="73">
        <v>46</v>
      </c>
      <c r="HO29" s="70">
        <v>20</v>
      </c>
      <c r="HP29" s="71">
        <v>19</v>
      </c>
      <c r="HQ29" s="72">
        <v>39</v>
      </c>
      <c r="HR29" s="244"/>
      <c r="HS29" s="71">
        <v>26</v>
      </c>
      <c r="HT29" s="71">
        <v>22</v>
      </c>
      <c r="HU29" s="71">
        <v>12</v>
      </c>
      <c r="HV29" s="71">
        <v>13</v>
      </c>
      <c r="HW29" s="71">
        <v>14</v>
      </c>
      <c r="HX29" s="72">
        <v>87</v>
      </c>
      <c r="HY29" s="73">
        <v>126</v>
      </c>
      <c r="HZ29" s="70">
        <v>25</v>
      </c>
      <c r="IA29" s="71">
        <v>40</v>
      </c>
      <c r="IB29" s="72">
        <v>65</v>
      </c>
      <c r="IC29" s="244"/>
      <c r="ID29" s="71">
        <v>56</v>
      </c>
      <c r="IE29" s="71">
        <v>40</v>
      </c>
      <c r="IF29" s="71">
        <v>27</v>
      </c>
      <c r="IG29" s="71">
        <v>29</v>
      </c>
      <c r="IH29" s="71">
        <v>14</v>
      </c>
      <c r="II29" s="72">
        <v>166</v>
      </c>
      <c r="IJ29" s="73">
        <v>231</v>
      </c>
      <c r="IK29" s="70">
        <v>72</v>
      </c>
      <c r="IL29" s="71">
        <v>62</v>
      </c>
      <c r="IM29" s="72">
        <v>134</v>
      </c>
      <c r="IN29" s="244"/>
      <c r="IO29" s="71">
        <v>102</v>
      </c>
      <c r="IP29" s="71">
        <v>76</v>
      </c>
      <c r="IQ29" s="71">
        <v>65</v>
      </c>
      <c r="IR29" s="71">
        <v>38</v>
      </c>
      <c r="IS29" s="71">
        <v>26</v>
      </c>
      <c r="IT29" s="72">
        <v>307</v>
      </c>
      <c r="IU29" s="73">
        <v>441</v>
      </c>
      <c r="IV29" s="70">
        <v>85</v>
      </c>
      <c r="IW29" s="71">
        <v>83</v>
      </c>
      <c r="IX29" s="72">
        <v>168</v>
      </c>
      <c r="IY29" s="244"/>
      <c r="IZ29" s="71">
        <v>110</v>
      </c>
      <c r="JA29" s="71">
        <v>83</v>
      </c>
      <c r="JB29" s="71">
        <v>67</v>
      </c>
      <c r="JC29" s="71">
        <v>48</v>
      </c>
      <c r="JD29" s="71">
        <v>30</v>
      </c>
      <c r="JE29" s="72">
        <v>338</v>
      </c>
      <c r="JF29" s="73">
        <v>506</v>
      </c>
      <c r="JG29" s="70">
        <v>59</v>
      </c>
      <c r="JH29" s="71">
        <v>52</v>
      </c>
      <c r="JI29" s="72">
        <v>111</v>
      </c>
      <c r="JJ29" s="244"/>
      <c r="JK29" s="71">
        <v>101</v>
      </c>
      <c r="JL29" s="71">
        <v>114</v>
      </c>
      <c r="JM29" s="71">
        <v>93</v>
      </c>
      <c r="JN29" s="71">
        <v>77</v>
      </c>
      <c r="JO29" s="71">
        <v>61</v>
      </c>
      <c r="JP29" s="72">
        <v>446</v>
      </c>
      <c r="JQ29" s="73">
        <v>557</v>
      </c>
      <c r="JR29" s="70">
        <v>4</v>
      </c>
      <c r="JS29" s="71">
        <v>1</v>
      </c>
      <c r="JT29" s="72">
        <v>5</v>
      </c>
      <c r="JU29" s="244"/>
      <c r="JV29" s="71">
        <v>12</v>
      </c>
      <c r="JW29" s="71">
        <v>7</v>
      </c>
      <c r="JX29" s="71">
        <v>6</v>
      </c>
      <c r="JY29" s="71">
        <v>6</v>
      </c>
      <c r="JZ29" s="71">
        <v>4</v>
      </c>
      <c r="KA29" s="72">
        <v>35</v>
      </c>
      <c r="KB29" s="73">
        <v>40</v>
      </c>
      <c r="KC29" s="70">
        <v>269</v>
      </c>
      <c r="KD29" s="71">
        <v>266</v>
      </c>
      <c r="KE29" s="72">
        <v>535</v>
      </c>
      <c r="KF29" s="244"/>
      <c r="KG29" s="71">
        <v>416</v>
      </c>
      <c r="KH29" s="71">
        <v>346</v>
      </c>
      <c r="KI29" s="71">
        <v>280</v>
      </c>
      <c r="KJ29" s="71">
        <v>216</v>
      </c>
      <c r="KK29" s="71">
        <v>154</v>
      </c>
      <c r="KL29" s="72">
        <v>1412</v>
      </c>
      <c r="KM29" s="73">
        <v>1947</v>
      </c>
    </row>
    <row r="30" spans="2:299" ht="21" customHeight="1" x14ac:dyDescent="0.2">
      <c r="B30" s="126" t="s">
        <v>27</v>
      </c>
      <c r="C30" s="313">
        <v>92</v>
      </c>
      <c r="D30" s="82">
        <v>113</v>
      </c>
      <c r="E30" s="83">
        <v>205</v>
      </c>
      <c r="F30" s="241"/>
      <c r="G30" s="82">
        <v>106</v>
      </c>
      <c r="H30" s="82">
        <v>93</v>
      </c>
      <c r="I30" s="82">
        <v>58</v>
      </c>
      <c r="J30" s="82">
        <v>70</v>
      </c>
      <c r="K30" s="82">
        <v>31</v>
      </c>
      <c r="L30" s="84">
        <v>358</v>
      </c>
      <c r="M30" s="85">
        <v>563</v>
      </c>
      <c r="N30" s="70">
        <v>3</v>
      </c>
      <c r="O30" s="71">
        <v>4</v>
      </c>
      <c r="P30" s="72">
        <v>7</v>
      </c>
      <c r="Q30" s="244"/>
      <c r="R30" s="71">
        <v>2</v>
      </c>
      <c r="S30" s="71">
        <v>3</v>
      </c>
      <c r="T30" s="71">
        <v>0</v>
      </c>
      <c r="U30" s="71">
        <v>0</v>
      </c>
      <c r="V30" s="71">
        <v>0</v>
      </c>
      <c r="W30" s="72">
        <v>5</v>
      </c>
      <c r="X30" s="73">
        <v>12</v>
      </c>
      <c r="Y30" s="70">
        <v>9</v>
      </c>
      <c r="Z30" s="71">
        <v>5</v>
      </c>
      <c r="AA30" s="72">
        <v>14</v>
      </c>
      <c r="AB30" s="244"/>
      <c r="AC30" s="71">
        <v>10</v>
      </c>
      <c r="AD30" s="71">
        <v>15</v>
      </c>
      <c r="AE30" s="71">
        <v>7</v>
      </c>
      <c r="AF30" s="71">
        <v>6</v>
      </c>
      <c r="AG30" s="71">
        <v>1</v>
      </c>
      <c r="AH30" s="72">
        <v>39</v>
      </c>
      <c r="AI30" s="73">
        <v>53</v>
      </c>
      <c r="AJ30" s="70">
        <v>18</v>
      </c>
      <c r="AK30" s="71">
        <v>21</v>
      </c>
      <c r="AL30" s="72">
        <v>39</v>
      </c>
      <c r="AM30" s="244"/>
      <c r="AN30" s="71">
        <v>17</v>
      </c>
      <c r="AO30" s="71">
        <v>16</v>
      </c>
      <c r="AP30" s="71">
        <v>8</v>
      </c>
      <c r="AQ30" s="71">
        <v>11</v>
      </c>
      <c r="AR30" s="71">
        <v>6</v>
      </c>
      <c r="AS30" s="72">
        <v>58</v>
      </c>
      <c r="AT30" s="73">
        <v>97</v>
      </c>
      <c r="AU30" s="70">
        <v>23</v>
      </c>
      <c r="AV30" s="71">
        <v>27</v>
      </c>
      <c r="AW30" s="72">
        <v>50</v>
      </c>
      <c r="AX30" s="244"/>
      <c r="AY30" s="71">
        <v>26</v>
      </c>
      <c r="AZ30" s="71">
        <v>19</v>
      </c>
      <c r="BA30" s="71">
        <v>12</v>
      </c>
      <c r="BB30" s="71">
        <v>13</v>
      </c>
      <c r="BC30" s="71">
        <v>5</v>
      </c>
      <c r="BD30" s="72">
        <v>75</v>
      </c>
      <c r="BE30" s="73">
        <v>125</v>
      </c>
      <c r="BF30" s="70">
        <v>24</v>
      </c>
      <c r="BG30" s="71">
        <v>31</v>
      </c>
      <c r="BH30" s="72">
        <v>55</v>
      </c>
      <c r="BI30" s="244"/>
      <c r="BJ30" s="71">
        <v>27</v>
      </c>
      <c r="BK30" s="71">
        <v>14</v>
      </c>
      <c r="BL30" s="71">
        <v>20</v>
      </c>
      <c r="BM30" s="71">
        <v>21</v>
      </c>
      <c r="BN30" s="71">
        <v>11</v>
      </c>
      <c r="BO30" s="72">
        <v>93</v>
      </c>
      <c r="BP30" s="73">
        <v>148</v>
      </c>
      <c r="BQ30" s="70">
        <v>15</v>
      </c>
      <c r="BR30" s="71">
        <v>25</v>
      </c>
      <c r="BS30" s="72">
        <v>40</v>
      </c>
      <c r="BT30" s="244"/>
      <c r="BU30" s="71">
        <v>24</v>
      </c>
      <c r="BV30" s="71">
        <v>26</v>
      </c>
      <c r="BW30" s="71">
        <v>11</v>
      </c>
      <c r="BX30" s="71">
        <v>19</v>
      </c>
      <c r="BY30" s="71">
        <v>8</v>
      </c>
      <c r="BZ30" s="72">
        <v>88</v>
      </c>
      <c r="CA30" s="73">
        <v>128</v>
      </c>
      <c r="CB30" s="70">
        <v>3</v>
      </c>
      <c r="CC30" s="71">
        <v>0</v>
      </c>
      <c r="CD30" s="72">
        <v>3</v>
      </c>
      <c r="CE30" s="244"/>
      <c r="CF30" s="71">
        <v>4</v>
      </c>
      <c r="CG30" s="71">
        <v>4</v>
      </c>
      <c r="CH30" s="71">
        <v>6</v>
      </c>
      <c r="CI30" s="71">
        <v>2</v>
      </c>
      <c r="CJ30" s="71">
        <v>2</v>
      </c>
      <c r="CK30" s="72">
        <v>18</v>
      </c>
      <c r="CL30" s="73">
        <v>21</v>
      </c>
      <c r="CM30" s="70">
        <v>95</v>
      </c>
      <c r="CN30" s="71">
        <v>113</v>
      </c>
      <c r="CO30" s="72">
        <v>208</v>
      </c>
      <c r="CP30" s="244"/>
      <c r="CQ30" s="71">
        <v>110</v>
      </c>
      <c r="CR30" s="71">
        <v>97</v>
      </c>
      <c r="CS30" s="71">
        <v>64</v>
      </c>
      <c r="CT30" s="71">
        <v>72</v>
      </c>
      <c r="CU30" s="71">
        <v>33</v>
      </c>
      <c r="CV30" s="72">
        <v>376</v>
      </c>
      <c r="CW30" s="73">
        <v>584</v>
      </c>
      <c r="CX30" s="123">
        <v>253</v>
      </c>
      <c r="CY30" s="82">
        <v>202</v>
      </c>
      <c r="CZ30" s="83">
        <v>455</v>
      </c>
      <c r="DA30" s="241"/>
      <c r="DB30" s="82">
        <v>217</v>
      </c>
      <c r="DC30" s="82">
        <v>130</v>
      </c>
      <c r="DD30" s="82">
        <v>145</v>
      </c>
      <c r="DE30" s="82">
        <v>139</v>
      </c>
      <c r="DF30" s="82">
        <v>114</v>
      </c>
      <c r="DG30" s="84">
        <v>745</v>
      </c>
      <c r="DH30" s="85">
        <v>1200</v>
      </c>
      <c r="DI30" s="70">
        <v>2</v>
      </c>
      <c r="DJ30" s="71">
        <v>5</v>
      </c>
      <c r="DK30" s="72">
        <v>7</v>
      </c>
      <c r="DL30" s="244"/>
      <c r="DM30" s="71">
        <v>0</v>
      </c>
      <c r="DN30" s="71">
        <v>0</v>
      </c>
      <c r="DO30" s="71">
        <v>1</v>
      </c>
      <c r="DP30" s="71">
        <v>3</v>
      </c>
      <c r="DQ30" s="71">
        <v>2</v>
      </c>
      <c r="DR30" s="72">
        <v>6</v>
      </c>
      <c r="DS30" s="73">
        <v>13</v>
      </c>
      <c r="DT30" s="70">
        <v>16</v>
      </c>
      <c r="DU30" s="71">
        <v>17</v>
      </c>
      <c r="DV30" s="72">
        <v>33</v>
      </c>
      <c r="DW30" s="244"/>
      <c r="DX30" s="71">
        <v>9</v>
      </c>
      <c r="DY30" s="71">
        <v>7</v>
      </c>
      <c r="DZ30" s="71">
        <v>11</v>
      </c>
      <c r="EA30" s="71">
        <v>5</v>
      </c>
      <c r="EB30" s="71">
        <v>1</v>
      </c>
      <c r="EC30" s="72">
        <v>33</v>
      </c>
      <c r="ED30" s="73">
        <v>66</v>
      </c>
      <c r="EE30" s="70">
        <v>36</v>
      </c>
      <c r="EF30" s="71">
        <v>20</v>
      </c>
      <c r="EG30" s="72">
        <v>56</v>
      </c>
      <c r="EH30" s="244"/>
      <c r="EI30" s="71">
        <v>21</v>
      </c>
      <c r="EJ30" s="71">
        <v>14</v>
      </c>
      <c r="EK30" s="71">
        <v>11</v>
      </c>
      <c r="EL30" s="71">
        <v>12</v>
      </c>
      <c r="EM30" s="71">
        <v>9</v>
      </c>
      <c r="EN30" s="72">
        <v>67</v>
      </c>
      <c r="EO30" s="73">
        <v>123</v>
      </c>
      <c r="EP30" s="70">
        <v>70</v>
      </c>
      <c r="EQ30" s="71">
        <v>45</v>
      </c>
      <c r="ER30" s="72">
        <v>115</v>
      </c>
      <c r="ES30" s="244"/>
      <c r="ET30" s="71">
        <v>44</v>
      </c>
      <c r="EU30" s="71">
        <v>25</v>
      </c>
      <c r="EV30" s="71">
        <v>27</v>
      </c>
      <c r="EW30" s="71">
        <v>21</v>
      </c>
      <c r="EX30" s="71">
        <v>21</v>
      </c>
      <c r="EY30" s="72">
        <v>138</v>
      </c>
      <c r="EZ30" s="73">
        <v>253</v>
      </c>
      <c r="FA30" s="70">
        <v>75</v>
      </c>
      <c r="FB30" s="71">
        <v>60</v>
      </c>
      <c r="FC30" s="72">
        <v>135</v>
      </c>
      <c r="FD30" s="244"/>
      <c r="FE30" s="71">
        <v>63</v>
      </c>
      <c r="FF30" s="71">
        <v>40</v>
      </c>
      <c r="FG30" s="71">
        <v>32</v>
      </c>
      <c r="FH30" s="71">
        <v>28</v>
      </c>
      <c r="FI30" s="71">
        <v>35</v>
      </c>
      <c r="FJ30" s="72">
        <v>198</v>
      </c>
      <c r="FK30" s="73">
        <v>333</v>
      </c>
      <c r="FL30" s="70">
        <v>54</v>
      </c>
      <c r="FM30" s="71">
        <v>55</v>
      </c>
      <c r="FN30" s="72">
        <v>109</v>
      </c>
      <c r="FO30" s="244"/>
      <c r="FP30" s="71">
        <v>80</v>
      </c>
      <c r="FQ30" s="71">
        <v>44</v>
      </c>
      <c r="FR30" s="71">
        <v>63</v>
      </c>
      <c r="FS30" s="71">
        <v>70</v>
      </c>
      <c r="FT30" s="71">
        <v>46</v>
      </c>
      <c r="FU30" s="72">
        <v>303</v>
      </c>
      <c r="FV30" s="73">
        <v>412</v>
      </c>
      <c r="FW30" s="70">
        <v>1</v>
      </c>
      <c r="FX30" s="71">
        <v>3</v>
      </c>
      <c r="FY30" s="72">
        <v>4</v>
      </c>
      <c r="FZ30" s="244"/>
      <c r="GA30" s="71">
        <v>5</v>
      </c>
      <c r="GB30" s="71">
        <v>5</v>
      </c>
      <c r="GC30" s="71">
        <v>2</v>
      </c>
      <c r="GD30" s="71">
        <v>1</v>
      </c>
      <c r="GE30" s="71">
        <v>3</v>
      </c>
      <c r="GF30" s="72">
        <v>16</v>
      </c>
      <c r="GG30" s="73">
        <v>20</v>
      </c>
      <c r="GH30" s="70">
        <v>254</v>
      </c>
      <c r="GI30" s="71">
        <v>205</v>
      </c>
      <c r="GJ30" s="72">
        <v>459</v>
      </c>
      <c r="GK30" s="244"/>
      <c r="GL30" s="71">
        <v>222</v>
      </c>
      <c r="GM30" s="71">
        <v>135</v>
      </c>
      <c r="GN30" s="71">
        <v>147</v>
      </c>
      <c r="GO30" s="71">
        <v>140</v>
      </c>
      <c r="GP30" s="71">
        <v>117</v>
      </c>
      <c r="GQ30" s="72">
        <v>761</v>
      </c>
      <c r="GR30" s="73">
        <v>1220</v>
      </c>
      <c r="GS30" s="123">
        <v>345</v>
      </c>
      <c r="GT30" s="82">
        <v>315</v>
      </c>
      <c r="GU30" s="83">
        <v>660</v>
      </c>
      <c r="GV30" s="241"/>
      <c r="GW30" s="82">
        <v>323</v>
      </c>
      <c r="GX30" s="82">
        <v>223</v>
      </c>
      <c r="GY30" s="82">
        <v>203</v>
      </c>
      <c r="GZ30" s="82">
        <v>209</v>
      </c>
      <c r="HA30" s="82">
        <v>145</v>
      </c>
      <c r="HB30" s="84">
        <v>1103</v>
      </c>
      <c r="HC30" s="85">
        <v>1763</v>
      </c>
      <c r="HD30" s="70">
        <v>5</v>
      </c>
      <c r="HE30" s="71">
        <v>9</v>
      </c>
      <c r="HF30" s="72">
        <v>14</v>
      </c>
      <c r="HG30" s="244"/>
      <c r="HH30" s="71">
        <v>2</v>
      </c>
      <c r="HI30" s="71">
        <v>3</v>
      </c>
      <c r="HJ30" s="71">
        <v>1</v>
      </c>
      <c r="HK30" s="71">
        <v>3</v>
      </c>
      <c r="HL30" s="71">
        <v>2</v>
      </c>
      <c r="HM30" s="72">
        <v>11</v>
      </c>
      <c r="HN30" s="73">
        <v>25</v>
      </c>
      <c r="HO30" s="70">
        <v>25</v>
      </c>
      <c r="HP30" s="71">
        <v>22</v>
      </c>
      <c r="HQ30" s="72">
        <v>47</v>
      </c>
      <c r="HR30" s="244"/>
      <c r="HS30" s="71">
        <v>19</v>
      </c>
      <c r="HT30" s="71">
        <v>22</v>
      </c>
      <c r="HU30" s="71">
        <v>18</v>
      </c>
      <c r="HV30" s="71">
        <v>11</v>
      </c>
      <c r="HW30" s="71">
        <v>2</v>
      </c>
      <c r="HX30" s="72">
        <v>72</v>
      </c>
      <c r="HY30" s="73">
        <v>119</v>
      </c>
      <c r="HZ30" s="70">
        <v>54</v>
      </c>
      <c r="IA30" s="71">
        <v>41</v>
      </c>
      <c r="IB30" s="72">
        <v>95</v>
      </c>
      <c r="IC30" s="244"/>
      <c r="ID30" s="71">
        <v>38</v>
      </c>
      <c r="IE30" s="71">
        <v>30</v>
      </c>
      <c r="IF30" s="71">
        <v>19</v>
      </c>
      <c r="IG30" s="71">
        <v>23</v>
      </c>
      <c r="IH30" s="71">
        <v>15</v>
      </c>
      <c r="II30" s="72">
        <v>125</v>
      </c>
      <c r="IJ30" s="73">
        <v>220</v>
      </c>
      <c r="IK30" s="70">
        <v>93</v>
      </c>
      <c r="IL30" s="71">
        <v>72</v>
      </c>
      <c r="IM30" s="72">
        <v>165</v>
      </c>
      <c r="IN30" s="244"/>
      <c r="IO30" s="71">
        <v>70</v>
      </c>
      <c r="IP30" s="71">
        <v>44</v>
      </c>
      <c r="IQ30" s="71">
        <v>39</v>
      </c>
      <c r="IR30" s="71">
        <v>34</v>
      </c>
      <c r="IS30" s="71">
        <v>26</v>
      </c>
      <c r="IT30" s="72">
        <v>213</v>
      </c>
      <c r="IU30" s="73">
        <v>378</v>
      </c>
      <c r="IV30" s="70">
        <v>99</v>
      </c>
      <c r="IW30" s="71">
        <v>91</v>
      </c>
      <c r="IX30" s="72">
        <v>190</v>
      </c>
      <c r="IY30" s="244"/>
      <c r="IZ30" s="71">
        <v>90</v>
      </c>
      <c r="JA30" s="71">
        <v>54</v>
      </c>
      <c r="JB30" s="71">
        <v>52</v>
      </c>
      <c r="JC30" s="71">
        <v>49</v>
      </c>
      <c r="JD30" s="71">
        <v>46</v>
      </c>
      <c r="JE30" s="72">
        <v>291</v>
      </c>
      <c r="JF30" s="73">
        <v>481</v>
      </c>
      <c r="JG30" s="70">
        <v>69</v>
      </c>
      <c r="JH30" s="71">
        <v>80</v>
      </c>
      <c r="JI30" s="72">
        <v>149</v>
      </c>
      <c r="JJ30" s="244"/>
      <c r="JK30" s="71">
        <v>104</v>
      </c>
      <c r="JL30" s="71">
        <v>70</v>
      </c>
      <c r="JM30" s="71">
        <v>74</v>
      </c>
      <c r="JN30" s="71">
        <v>89</v>
      </c>
      <c r="JO30" s="71">
        <v>54</v>
      </c>
      <c r="JP30" s="72">
        <v>391</v>
      </c>
      <c r="JQ30" s="73">
        <v>540</v>
      </c>
      <c r="JR30" s="70">
        <v>4</v>
      </c>
      <c r="JS30" s="71">
        <v>3</v>
      </c>
      <c r="JT30" s="72">
        <v>7</v>
      </c>
      <c r="JU30" s="244"/>
      <c r="JV30" s="71">
        <v>9</v>
      </c>
      <c r="JW30" s="71">
        <v>9</v>
      </c>
      <c r="JX30" s="71">
        <v>8</v>
      </c>
      <c r="JY30" s="71">
        <v>3</v>
      </c>
      <c r="JZ30" s="71">
        <v>5</v>
      </c>
      <c r="KA30" s="72">
        <v>34</v>
      </c>
      <c r="KB30" s="73">
        <v>41</v>
      </c>
      <c r="KC30" s="70">
        <v>349</v>
      </c>
      <c r="KD30" s="71">
        <v>318</v>
      </c>
      <c r="KE30" s="72">
        <v>667</v>
      </c>
      <c r="KF30" s="244"/>
      <c r="KG30" s="71">
        <v>332</v>
      </c>
      <c r="KH30" s="71">
        <v>232</v>
      </c>
      <c r="KI30" s="71">
        <v>211</v>
      </c>
      <c r="KJ30" s="71">
        <v>212</v>
      </c>
      <c r="KK30" s="71">
        <v>150</v>
      </c>
      <c r="KL30" s="72">
        <v>1137</v>
      </c>
      <c r="KM30" s="73">
        <v>1804</v>
      </c>
    </row>
    <row r="31" spans="2:299" ht="21" customHeight="1" x14ac:dyDescent="0.2">
      <c r="B31" s="126" t="s">
        <v>28</v>
      </c>
      <c r="C31" s="313">
        <v>7</v>
      </c>
      <c r="D31" s="82">
        <v>12</v>
      </c>
      <c r="E31" s="83">
        <v>19</v>
      </c>
      <c r="F31" s="241"/>
      <c r="G31" s="82">
        <v>55</v>
      </c>
      <c r="H31" s="82">
        <v>39</v>
      </c>
      <c r="I31" s="82">
        <v>22</v>
      </c>
      <c r="J31" s="82">
        <v>14</v>
      </c>
      <c r="K31" s="82">
        <v>16</v>
      </c>
      <c r="L31" s="84">
        <v>146</v>
      </c>
      <c r="M31" s="85">
        <v>165</v>
      </c>
      <c r="N31" s="70">
        <v>0</v>
      </c>
      <c r="O31" s="71">
        <v>2</v>
      </c>
      <c r="P31" s="72">
        <v>2</v>
      </c>
      <c r="Q31" s="244"/>
      <c r="R31" s="71">
        <v>2</v>
      </c>
      <c r="S31" s="71">
        <v>1</v>
      </c>
      <c r="T31" s="71">
        <v>2</v>
      </c>
      <c r="U31" s="71">
        <v>2</v>
      </c>
      <c r="V31" s="71">
        <v>1</v>
      </c>
      <c r="W31" s="72">
        <v>8</v>
      </c>
      <c r="X31" s="73">
        <v>10</v>
      </c>
      <c r="Y31" s="70">
        <v>0</v>
      </c>
      <c r="Z31" s="71">
        <v>4</v>
      </c>
      <c r="AA31" s="72">
        <v>4</v>
      </c>
      <c r="AB31" s="244"/>
      <c r="AC31" s="71">
        <v>7</v>
      </c>
      <c r="AD31" s="71">
        <v>3</v>
      </c>
      <c r="AE31" s="71">
        <v>6</v>
      </c>
      <c r="AF31" s="71">
        <v>1</v>
      </c>
      <c r="AG31" s="71">
        <v>0</v>
      </c>
      <c r="AH31" s="72">
        <v>17</v>
      </c>
      <c r="AI31" s="73">
        <v>21</v>
      </c>
      <c r="AJ31" s="70">
        <v>1</v>
      </c>
      <c r="AK31" s="71">
        <v>1</v>
      </c>
      <c r="AL31" s="72">
        <v>2</v>
      </c>
      <c r="AM31" s="244"/>
      <c r="AN31" s="71">
        <v>9</v>
      </c>
      <c r="AO31" s="71">
        <v>6</v>
      </c>
      <c r="AP31" s="71">
        <v>2</v>
      </c>
      <c r="AQ31" s="71">
        <v>2</v>
      </c>
      <c r="AR31" s="71">
        <v>4</v>
      </c>
      <c r="AS31" s="72">
        <v>23</v>
      </c>
      <c r="AT31" s="73">
        <v>25</v>
      </c>
      <c r="AU31" s="70">
        <v>2</v>
      </c>
      <c r="AV31" s="71">
        <v>1</v>
      </c>
      <c r="AW31" s="72">
        <v>3</v>
      </c>
      <c r="AX31" s="244"/>
      <c r="AY31" s="71">
        <v>17</v>
      </c>
      <c r="AZ31" s="71">
        <v>12</v>
      </c>
      <c r="BA31" s="71">
        <v>3</v>
      </c>
      <c r="BB31" s="71">
        <v>2</v>
      </c>
      <c r="BC31" s="71">
        <v>1</v>
      </c>
      <c r="BD31" s="72">
        <v>35</v>
      </c>
      <c r="BE31" s="73">
        <v>38</v>
      </c>
      <c r="BF31" s="70">
        <v>3</v>
      </c>
      <c r="BG31" s="71">
        <v>3</v>
      </c>
      <c r="BH31" s="72">
        <v>6</v>
      </c>
      <c r="BI31" s="244"/>
      <c r="BJ31" s="71">
        <v>12</v>
      </c>
      <c r="BK31" s="71">
        <v>8</v>
      </c>
      <c r="BL31" s="71">
        <v>3</v>
      </c>
      <c r="BM31" s="71">
        <v>1</v>
      </c>
      <c r="BN31" s="71">
        <v>4</v>
      </c>
      <c r="BO31" s="72">
        <v>28</v>
      </c>
      <c r="BP31" s="73">
        <v>34</v>
      </c>
      <c r="BQ31" s="70">
        <v>1</v>
      </c>
      <c r="BR31" s="71">
        <v>1</v>
      </c>
      <c r="BS31" s="72">
        <v>2</v>
      </c>
      <c r="BT31" s="244"/>
      <c r="BU31" s="71">
        <v>8</v>
      </c>
      <c r="BV31" s="71">
        <v>9</v>
      </c>
      <c r="BW31" s="71">
        <v>6</v>
      </c>
      <c r="BX31" s="71">
        <v>6</v>
      </c>
      <c r="BY31" s="71">
        <v>6</v>
      </c>
      <c r="BZ31" s="72">
        <v>35</v>
      </c>
      <c r="CA31" s="73">
        <v>37</v>
      </c>
      <c r="CB31" s="70">
        <v>0</v>
      </c>
      <c r="CC31" s="71">
        <v>1</v>
      </c>
      <c r="CD31" s="72">
        <v>1</v>
      </c>
      <c r="CE31" s="244"/>
      <c r="CF31" s="71">
        <v>0</v>
      </c>
      <c r="CG31" s="71">
        <v>4</v>
      </c>
      <c r="CH31" s="71">
        <v>0</v>
      </c>
      <c r="CI31" s="71">
        <v>0</v>
      </c>
      <c r="CJ31" s="71">
        <v>3</v>
      </c>
      <c r="CK31" s="72">
        <v>7</v>
      </c>
      <c r="CL31" s="73">
        <v>8</v>
      </c>
      <c r="CM31" s="70">
        <v>7</v>
      </c>
      <c r="CN31" s="71">
        <v>13</v>
      </c>
      <c r="CO31" s="72">
        <v>20</v>
      </c>
      <c r="CP31" s="244"/>
      <c r="CQ31" s="71">
        <v>55</v>
      </c>
      <c r="CR31" s="71">
        <v>43</v>
      </c>
      <c r="CS31" s="71">
        <v>22</v>
      </c>
      <c r="CT31" s="71">
        <v>14</v>
      </c>
      <c r="CU31" s="71">
        <v>19</v>
      </c>
      <c r="CV31" s="72">
        <v>153</v>
      </c>
      <c r="CW31" s="73">
        <v>173</v>
      </c>
      <c r="CX31" s="123">
        <v>22</v>
      </c>
      <c r="CY31" s="82">
        <v>39</v>
      </c>
      <c r="CZ31" s="83">
        <v>61</v>
      </c>
      <c r="DA31" s="241"/>
      <c r="DB31" s="82">
        <v>49</v>
      </c>
      <c r="DC31" s="82">
        <v>73</v>
      </c>
      <c r="DD31" s="82">
        <v>55</v>
      </c>
      <c r="DE31" s="82">
        <v>51</v>
      </c>
      <c r="DF31" s="82">
        <v>28</v>
      </c>
      <c r="DG31" s="84">
        <v>256</v>
      </c>
      <c r="DH31" s="85">
        <v>317</v>
      </c>
      <c r="DI31" s="70">
        <v>2</v>
      </c>
      <c r="DJ31" s="71">
        <v>0</v>
      </c>
      <c r="DK31" s="72">
        <v>2</v>
      </c>
      <c r="DL31" s="244"/>
      <c r="DM31" s="71">
        <v>1</v>
      </c>
      <c r="DN31" s="71">
        <v>2</v>
      </c>
      <c r="DO31" s="71">
        <v>1</v>
      </c>
      <c r="DP31" s="71">
        <v>0</v>
      </c>
      <c r="DQ31" s="71">
        <v>0</v>
      </c>
      <c r="DR31" s="72">
        <v>4</v>
      </c>
      <c r="DS31" s="73">
        <v>6</v>
      </c>
      <c r="DT31" s="70">
        <v>3</v>
      </c>
      <c r="DU31" s="71">
        <v>7</v>
      </c>
      <c r="DV31" s="72">
        <v>10</v>
      </c>
      <c r="DW31" s="244"/>
      <c r="DX31" s="71">
        <v>2</v>
      </c>
      <c r="DY31" s="71">
        <v>5</v>
      </c>
      <c r="DZ31" s="71">
        <v>2</v>
      </c>
      <c r="EA31" s="71">
        <v>2</v>
      </c>
      <c r="EB31" s="71">
        <v>0</v>
      </c>
      <c r="EC31" s="72">
        <v>11</v>
      </c>
      <c r="ED31" s="73">
        <v>21</v>
      </c>
      <c r="EE31" s="70">
        <v>4</v>
      </c>
      <c r="EF31" s="71">
        <v>7</v>
      </c>
      <c r="EG31" s="72">
        <v>11</v>
      </c>
      <c r="EH31" s="244"/>
      <c r="EI31" s="71">
        <v>7</v>
      </c>
      <c r="EJ31" s="71">
        <v>9</v>
      </c>
      <c r="EK31" s="71">
        <v>6</v>
      </c>
      <c r="EL31" s="71">
        <v>2</v>
      </c>
      <c r="EM31" s="71">
        <v>6</v>
      </c>
      <c r="EN31" s="72">
        <v>30</v>
      </c>
      <c r="EO31" s="73">
        <v>41</v>
      </c>
      <c r="EP31" s="70">
        <v>7</v>
      </c>
      <c r="EQ31" s="71">
        <v>14</v>
      </c>
      <c r="ER31" s="72">
        <v>21</v>
      </c>
      <c r="ES31" s="244"/>
      <c r="ET31" s="71">
        <v>14</v>
      </c>
      <c r="EU31" s="71">
        <v>15</v>
      </c>
      <c r="EV31" s="71">
        <v>13</v>
      </c>
      <c r="EW31" s="71">
        <v>5</v>
      </c>
      <c r="EX31" s="71">
        <v>6</v>
      </c>
      <c r="EY31" s="72">
        <v>53</v>
      </c>
      <c r="EZ31" s="73">
        <v>74</v>
      </c>
      <c r="FA31" s="70">
        <v>5</v>
      </c>
      <c r="FB31" s="71">
        <v>6</v>
      </c>
      <c r="FC31" s="72">
        <v>11</v>
      </c>
      <c r="FD31" s="244"/>
      <c r="FE31" s="71">
        <v>8</v>
      </c>
      <c r="FF31" s="71">
        <v>29</v>
      </c>
      <c r="FG31" s="71">
        <v>11</v>
      </c>
      <c r="FH31" s="71">
        <v>18</v>
      </c>
      <c r="FI31" s="71">
        <v>8</v>
      </c>
      <c r="FJ31" s="72">
        <v>74</v>
      </c>
      <c r="FK31" s="73">
        <v>85</v>
      </c>
      <c r="FL31" s="70">
        <v>1</v>
      </c>
      <c r="FM31" s="71">
        <v>5</v>
      </c>
      <c r="FN31" s="72">
        <v>6</v>
      </c>
      <c r="FO31" s="244"/>
      <c r="FP31" s="71">
        <v>17</v>
      </c>
      <c r="FQ31" s="71">
        <v>13</v>
      </c>
      <c r="FR31" s="71">
        <v>22</v>
      </c>
      <c r="FS31" s="71">
        <v>24</v>
      </c>
      <c r="FT31" s="71">
        <v>8</v>
      </c>
      <c r="FU31" s="72">
        <v>84</v>
      </c>
      <c r="FV31" s="73">
        <v>90</v>
      </c>
      <c r="FW31" s="70">
        <v>1</v>
      </c>
      <c r="FX31" s="71">
        <v>0</v>
      </c>
      <c r="FY31" s="72">
        <v>1</v>
      </c>
      <c r="FZ31" s="244"/>
      <c r="GA31" s="71">
        <v>1</v>
      </c>
      <c r="GB31" s="71">
        <v>1</v>
      </c>
      <c r="GC31" s="71">
        <v>0</v>
      </c>
      <c r="GD31" s="71">
        <v>0</v>
      </c>
      <c r="GE31" s="71">
        <v>2</v>
      </c>
      <c r="GF31" s="72">
        <v>4</v>
      </c>
      <c r="GG31" s="73">
        <v>5</v>
      </c>
      <c r="GH31" s="70">
        <v>23</v>
      </c>
      <c r="GI31" s="71">
        <v>39</v>
      </c>
      <c r="GJ31" s="72">
        <v>62</v>
      </c>
      <c r="GK31" s="244"/>
      <c r="GL31" s="71">
        <v>50</v>
      </c>
      <c r="GM31" s="71">
        <v>74</v>
      </c>
      <c r="GN31" s="71">
        <v>55</v>
      </c>
      <c r="GO31" s="71">
        <v>51</v>
      </c>
      <c r="GP31" s="71">
        <v>30</v>
      </c>
      <c r="GQ31" s="72">
        <v>260</v>
      </c>
      <c r="GR31" s="73">
        <v>322</v>
      </c>
      <c r="GS31" s="123">
        <v>29</v>
      </c>
      <c r="GT31" s="82">
        <v>51</v>
      </c>
      <c r="GU31" s="83">
        <v>80</v>
      </c>
      <c r="GV31" s="241"/>
      <c r="GW31" s="82">
        <v>104</v>
      </c>
      <c r="GX31" s="82">
        <v>112</v>
      </c>
      <c r="GY31" s="82">
        <v>77</v>
      </c>
      <c r="GZ31" s="82">
        <v>65</v>
      </c>
      <c r="HA31" s="82">
        <v>44</v>
      </c>
      <c r="HB31" s="84">
        <v>402</v>
      </c>
      <c r="HC31" s="85">
        <v>482</v>
      </c>
      <c r="HD31" s="70">
        <v>2</v>
      </c>
      <c r="HE31" s="71">
        <v>2</v>
      </c>
      <c r="HF31" s="72">
        <v>4</v>
      </c>
      <c r="HG31" s="244"/>
      <c r="HH31" s="71">
        <v>3</v>
      </c>
      <c r="HI31" s="71">
        <v>3</v>
      </c>
      <c r="HJ31" s="71">
        <v>3</v>
      </c>
      <c r="HK31" s="71">
        <v>2</v>
      </c>
      <c r="HL31" s="71">
        <v>1</v>
      </c>
      <c r="HM31" s="72">
        <v>12</v>
      </c>
      <c r="HN31" s="73">
        <v>16</v>
      </c>
      <c r="HO31" s="70">
        <v>3</v>
      </c>
      <c r="HP31" s="71">
        <v>11</v>
      </c>
      <c r="HQ31" s="72">
        <v>14</v>
      </c>
      <c r="HR31" s="244"/>
      <c r="HS31" s="71">
        <v>9</v>
      </c>
      <c r="HT31" s="71">
        <v>8</v>
      </c>
      <c r="HU31" s="71">
        <v>8</v>
      </c>
      <c r="HV31" s="71">
        <v>3</v>
      </c>
      <c r="HW31" s="71">
        <v>0</v>
      </c>
      <c r="HX31" s="72">
        <v>28</v>
      </c>
      <c r="HY31" s="73">
        <v>42</v>
      </c>
      <c r="HZ31" s="70">
        <v>5</v>
      </c>
      <c r="IA31" s="71">
        <v>8</v>
      </c>
      <c r="IB31" s="72">
        <v>13</v>
      </c>
      <c r="IC31" s="244"/>
      <c r="ID31" s="71">
        <v>16</v>
      </c>
      <c r="IE31" s="71">
        <v>15</v>
      </c>
      <c r="IF31" s="71">
        <v>8</v>
      </c>
      <c r="IG31" s="71">
        <v>4</v>
      </c>
      <c r="IH31" s="71">
        <v>10</v>
      </c>
      <c r="II31" s="72">
        <v>53</v>
      </c>
      <c r="IJ31" s="73">
        <v>66</v>
      </c>
      <c r="IK31" s="70">
        <v>9</v>
      </c>
      <c r="IL31" s="71">
        <v>15</v>
      </c>
      <c r="IM31" s="72">
        <v>24</v>
      </c>
      <c r="IN31" s="244"/>
      <c r="IO31" s="71">
        <v>31</v>
      </c>
      <c r="IP31" s="71">
        <v>27</v>
      </c>
      <c r="IQ31" s="71">
        <v>16</v>
      </c>
      <c r="IR31" s="71">
        <v>7</v>
      </c>
      <c r="IS31" s="71">
        <v>7</v>
      </c>
      <c r="IT31" s="72">
        <v>88</v>
      </c>
      <c r="IU31" s="73">
        <v>112</v>
      </c>
      <c r="IV31" s="70">
        <v>8</v>
      </c>
      <c r="IW31" s="71">
        <v>9</v>
      </c>
      <c r="IX31" s="72">
        <v>17</v>
      </c>
      <c r="IY31" s="244"/>
      <c r="IZ31" s="71">
        <v>20</v>
      </c>
      <c r="JA31" s="71">
        <v>37</v>
      </c>
      <c r="JB31" s="71">
        <v>14</v>
      </c>
      <c r="JC31" s="71">
        <v>19</v>
      </c>
      <c r="JD31" s="71">
        <v>12</v>
      </c>
      <c r="JE31" s="72">
        <v>102</v>
      </c>
      <c r="JF31" s="73">
        <v>119</v>
      </c>
      <c r="JG31" s="70">
        <v>2</v>
      </c>
      <c r="JH31" s="71">
        <v>6</v>
      </c>
      <c r="JI31" s="72">
        <v>8</v>
      </c>
      <c r="JJ31" s="244"/>
      <c r="JK31" s="71">
        <v>25</v>
      </c>
      <c r="JL31" s="71">
        <v>22</v>
      </c>
      <c r="JM31" s="71">
        <v>28</v>
      </c>
      <c r="JN31" s="71">
        <v>30</v>
      </c>
      <c r="JO31" s="71">
        <v>14</v>
      </c>
      <c r="JP31" s="72">
        <v>119</v>
      </c>
      <c r="JQ31" s="73">
        <v>127</v>
      </c>
      <c r="JR31" s="70">
        <v>1</v>
      </c>
      <c r="JS31" s="71">
        <v>1</v>
      </c>
      <c r="JT31" s="72">
        <v>2</v>
      </c>
      <c r="JU31" s="244"/>
      <c r="JV31" s="71">
        <v>1</v>
      </c>
      <c r="JW31" s="71">
        <v>5</v>
      </c>
      <c r="JX31" s="71">
        <v>0</v>
      </c>
      <c r="JY31" s="71">
        <v>0</v>
      </c>
      <c r="JZ31" s="71">
        <v>5</v>
      </c>
      <c r="KA31" s="72">
        <v>11</v>
      </c>
      <c r="KB31" s="73">
        <v>13</v>
      </c>
      <c r="KC31" s="70">
        <v>30</v>
      </c>
      <c r="KD31" s="71">
        <v>52</v>
      </c>
      <c r="KE31" s="72">
        <v>82</v>
      </c>
      <c r="KF31" s="244"/>
      <c r="KG31" s="71">
        <v>105</v>
      </c>
      <c r="KH31" s="71">
        <v>117</v>
      </c>
      <c r="KI31" s="71">
        <v>77</v>
      </c>
      <c r="KJ31" s="71">
        <v>65</v>
      </c>
      <c r="KK31" s="71">
        <v>49</v>
      </c>
      <c r="KL31" s="72">
        <v>413</v>
      </c>
      <c r="KM31" s="73">
        <v>495</v>
      </c>
    </row>
    <row r="32" spans="2:299" ht="21" customHeight="1" x14ac:dyDescent="0.2">
      <c r="B32" s="126" t="s">
        <v>29</v>
      </c>
      <c r="C32" s="313">
        <v>26</v>
      </c>
      <c r="D32" s="82">
        <v>27</v>
      </c>
      <c r="E32" s="83">
        <v>53</v>
      </c>
      <c r="F32" s="241"/>
      <c r="G32" s="82">
        <v>46</v>
      </c>
      <c r="H32" s="82">
        <v>45</v>
      </c>
      <c r="I32" s="82">
        <v>49</v>
      </c>
      <c r="J32" s="82">
        <v>33</v>
      </c>
      <c r="K32" s="82">
        <v>18</v>
      </c>
      <c r="L32" s="84">
        <v>191</v>
      </c>
      <c r="M32" s="85">
        <v>244</v>
      </c>
      <c r="N32" s="70">
        <v>2</v>
      </c>
      <c r="O32" s="71">
        <v>0</v>
      </c>
      <c r="P32" s="72">
        <v>2</v>
      </c>
      <c r="Q32" s="244"/>
      <c r="R32" s="71">
        <v>4</v>
      </c>
      <c r="S32" s="71">
        <v>0</v>
      </c>
      <c r="T32" s="71">
        <v>3</v>
      </c>
      <c r="U32" s="71">
        <v>1</v>
      </c>
      <c r="V32" s="71">
        <v>2</v>
      </c>
      <c r="W32" s="72">
        <v>10</v>
      </c>
      <c r="X32" s="73">
        <v>12</v>
      </c>
      <c r="Y32" s="70">
        <v>4</v>
      </c>
      <c r="Z32" s="71">
        <v>5</v>
      </c>
      <c r="AA32" s="72">
        <v>9</v>
      </c>
      <c r="AB32" s="244"/>
      <c r="AC32" s="71">
        <v>8</v>
      </c>
      <c r="AD32" s="71">
        <v>4</v>
      </c>
      <c r="AE32" s="71">
        <v>7</v>
      </c>
      <c r="AF32" s="71">
        <v>2</v>
      </c>
      <c r="AG32" s="71">
        <v>1</v>
      </c>
      <c r="AH32" s="72">
        <v>22</v>
      </c>
      <c r="AI32" s="73">
        <v>31</v>
      </c>
      <c r="AJ32" s="70">
        <v>3</v>
      </c>
      <c r="AK32" s="71">
        <v>3</v>
      </c>
      <c r="AL32" s="72">
        <v>6</v>
      </c>
      <c r="AM32" s="244"/>
      <c r="AN32" s="71">
        <v>11</v>
      </c>
      <c r="AO32" s="71">
        <v>11</v>
      </c>
      <c r="AP32" s="71">
        <v>9</v>
      </c>
      <c r="AQ32" s="71">
        <v>6</v>
      </c>
      <c r="AR32" s="71">
        <v>1</v>
      </c>
      <c r="AS32" s="72">
        <v>38</v>
      </c>
      <c r="AT32" s="73">
        <v>44</v>
      </c>
      <c r="AU32" s="70">
        <v>7</v>
      </c>
      <c r="AV32" s="71">
        <v>8</v>
      </c>
      <c r="AW32" s="72">
        <v>15</v>
      </c>
      <c r="AX32" s="244"/>
      <c r="AY32" s="71">
        <v>5</v>
      </c>
      <c r="AZ32" s="71">
        <v>9</v>
      </c>
      <c r="BA32" s="71">
        <v>8</v>
      </c>
      <c r="BB32" s="71">
        <v>8</v>
      </c>
      <c r="BC32" s="71">
        <v>7</v>
      </c>
      <c r="BD32" s="72">
        <v>37</v>
      </c>
      <c r="BE32" s="73">
        <v>52</v>
      </c>
      <c r="BF32" s="70">
        <v>6</v>
      </c>
      <c r="BG32" s="71">
        <v>8</v>
      </c>
      <c r="BH32" s="72">
        <v>14</v>
      </c>
      <c r="BI32" s="244"/>
      <c r="BJ32" s="71">
        <v>13</v>
      </c>
      <c r="BK32" s="71">
        <v>8</v>
      </c>
      <c r="BL32" s="71">
        <v>12</v>
      </c>
      <c r="BM32" s="71">
        <v>10</v>
      </c>
      <c r="BN32" s="71">
        <v>4</v>
      </c>
      <c r="BO32" s="72">
        <v>47</v>
      </c>
      <c r="BP32" s="73">
        <v>61</v>
      </c>
      <c r="BQ32" s="70">
        <v>4</v>
      </c>
      <c r="BR32" s="71">
        <v>3</v>
      </c>
      <c r="BS32" s="72">
        <v>7</v>
      </c>
      <c r="BT32" s="244"/>
      <c r="BU32" s="71">
        <v>5</v>
      </c>
      <c r="BV32" s="71">
        <v>13</v>
      </c>
      <c r="BW32" s="71">
        <v>10</v>
      </c>
      <c r="BX32" s="71">
        <v>6</v>
      </c>
      <c r="BY32" s="71">
        <v>3</v>
      </c>
      <c r="BZ32" s="72">
        <v>37</v>
      </c>
      <c r="CA32" s="73">
        <v>44</v>
      </c>
      <c r="CB32" s="70">
        <v>2</v>
      </c>
      <c r="CC32" s="71">
        <v>1</v>
      </c>
      <c r="CD32" s="72">
        <v>3</v>
      </c>
      <c r="CE32" s="244"/>
      <c r="CF32" s="71">
        <v>3</v>
      </c>
      <c r="CG32" s="71">
        <v>5</v>
      </c>
      <c r="CH32" s="71">
        <v>1</v>
      </c>
      <c r="CI32" s="71">
        <v>1</v>
      </c>
      <c r="CJ32" s="71">
        <v>0</v>
      </c>
      <c r="CK32" s="72">
        <v>10</v>
      </c>
      <c r="CL32" s="73">
        <v>13</v>
      </c>
      <c r="CM32" s="70">
        <v>28</v>
      </c>
      <c r="CN32" s="71">
        <v>28</v>
      </c>
      <c r="CO32" s="72">
        <v>56</v>
      </c>
      <c r="CP32" s="244"/>
      <c r="CQ32" s="71">
        <v>49</v>
      </c>
      <c r="CR32" s="71">
        <v>50</v>
      </c>
      <c r="CS32" s="71">
        <v>50</v>
      </c>
      <c r="CT32" s="71">
        <v>34</v>
      </c>
      <c r="CU32" s="71">
        <v>18</v>
      </c>
      <c r="CV32" s="72">
        <v>201</v>
      </c>
      <c r="CW32" s="73">
        <v>257</v>
      </c>
      <c r="CX32" s="123">
        <v>47</v>
      </c>
      <c r="CY32" s="82">
        <v>49</v>
      </c>
      <c r="CZ32" s="83">
        <v>96</v>
      </c>
      <c r="DA32" s="241"/>
      <c r="DB32" s="82">
        <v>96</v>
      </c>
      <c r="DC32" s="82">
        <v>81</v>
      </c>
      <c r="DD32" s="82">
        <v>74</v>
      </c>
      <c r="DE32" s="82">
        <v>73</v>
      </c>
      <c r="DF32" s="82">
        <v>51</v>
      </c>
      <c r="DG32" s="84">
        <v>375</v>
      </c>
      <c r="DH32" s="85">
        <v>471</v>
      </c>
      <c r="DI32" s="70">
        <v>2</v>
      </c>
      <c r="DJ32" s="71">
        <v>2</v>
      </c>
      <c r="DK32" s="72">
        <v>4</v>
      </c>
      <c r="DL32" s="244"/>
      <c r="DM32" s="71">
        <v>4</v>
      </c>
      <c r="DN32" s="71">
        <v>2</v>
      </c>
      <c r="DO32" s="71">
        <v>1</v>
      </c>
      <c r="DP32" s="71">
        <v>0</v>
      </c>
      <c r="DQ32" s="71">
        <v>3</v>
      </c>
      <c r="DR32" s="72">
        <v>10</v>
      </c>
      <c r="DS32" s="73">
        <v>14</v>
      </c>
      <c r="DT32" s="70">
        <v>2</v>
      </c>
      <c r="DU32" s="71">
        <v>4</v>
      </c>
      <c r="DV32" s="72">
        <v>6</v>
      </c>
      <c r="DW32" s="244"/>
      <c r="DX32" s="71">
        <v>8</v>
      </c>
      <c r="DY32" s="71">
        <v>5</v>
      </c>
      <c r="DZ32" s="71">
        <v>3</v>
      </c>
      <c r="EA32" s="71">
        <v>2</v>
      </c>
      <c r="EB32" s="71">
        <v>2</v>
      </c>
      <c r="EC32" s="72">
        <v>20</v>
      </c>
      <c r="ED32" s="73">
        <v>26</v>
      </c>
      <c r="EE32" s="70">
        <v>11</v>
      </c>
      <c r="EF32" s="71">
        <v>5</v>
      </c>
      <c r="EG32" s="72">
        <v>16</v>
      </c>
      <c r="EH32" s="244"/>
      <c r="EI32" s="71">
        <v>13</v>
      </c>
      <c r="EJ32" s="71">
        <v>4</v>
      </c>
      <c r="EK32" s="71">
        <v>3</v>
      </c>
      <c r="EL32" s="71">
        <v>5</v>
      </c>
      <c r="EM32" s="71">
        <v>3</v>
      </c>
      <c r="EN32" s="72">
        <v>28</v>
      </c>
      <c r="EO32" s="73">
        <v>44</v>
      </c>
      <c r="EP32" s="70">
        <v>13</v>
      </c>
      <c r="EQ32" s="71">
        <v>16</v>
      </c>
      <c r="ER32" s="72">
        <v>29</v>
      </c>
      <c r="ES32" s="244"/>
      <c r="ET32" s="71">
        <v>23</v>
      </c>
      <c r="EU32" s="71">
        <v>23</v>
      </c>
      <c r="EV32" s="71">
        <v>19</v>
      </c>
      <c r="EW32" s="71">
        <v>11</v>
      </c>
      <c r="EX32" s="71">
        <v>9</v>
      </c>
      <c r="EY32" s="72">
        <v>85</v>
      </c>
      <c r="EZ32" s="73">
        <v>114</v>
      </c>
      <c r="FA32" s="70">
        <v>15</v>
      </c>
      <c r="FB32" s="71">
        <v>11</v>
      </c>
      <c r="FC32" s="72">
        <v>26</v>
      </c>
      <c r="FD32" s="244"/>
      <c r="FE32" s="71">
        <v>26</v>
      </c>
      <c r="FF32" s="71">
        <v>23</v>
      </c>
      <c r="FG32" s="71">
        <v>20</v>
      </c>
      <c r="FH32" s="71">
        <v>21</v>
      </c>
      <c r="FI32" s="71">
        <v>15</v>
      </c>
      <c r="FJ32" s="72">
        <v>105</v>
      </c>
      <c r="FK32" s="73">
        <v>131</v>
      </c>
      <c r="FL32" s="70">
        <v>4</v>
      </c>
      <c r="FM32" s="71">
        <v>11</v>
      </c>
      <c r="FN32" s="72">
        <v>15</v>
      </c>
      <c r="FO32" s="244"/>
      <c r="FP32" s="71">
        <v>22</v>
      </c>
      <c r="FQ32" s="71">
        <v>24</v>
      </c>
      <c r="FR32" s="71">
        <v>28</v>
      </c>
      <c r="FS32" s="71">
        <v>34</v>
      </c>
      <c r="FT32" s="71">
        <v>19</v>
      </c>
      <c r="FU32" s="72">
        <v>127</v>
      </c>
      <c r="FV32" s="73">
        <v>142</v>
      </c>
      <c r="FW32" s="70">
        <v>0</v>
      </c>
      <c r="FX32" s="71">
        <v>2</v>
      </c>
      <c r="FY32" s="72">
        <v>2</v>
      </c>
      <c r="FZ32" s="244"/>
      <c r="GA32" s="71">
        <v>1</v>
      </c>
      <c r="GB32" s="71">
        <v>1</v>
      </c>
      <c r="GC32" s="71">
        <v>2</v>
      </c>
      <c r="GD32" s="71">
        <v>0</v>
      </c>
      <c r="GE32" s="71">
        <v>0</v>
      </c>
      <c r="GF32" s="72">
        <v>4</v>
      </c>
      <c r="GG32" s="73">
        <v>6</v>
      </c>
      <c r="GH32" s="70">
        <v>47</v>
      </c>
      <c r="GI32" s="71">
        <v>51</v>
      </c>
      <c r="GJ32" s="72">
        <v>98</v>
      </c>
      <c r="GK32" s="244"/>
      <c r="GL32" s="71">
        <v>97</v>
      </c>
      <c r="GM32" s="71">
        <v>82</v>
      </c>
      <c r="GN32" s="71">
        <v>76</v>
      </c>
      <c r="GO32" s="71">
        <v>73</v>
      </c>
      <c r="GP32" s="71">
        <v>51</v>
      </c>
      <c r="GQ32" s="72">
        <v>379</v>
      </c>
      <c r="GR32" s="73">
        <v>477</v>
      </c>
      <c r="GS32" s="123">
        <v>73</v>
      </c>
      <c r="GT32" s="82">
        <v>76</v>
      </c>
      <c r="GU32" s="83">
        <v>149</v>
      </c>
      <c r="GV32" s="241"/>
      <c r="GW32" s="82">
        <v>142</v>
      </c>
      <c r="GX32" s="82">
        <v>126</v>
      </c>
      <c r="GY32" s="82">
        <v>123</v>
      </c>
      <c r="GZ32" s="82">
        <v>106</v>
      </c>
      <c r="HA32" s="82">
        <v>69</v>
      </c>
      <c r="HB32" s="84">
        <v>566</v>
      </c>
      <c r="HC32" s="85">
        <v>715</v>
      </c>
      <c r="HD32" s="70">
        <v>4</v>
      </c>
      <c r="HE32" s="71">
        <v>2</v>
      </c>
      <c r="HF32" s="72">
        <v>6</v>
      </c>
      <c r="HG32" s="244"/>
      <c r="HH32" s="71">
        <v>8</v>
      </c>
      <c r="HI32" s="71">
        <v>2</v>
      </c>
      <c r="HJ32" s="71">
        <v>4</v>
      </c>
      <c r="HK32" s="71">
        <v>1</v>
      </c>
      <c r="HL32" s="71">
        <v>5</v>
      </c>
      <c r="HM32" s="72">
        <v>20</v>
      </c>
      <c r="HN32" s="73">
        <v>26</v>
      </c>
      <c r="HO32" s="70">
        <v>6</v>
      </c>
      <c r="HP32" s="71">
        <v>9</v>
      </c>
      <c r="HQ32" s="72">
        <v>15</v>
      </c>
      <c r="HR32" s="244"/>
      <c r="HS32" s="71">
        <v>16</v>
      </c>
      <c r="HT32" s="71">
        <v>9</v>
      </c>
      <c r="HU32" s="71">
        <v>10</v>
      </c>
      <c r="HV32" s="71">
        <v>4</v>
      </c>
      <c r="HW32" s="71">
        <v>3</v>
      </c>
      <c r="HX32" s="72">
        <v>42</v>
      </c>
      <c r="HY32" s="73">
        <v>57</v>
      </c>
      <c r="HZ32" s="70">
        <v>14</v>
      </c>
      <c r="IA32" s="71">
        <v>8</v>
      </c>
      <c r="IB32" s="72">
        <v>22</v>
      </c>
      <c r="IC32" s="244"/>
      <c r="ID32" s="71">
        <v>24</v>
      </c>
      <c r="IE32" s="71">
        <v>15</v>
      </c>
      <c r="IF32" s="71">
        <v>12</v>
      </c>
      <c r="IG32" s="71">
        <v>11</v>
      </c>
      <c r="IH32" s="71">
        <v>4</v>
      </c>
      <c r="II32" s="72">
        <v>66</v>
      </c>
      <c r="IJ32" s="73">
        <v>88</v>
      </c>
      <c r="IK32" s="70">
        <v>20</v>
      </c>
      <c r="IL32" s="71">
        <v>24</v>
      </c>
      <c r="IM32" s="72">
        <v>44</v>
      </c>
      <c r="IN32" s="244"/>
      <c r="IO32" s="71">
        <v>28</v>
      </c>
      <c r="IP32" s="71">
        <v>32</v>
      </c>
      <c r="IQ32" s="71">
        <v>27</v>
      </c>
      <c r="IR32" s="71">
        <v>19</v>
      </c>
      <c r="IS32" s="71">
        <v>16</v>
      </c>
      <c r="IT32" s="72">
        <v>122</v>
      </c>
      <c r="IU32" s="73">
        <v>166</v>
      </c>
      <c r="IV32" s="70">
        <v>21</v>
      </c>
      <c r="IW32" s="71">
        <v>19</v>
      </c>
      <c r="IX32" s="72">
        <v>40</v>
      </c>
      <c r="IY32" s="244"/>
      <c r="IZ32" s="71">
        <v>39</v>
      </c>
      <c r="JA32" s="71">
        <v>31</v>
      </c>
      <c r="JB32" s="71">
        <v>32</v>
      </c>
      <c r="JC32" s="71">
        <v>31</v>
      </c>
      <c r="JD32" s="71">
        <v>19</v>
      </c>
      <c r="JE32" s="72">
        <v>152</v>
      </c>
      <c r="JF32" s="73">
        <v>192</v>
      </c>
      <c r="JG32" s="70">
        <v>8</v>
      </c>
      <c r="JH32" s="71">
        <v>14</v>
      </c>
      <c r="JI32" s="72">
        <v>22</v>
      </c>
      <c r="JJ32" s="244"/>
      <c r="JK32" s="71">
        <v>27</v>
      </c>
      <c r="JL32" s="71">
        <v>37</v>
      </c>
      <c r="JM32" s="71">
        <v>38</v>
      </c>
      <c r="JN32" s="71">
        <v>40</v>
      </c>
      <c r="JO32" s="71">
        <v>22</v>
      </c>
      <c r="JP32" s="72">
        <v>164</v>
      </c>
      <c r="JQ32" s="73">
        <v>186</v>
      </c>
      <c r="JR32" s="70">
        <v>2</v>
      </c>
      <c r="JS32" s="71">
        <v>3</v>
      </c>
      <c r="JT32" s="72">
        <v>5</v>
      </c>
      <c r="JU32" s="244"/>
      <c r="JV32" s="71">
        <v>4</v>
      </c>
      <c r="JW32" s="71">
        <v>6</v>
      </c>
      <c r="JX32" s="71">
        <v>3</v>
      </c>
      <c r="JY32" s="71">
        <v>1</v>
      </c>
      <c r="JZ32" s="71">
        <v>0</v>
      </c>
      <c r="KA32" s="72">
        <v>14</v>
      </c>
      <c r="KB32" s="73">
        <v>19</v>
      </c>
      <c r="KC32" s="70">
        <v>75</v>
      </c>
      <c r="KD32" s="71">
        <v>79</v>
      </c>
      <c r="KE32" s="72">
        <v>154</v>
      </c>
      <c r="KF32" s="244"/>
      <c r="KG32" s="71">
        <v>146</v>
      </c>
      <c r="KH32" s="71">
        <v>132</v>
      </c>
      <c r="KI32" s="71">
        <v>126</v>
      </c>
      <c r="KJ32" s="71">
        <v>107</v>
      </c>
      <c r="KK32" s="71">
        <v>69</v>
      </c>
      <c r="KL32" s="72">
        <v>580</v>
      </c>
      <c r="KM32" s="73">
        <v>734</v>
      </c>
    </row>
    <row r="33" spans="2:299" ht="21" customHeight="1" x14ac:dyDescent="0.2">
      <c r="B33" s="126" t="s">
        <v>30</v>
      </c>
      <c r="C33" s="313">
        <v>24</v>
      </c>
      <c r="D33" s="82">
        <v>13</v>
      </c>
      <c r="E33" s="83">
        <v>37</v>
      </c>
      <c r="F33" s="241"/>
      <c r="G33" s="82">
        <v>32</v>
      </c>
      <c r="H33" s="82">
        <v>26</v>
      </c>
      <c r="I33" s="82">
        <v>23</v>
      </c>
      <c r="J33" s="82">
        <v>33</v>
      </c>
      <c r="K33" s="82">
        <v>8</v>
      </c>
      <c r="L33" s="84">
        <v>122</v>
      </c>
      <c r="M33" s="85">
        <v>159</v>
      </c>
      <c r="N33" s="70">
        <v>3</v>
      </c>
      <c r="O33" s="71">
        <v>1</v>
      </c>
      <c r="P33" s="72">
        <v>4</v>
      </c>
      <c r="Q33" s="244"/>
      <c r="R33" s="71">
        <v>1</v>
      </c>
      <c r="S33" s="71">
        <v>2</v>
      </c>
      <c r="T33" s="71">
        <v>2</v>
      </c>
      <c r="U33" s="71">
        <v>2</v>
      </c>
      <c r="V33" s="71">
        <v>0</v>
      </c>
      <c r="W33" s="72">
        <v>7</v>
      </c>
      <c r="X33" s="73">
        <v>11</v>
      </c>
      <c r="Y33" s="70">
        <v>4</v>
      </c>
      <c r="Z33" s="71">
        <v>2</v>
      </c>
      <c r="AA33" s="72">
        <v>6</v>
      </c>
      <c r="AB33" s="244"/>
      <c r="AC33" s="71">
        <v>5</v>
      </c>
      <c r="AD33" s="71">
        <v>6</v>
      </c>
      <c r="AE33" s="71">
        <v>0</v>
      </c>
      <c r="AF33" s="71">
        <v>3</v>
      </c>
      <c r="AG33" s="71">
        <v>1</v>
      </c>
      <c r="AH33" s="72">
        <v>15</v>
      </c>
      <c r="AI33" s="73">
        <v>21</v>
      </c>
      <c r="AJ33" s="70">
        <v>2</v>
      </c>
      <c r="AK33" s="71">
        <v>1</v>
      </c>
      <c r="AL33" s="72">
        <v>3</v>
      </c>
      <c r="AM33" s="244"/>
      <c r="AN33" s="71">
        <v>1</v>
      </c>
      <c r="AO33" s="71">
        <v>4</v>
      </c>
      <c r="AP33" s="71">
        <v>4</v>
      </c>
      <c r="AQ33" s="71">
        <v>5</v>
      </c>
      <c r="AR33" s="71">
        <v>0</v>
      </c>
      <c r="AS33" s="72">
        <v>14</v>
      </c>
      <c r="AT33" s="73">
        <v>17</v>
      </c>
      <c r="AU33" s="70">
        <v>4</v>
      </c>
      <c r="AV33" s="71">
        <v>4</v>
      </c>
      <c r="AW33" s="72">
        <v>8</v>
      </c>
      <c r="AX33" s="244"/>
      <c r="AY33" s="71">
        <v>10</v>
      </c>
      <c r="AZ33" s="71">
        <v>6</v>
      </c>
      <c r="BA33" s="71">
        <v>3</v>
      </c>
      <c r="BB33" s="71">
        <v>7</v>
      </c>
      <c r="BC33" s="71">
        <v>2</v>
      </c>
      <c r="BD33" s="72">
        <v>28</v>
      </c>
      <c r="BE33" s="73">
        <v>36</v>
      </c>
      <c r="BF33" s="70">
        <v>7</v>
      </c>
      <c r="BG33" s="71">
        <v>1</v>
      </c>
      <c r="BH33" s="72">
        <v>8</v>
      </c>
      <c r="BI33" s="244"/>
      <c r="BJ33" s="71">
        <v>9</v>
      </c>
      <c r="BK33" s="71">
        <v>4</v>
      </c>
      <c r="BL33" s="71">
        <v>8</v>
      </c>
      <c r="BM33" s="71">
        <v>8</v>
      </c>
      <c r="BN33" s="71">
        <v>2</v>
      </c>
      <c r="BO33" s="72">
        <v>31</v>
      </c>
      <c r="BP33" s="73">
        <v>39</v>
      </c>
      <c r="BQ33" s="70">
        <v>4</v>
      </c>
      <c r="BR33" s="71">
        <v>4</v>
      </c>
      <c r="BS33" s="72">
        <v>8</v>
      </c>
      <c r="BT33" s="244"/>
      <c r="BU33" s="71">
        <v>6</v>
      </c>
      <c r="BV33" s="71">
        <v>4</v>
      </c>
      <c r="BW33" s="71">
        <v>6</v>
      </c>
      <c r="BX33" s="71">
        <v>8</v>
      </c>
      <c r="BY33" s="71">
        <v>3</v>
      </c>
      <c r="BZ33" s="72">
        <v>27</v>
      </c>
      <c r="CA33" s="73">
        <v>35</v>
      </c>
      <c r="CB33" s="70">
        <v>0</v>
      </c>
      <c r="CC33" s="71">
        <v>0</v>
      </c>
      <c r="CD33" s="72">
        <v>0</v>
      </c>
      <c r="CE33" s="244"/>
      <c r="CF33" s="71">
        <v>2</v>
      </c>
      <c r="CG33" s="71">
        <v>0</v>
      </c>
      <c r="CH33" s="71">
        <v>3</v>
      </c>
      <c r="CI33" s="71">
        <v>1</v>
      </c>
      <c r="CJ33" s="71">
        <v>2</v>
      </c>
      <c r="CK33" s="72">
        <v>8</v>
      </c>
      <c r="CL33" s="73">
        <v>8</v>
      </c>
      <c r="CM33" s="70">
        <v>24</v>
      </c>
      <c r="CN33" s="71">
        <v>13</v>
      </c>
      <c r="CO33" s="72">
        <v>37</v>
      </c>
      <c r="CP33" s="244"/>
      <c r="CQ33" s="71">
        <v>34</v>
      </c>
      <c r="CR33" s="71">
        <v>26</v>
      </c>
      <c r="CS33" s="71">
        <v>26</v>
      </c>
      <c r="CT33" s="71">
        <v>34</v>
      </c>
      <c r="CU33" s="71">
        <v>10</v>
      </c>
      <c r="CV33" s="72">
        <v>130</v>
      </c>
      <c r="CW33" s="73">
        <v>167</v>
      </c>
      <c r="CX33" s="123">
        <v>50</v>
      </c>
      <c r="CY33" s="82">
        <v>36</v>
      </c>
      <c r="CZ33" s="83">
        <v>86</v>
      </c>
      <c r="DA33" s="241"/>
      <c r="DB33" s="82">
        <v>89</v>
      </c>
      <c r="DC33" s="82">
        <v>58</v>
      </c>
      <c r="DD33" s="82">
        <v>86</v>
      </c>
      <c r="DE33" s="82">
        <v>69</v>
      </c>
      <c r="DF33" s="82">
        <v>33</v>
      </c>
      <c r="DG33" s="84">
        <v>335</v>
      </c>
      <c r="DH33" s="85">
        <v>421</v>
      </c>
      <c r="DI33" s="70">
        <v>1</v>
      </c>
      <c r="DJ33" s="71">
        <v>0</v>
      </c>
      <c r="DK33" s="72">
        <v>1</v>
      </c>
      <c r="DL33" s="244"/>
      <c r="DM33" s="71">
        <v>1</v>
      </c>
      <c r="DN33" s="71">
        <v>0</v>
      </c>
      <c r="DO33" s="71">
        <v>2</v>
      </c>
      <c r="DP33" s="71">
        <v>1</v>
      </c>
      <c r="DQ33" s="71">
        <v>2</v>
      </c>
      <c r="DR33" s="72">
        <v>6</v>
      </c>
      <c r="DS33" s="73">
        <v>7</v>
      </c>
      <c r="DT33" s="70">
        <v>5</v>
      </c>
      <c r="DU33" s="71">
        <v>2</v>
      </c>
      <c r="DV33" s="72">
        <v>7</v>
      </c>
      <c r="DW33" s="244"/>
      <c r="DX33" s="71">
        <v>0</v>
      </c>
      <c r="DY33" s="71">
        <v>4</v>
      </c>
      <c r="DZ33" s="71">
        <v>2</v>
      </c>
      <c r="EA33" s="71">
        <v>4</v>
      </c>
      <c r="EB33" s="71">
        <v>2</v>
      </c>
      <c r="EC33" s="72">
        <v>12</v>
      </c>
      <c r="ED33" s="73">
        <v>19</v>
      </c>
      <c r="EE33" s="70">
        <v>12</v>
      </c>
      <c r="EF33" s="71">
        <v>2</v>
      </c>
      <c r="EG33" s="72">
        <v>14</v>
      </c>
      <c r="EH33" s="244"/>
      <c r="EI33" s="71">
        <v>14</v>
      </c>
      <c r="EJ33" s="71">
        <v>5</v>
      </c>
      <c r="EK33" s="71">
        <v>10</v>
      </c>
      <c r="EL33" s="71">
        <v>2</v>
      </c>
      <c r="EM33" s="71">
        <v>2</v>
      </c>
      <c r="EN33" s="72">
        <v>33</v>
      </c>
      <c r="EO33" s="73">
        <v>47</v>
      </c>
      <c r="EP33" s="70">
        <v>11</v>
      </c>
      <c r="EQ33" s="71">
        <v>8</v>
      </c>
      <c r="ER33" s="72">
        <v>19</v>
      </c>
      <c r="ES33" s="244"/>
      <c r="ET33" s="71">
        <v>26</v>
      </c>
      <c r="EU33" s="71">
        <v>12</v>
      </c>
      <c r="EV33" s="71">
        <v>15</v>
      </c>
      <c r="EW33" s="71">
        <v>9</v>
      </c>
      <c r="EX33" s="71">
        <v>7</v>
      </c>
      <c r="EY33" s="72">
        <v>69</v>
      </c>
      <c r="EZ33" s="73">
        <v>88</v>
      </c>
      <c r="FA33" s="70">
        <v>12</v>
      </c>
      <c r="FB33" s="71">
        <v>12</v>
      </c>
      <c r="FC33" s="72">
        <v>24</v>
      </c>
      <c r="FD33" s="244"/>
      <c r="FE33" s="71">
        <v>29</v>
      </c>
      <c r="FF33" s="71">
        <v>16</v>
      </c>
      <c r="FG33" s="71">
        <v>17</v>
      </c>
      <c r="FH33" s="71">
        <v>18</v>
      </c>
      <c r="FI33" s="71">
        <v>9</v>
      </c>
      <c r="FJ33" s="72">
        <v>89</v>
      </c>
      <c r="FK33" s="73">
        <v>113</v>
      </c>
      <c r="FL33" s="70">
        <v>9</v>
      </c>
      <c r="FM33" s="71">
        <v>12</v>
      </c>
      <c r="FN33" s="72">
        <v>21</v>
      </c>
      <c r="FO33" s="244"/>
      <c r="FP33" s="71">
        <v>19</v>
      </c>
      <c r="FQ33" s="71">
        <v>21</v>
      </c>
      <c r="FR33" s="71">
        <v>40</v>
      </c>
      <c r="FS33" s="71">
        <v>35</v>
      </c>
      <c r="FT33" s="71">
        <v>11</v>
      </c>
      <c r="FU33" s="72">
        <v>126</v>
      </c>
      <c r="FV33" s="73">
        <v>147</v>
      </c>
      <c r="FW33" s="70">
        <v>0</v>
      </c>
      <c r="FX33" s="71">
        <v>0</v>
      </c>
      <c r="FY33" s="72">
        <v>0</v>
      </c>
      <c r="FZ33" s="244"/>
      <c r="GA33" s="71">
        <v>2</v>
      </c>
      <c r="GB33" s="71">
        <v>0</v>
      </c>
      <c r="GC33" s="71">
        <v>1</v>
      </c>
      <c r="GD33" s="71">
        <v>1</v>
      </c>
      <c r="GE33" s="71">
        <v>2</v>
      </c>
      <c r="GF33" s="72">
        <v>6</v>
      </c>
      <c r="GG33" s="73">
        <v>6</v>
      </c>
      <c r="GH33" s="70">
        <v>50</v>
      </c>
      <c r="GI33" s="71">
        <v>36</v>
      </c>
      <c r="GJ33" s="72">
        <v>86</v>
      </c>
      <c r="GK33" s="244"/>
      <c r="GL33" s="71">
        <v>91</v>
      </c>
      <c r="GM33" s="71">
        <v>58</v>
      </c>
      <c r="GN33" s="71">
        <v>87</v>
      </c>
      <c r="GO33" s="71">
        <v>70</v>
      </c>
      <c r="GP33" s="71">
        <v>35</v>
      </c>
      <c r="GQ33" s="72">
        <v>341</v>
      </c>
      <c r="GR33" s="73">
        <v>427</v>
      </c>
      <c r="GS33" s="123">
        <v>74</v>
      </c>
      <c r="GT33" s="82">
        <v>49</v>
      </c>
      <c r="GU33" s="83">
        <v>123</v>
      </c>
      <c r="GV33" s="241"/>
      <c r="GW33" s="82">
        <v>121</v>
      </c>
      <c r="GX33" s="82">
        <v>84</v>
      </c>
      <c r="GY33" s="82">
        <v>109</v>
      </c>
      <c r="GZ33" s="82">
        <v>102</v>
      </c>
      <c r="HA33" s="82">
        <v>41</v>
      </c>
      <c r="HB33" s="84">
        <v>457</v>
      </c>
      <c r="HC33" s="85">
        <v>580</v>
      </c>
      <c r="HD33" s="70">
        <v>4</v>
      </c>
      <c r="HE33" s="71">
        <v>1</v>
      </c>
      <c r="HF33" s="72">
        <v>5</v>
      </c>
      <c r="HG33" s="244"/>
      <c r="HH33" s="71">
        <v>2</v>
      </c>
      <c r="HI33" s="71">
        <v>2</v>
      </c>
      <c r="HJ33" s="71">
        <v>4</v>
      </c>
      <c r="HK33" s="71">
        <v>3</v>
      </c>
      <c r="HL33" s="71">
        <v>2</v>
      </c>
      <c r="HM33" s="72">
        <v>13</v>
      </c>
      <c r="HN33" s="73">
        <v>18</v>
      </c>
      <c r="HO33" s="70">
        <v>9</v>
      </c>
      <c r="HP33" s="71">
        <v>4</v>
      </c>
      <c r="HQ33" s="72">
        <v>13</v>
      </c>
      <c r="HR33" s="244"/>
      <c r="HS33" s="71">
        <v>5</v>
      </c>
      <c r="HT33" s="71">
        <v>10</v>
      </c>
      <c r="HU33" s="71">
        <v>2</v>
      </c>
      <c r="HV33" s="71">
        <v>7</v>
      </c>
      <c r="HW33" s="71">
        <v>3</v>
      </c>
      <c r="HX33" s="72">
        <v>27</v>
      </c>
      <c r="HY33" s="73">
        <v>40</v>
      </c>
      <c r="HZ33" s="70">
        <v>14</v>
      </c>
      <c r="IA33" s="71">
        <v>3</v>
      </c>
      <c r="IB33" s="72">
        <v>17</v>
      </c>
      <c r="IC33" s="244"/>
      <c r="ID33" s="71">
        <v>15</v>
      </c>
      <c r="IE33" s="71">
        <v>9</v>
      </c>
      <c r="IF33" s="71">
        <v>14</v>
      </c>
      <c r="IG33" s="71">
        <v>7</v>
      </c>
      <c r="IH33" s="71">
        <v>2</v>
      </c>
      <c r="II33" s="72">
        <v>47</v>
      </c>
      <c r="IJ33" s="73">
        <v>64</v>
      </c>
      <c r="IK33" s="70">
        <v>15</v>
      </c>
      <c r="IL33" s="71">
        <v>12</v>
      </c>
      <c r="IM33" s="72">
        <v>27</v>
      </c>
      <c r="IN33" s="244"/>
      <c r="IO33" s="71">
        <v>36</v>
      </c>
      <c r="IP33" s="71">
        <v>18</v>
      </c>
      <c r="IQ33" s="71">
        <v>18</v>
      </c>
      <c r="IR33" s="71">
        <v>16</v>
      </c>
      <c r="IS33" s="71">
        <v>9</v>
      </c>
      <c r="IT33" s="72">
        <v>97</v>
      </c>
      <c r="IU33" s="73">
        <v>124</v>
      </c>
      <c r="IV33" s="70">
        <v>19</v>
      </c>
      <c r="IW33" s="71">
        <v>13</v>
      </c>
      <c r="IX33" s="72">
        <v>32</v>
      </c>
      <c r="IY33" s="244"/>
      <c r="IZ33" s="71">
        <v>38</v>
      </c>
      <c r="JA33" s="71">
        <v>20</v>
      </c>
      <c r="JB33" s="71">
        <v>25</v>
      </c>
      <c r="JC33" s="71">
        <v>26</v>
      </c>
      <c r="JD33" s="71">
        <v>11</v>
      </c>
      <c r="JE33" s="72">
        <v>120</v>
      </c>
      <c r="JF33" s="73">
        <v>152</v>
      </c>
      <c r="JG33" s="70">
        <v>13</v>
      </c>
      <c r="JH33" s="71">
        <v>16</v>
      </c>
      <c r="JI33" s="72">
        <v>29</v>
      </c>
      <c r="JJ33" s="244"/>
      <c r="JK33" s="71">
        <v>25</v>
      </c>
      <c r="JL33" s="71">
        <v>25</v>
      </c>
      <c r="JM33" s="71">
        <v>46</v>
      </c>
      <c r="JN33" s="71">
        <v>43</v>
      </c>
      <c r="JO33" s="71">
        <v>14</v>
      </c>
      <c r="JP33" s="72">
        <v>153</v>
      </c>
      <c r="JQ33" s="73">
        <v>182</v>
      </c>
      <c r="JR33" s="70">
        <v>0</v>
      </c>
      <c r="JS33" s="71">
        <v>0</v>
      </c>
      <c r="JT33" s="72">
        <v>0</v>
      </c>
      <c r="JU33" s="244"/>
      <c r="JV33" s="71">
        <v>4</v>
      </c>
      <c r="JW33" s="71">
        <v>0</v>
      </c>
      <c r="JX33" s="71">
        <v>4</v>
      </c>
      <c r="JY33" s="71">
        <v>2</v>
      </c>
      <c r="JZ33" s="71">
        <v>4</v>
      </c>
      <c r="KA33" s="72">
        <v>14</v>
      </c>
      <c r="KB33" s="73">
        <v>14</v>
      </c>
      <c r="KC33" s="70">
        <v>74</v>
      </c>
      <c r="KD33" s="71">
        <v>49</v>
      </c>
      <c r="KE33" s="72">
        <v>123</v>
      </c>
      <c r="KF33" s="244"/>
      <c r="KG33" s="71">
        <v>125</v>
      </c>
      <c r="KH33" s="71">
        <v>84</v>
      </c>
      <c r="KI33" s="71">
        <v>113</v>
      </c>
      <c r="KJ33" s="71">
        <v>104</v>
      </c>
      <c r="KK33" s="71">
        <v>45</v>
      </c>
      <c r="KL33" s="72">
        <v>471</v>
      </c>
      <c r="KM33" s="73">
        <v>594</v>
      </c>
    </row>
    <row r="34" spans="2:299" ht="21" customHeight="1" x14ac:dyDescent="0.2">
      <c r="B34" s="126" t="s">
        <v>31</v>
      </c>
      <c r="C34" s="313">
        <v>20</v>
      </c>
      <c r="D34" s="82">
        <v>38</v>
      </c>
      <c r="E34" s="83">
        <v>58</v>
      </c>
      <c r="F34" s="241"/>
      <c r="G34" s="82">
        <v>56</v>
      </c>
      <c r="H34" s="82">
        <v>46</v>
      </c>
      <c r="I34" s="82">
        <v>37</v>
      </c>
      <c r="J34" s="82">
        <v>33</v>
      </c>
      <c r="K34" s="82">
        <v>18</v>
      </c>
      <c r="L34" s="84">
        <v>190</v>
      </c>
      <c r="M34" s="85">
        <v>248</v>
      </c>
      <c r="N34" s="70">
        <v>0</v>
      </c>
      <c r="O34" s="71">
        <v>1</v>
      </c>
      <c r="P34" s="72">
        <v>1</v>
      </c>
      <c r="Q34" s="244"/>
      <c r="R34" s="71">
        <v>1</v>
      </c>
      <c r="S34" s="71">
        <v>3</v>
      </c>
      <c r="T34" s="71">
        <v>4</v>
      </c>
      <c r="U34" s="71">
        <v>1</v>
      </c>
      <c r="V34" s="71">
        <v>1</v>
      </c>
      <c r="W34" s="72">
        <v>10</v>
      </c>
      <c r="X34" s="73">
        <v>11</v>
      </c>
      <c r="Y34" s="70">
        <v>3</v>
      </c>
      <c r="Z34" s="71">
        <v>5</v>
      </c>
      <c r="AA34" s="72">
        <v>8</v>
      </c>
      <c r="AB34" s="244"/>
      <c r="AC34" s="71">
        <v>6</v>
      </c>
      <c r="AD34" s="71">
        <v>7</v>
      </c>
      <c r="AE34" s="71">
        <v>2</v>
      </c>
      <c r="AF34" s="71">
        <v>5</v>
      </c>
      <c r="AG34" s="71">
        <v>3</v>
      </c>
      <c r="AH34" s="72">
        <v>23</v>
      </c>
      <c r="AI34" s="73">
        <v>31</v>
      </c>
      <c r="AJ34" s="70">
        <v>3</v>
      </c>
      <c r="AK34" s="71">
        <v>6</v>
      </c>
      <c r="AL34" s="72">
        <v>9</v>
      </c>
      <c r="AM34" s="244"/>
      <c r="AN34" s="71">
        <v>8</v>
      </c>
      <c r="AO34" s="71">
        <v>4</v>
      </c>
      <c r="AP34" s="71">
        <v>8</v>
      </c>
      <c r="AQ34" s="71">
        <v>7</v>
      </c>
      <c r="AR34" s="71">
        <v>2</v>
      </c>
      <c r="AS34" s="72">
        <v>29</v>
      </c>
      <c r="AT34" s="73">
        <v>38</v>
      </c>
      <c r="AU34" s="70">
        <v>4</v>
      </c>
      <c r="AV34" s="71">
        <v>12</v>
      </c>
      <c r="AW34" s="72">
        <v>16</v>
      </c>
      <c r="AX34" s="244"/>
      <c r="AY34" s="71">
        <v>13</v>
      </c>
      <c r="AZ34" s="71">
        <v>10</v>
      </c>
      <c r="BA34" s="71">
        <v>5</v>
      </c>
      <c r="BB34" s="71">
        <v>5</v>
      </c>
      <c r="BC34" s="71">
        <v>2</v>
      </c>
      <c r="BD34" s="72">
        <v>35</v>
      </c>
      <c r="BE34" s="73">
        <v>51</v>
      </c>
      <c r="BF34" s="70">
        <v>5</v>
      </c>
      <c r="BG34" s="71">
        <v>7</v>
      </c>
      <c r="BH34" s="72">
        <v>12</v>
      </c>
      <c r="BI34" s="244"/>
      <c r="BJ34" s="71">
        <v>15</v>
      </c>
      <c r="BK34" s="71">
        <v>11</v>
      </c>
      <c r="BL34" s="71">
        <v>5</v>
      </c>
      <c r="BM34" s="71">
        <v>9</v>
      </c>
      <c r="BN34" s="71">
        <v>4</v>
      </c>
      <c r="BO34" s="72">
        <v>44</v>
      </c>
      <c r="BP34" s="73">
        <v>56</v>
      </c>
      <c r="BQ34" s="70">
        <v>5</v>
      </c>
      <c r="BR34" s="71">
        <v>7</v>
      </c>
      <c r="BS34" s="72">
        <v>12</v>
      </c>
      <c r="BT34" s="244"/>
      <c r="BU34" s="71">
        <v>13</v>
      </c>
      <c r="BV34" s="71">
        <v>11</v>
      </c>
      <c r="BW34" s="71">
        <v>13</v>
      </c>
      <c r="BX34" s="71">
        <v>6</v>
      </c>
      <c r="BY34" s="71">
        <v>6</v>
      </c>
      <c r="BZ34" s="72">
        <v>49</v>
      </c>
      <c r="CA34" s="73">
        <v>61</v>
      </c>
      <c r="CB34" s="70">
        <v>0</v>
      </c>
      <c r="CC34" s="71">
        <v>4</v>
      </c>
      <c r="CD34" s="72">
        <v>4</v>
      </c>
      <c r="CE34" s="244"/>
      <c r="CF34" s="71">
        <v>2</v>
      </c>
      <c r="CG34" s="71">
        <v>0</v>
      </c>
      <c r="CH34" s="71">
        <v>0</v>
      </c>
      <c r="CI34" s="71">
        <v>1</v>
      </c>
      <c r="CJ34" s="71">
        <v>0</v>
      </c>
      <c r="CK34" s="72">
        <v>3</v>
      </c>
      <c r="CL34" s="73">
        <v>7</v>
      </c>
      <c r="CM34" s="70">
        <v>20</v>
      </c>
      <c r="CN34" s="71">
        <v>42</v>
      </c>
      <c r="CO34" s="72">
        <v>62</v>
      </c>
      <c r="CP34" s="244"/>
      <c r="CQ34" s="71">
        <v>58</v>
      </c>
      <c r="CR34" s="71">
        <v>46</v>
      </c>
      <c r="CS34" s="71">
        <v>37</v>
      </c>
      <c r="CT34" s="71">
        <v>34</v>
      </c>
      <c r="CU34" s="71">
        <v>18</v>
      </c>
      <c r="CV34" s="72">
        <v>193</v>
      </c>
      <c r="CW34" s="73">
        <v>255</v>
      </c>
      <c r="CX34" s="123">
        <v>53</v>
      </c>
      <c r="CY34" s="82">
        <v>85</v>
      </c>
      <c r="CZ34" s="83">
        <v>138</v>
      </c>
      <c r="DA34" s="241"/>
      <c r="DB34" s="82">
        <v>109</v>
      </c>
      <c r="DC34" s="82">
        <v>88</v>
      </c>
      <c r="DD34" s="82">
        <v>74</v>
      </c>
      <c r="DE34" s="82">
        <v>71</v>
      </c>
      <c r="DF34" s="82">
        <v>43</v>
      </c>
      <c r="DG34" s="84">
        <v>385</v>
      </c>
      <c r="DH34" s="85">
        <v>523</v>
      </c>
      <c r="DI34" s="70">
        <v>0</v>
      </c>
      <c r="DJ34" s="71">
        <v>3</v>
      </c>
      <c r="DK34" s="72">
        <v>3</v>
      </c>
      <c r="DL34" s="244"/>
      <c r="DM34" s="71">
        <v>1</v>
      </c>
      <c r="DN34" s="71">
        <v>1</v>
      </c>
      <c r="DO34" s="71">
        <v>1</v>
      </c>
      <c r="DP34" s="71">
        <v>2</v>
      </c>
      <c r="DQ34" s="71">
        <v>2</v>
      </c>
      <c r="DR34" s="72">
        <v>7</v>
      </c>
      <c r="DS34" s="73">
        <v>10</v>
      </c>
      <c r="DT34" s="70">
        <v>2</v>
      </c>
      <c r="DU34" s="71">
        <v>5</v>
      </c>
      <c r="DV34" s="72">
        <v>7</v>
      </c>
      <c r="DW34" s="244"/>
      <c r="DX34" s="71">
        <v>13</v>
      </c>
      <c r="DY34" s="71">
        <v>5</v>
      </c>
      <c r="DZ34" s="71">
        <v>2</v>
      </c>
      <c r="EA34" s="71">
        <v>6</v>
      </c>
      <c r="EB34" s="71">
        <v>2</v>
      </c>
      <c r="EC34" s="72">
        <v>28</v>
      </c>
      <c r="ED34" s="73">
        <v>35</v>
      </c>
      <c r="EE34" s="70">
        <v>2</v>
      </c>
      <c r="EF34" s="71">
        <v>7</v>
      </c>
      <c r="EG34" s="72">
        <v>9</v>
      </c>
      <c r="EH34" s="244"/>
      <c r="EI34" s="71">
        <v>10</v>
      </c>
      <c r="EJ34" s="71">
        <v>7</v>
      </c>
      <c r="EK34" s="71">
        <v>3</v>
      </c>
      <c r="EL34" s="71">
        <v>6</v>
      </c>
      <c r="EM34" s="71">
        <v>2</v>
      </c>
      <c r="EN34" s="72">
        <v>28</v>
      </c>
      <c r="EO34" s="73">
        <v>37</v>
      </c>
      <c r="EP34" s="70">
        <v>17</v>
      </c>
      <c r="EQ34" s="71">
        <v>29</v>
      </c>
      <c r="ER34" s="72">
        <v>46</v>
      </c>
      <c r="ES34" s="244"/>
      <c r="ET34" s="71">
        <v>17</v>
      </c>
      <c r="EU34" s="71">
        <v>14</v>
      </c>
      <c r="EV34" s="71">
        <v>15</v>
      </c>
      <c r="EW34" s="71">
        <v>7</v>
      </c>
      <c r="EX34" s="71">
        <v>5</v>
      </c>
      <c r="EY34" s="72">
        <v>58</v>
      </c>
      <c r="EZ34" s="73">
        <v>104</v>
      </c>
      <c r="FA34" s="70">
        <v>23</v>
      </c>
      <c r="FB34" s="71">
        <v>26</v>
      </c>
      <c r="FC34" s="72">
        <v>49</v>
      </c>
      <c r="FD34" s="244"/>
      <c r="FE34" s="71">
        <v>27</v>
      </c>
      <c r="FF34" s="71">
        <v>33</v>
      </c>
      <c r="FG34" s="71">
        <v>23</v>
      </c>
      <c r="FH34" s="71">
        <v>18</v>
      </c>
      <c r="FI34" s="71">
        <v>11</v>
      </c>
      <c r="FJ34" s="72">
        <v>112</v>
      </c>
      <c r="FK34" s="73">
        <v>161</v>
      </c>
      <c r="FL34" s="70">
        <v>9</v>
      </c>
      <c r="FM34" s="71">
        <v>15</v>
      </c>
      <c r="FN34" s="72">
        <v>24</v>
      </c>
      <c r="FO34" s="244"/>
      <c r="FP34" s="71">
        <v>41</v>
      </c>
      <c r="FQ34" s="71">
        <v>28</v>
      </c>
      <c r="FR34" s="71">
        <v>30</v>
      </c>
      <c r="FS34" s="71">
        <v>32</v>
      </c>
      <c r="FT34" s="71">
        <v>21</v>
      </c>
      <c r="FU34" s="72">
        <v>152</v>
      </c>
      <c r="FV34" s="73">
        <v>176</v>
      </c>
      <c r="FW34" s="70">
        <v>0</v>
      </c>
      <c r="FX34" s="71">
        <v>0</v>
      </c>
      <c r="FY34" s="72">
        <v>0</v>
      </c>
      <c r="FZ34" s="244"/>
      <c r="GA34" s="71">
        <v>2</v>
      </c>
      <c r="GB34" s="71">
        <v>0</v>
      </c>
      <c r="GC34" s="71">
        <v>1</v>
      </c>
      <c r="GD34" s="71">
        <v>1</v>
      </c>
      <c r="GE34" s="71">
        <v>1</v>
      </c>
      <c r="GF34" s="72">
        <v>5</v>
      </c>
      <c r="GG34" s="73">
        <v>5</v>
      </c>
      <c r="GH34" s="70">
        <v>53</v>
      </c>
      <c r="GI34" s="71">
        <v>85</v>
      </c>
      <c r="GJ34" s="72">
        <v>138</v>
      </c>
      <c r="GK34" s="244"/>
      <c r="GL34" s="71">
        <v>111</v>
      </c>
      <c r="GM34" s="71">
        <v>88</v>
      </c>
      <c r="GN34" s="71">
        <v>75</v>
      </c>
      <c r="GO34" s="71">
        <v>72</v>
      </c>
      <c r="GP34" s="71">
        <v>44</v>
      </c>
      <c r="GQ34" s="72">
        <v>390</v>
      </c>
      <c r="GR34" s="73">
        <v>528</v>
      </c>
      <c r="GS34" s="123">
        <v>73</v>
      </c>
      <c r="GT34" s="82">
        <v>123</v>
      </c>
      <c r="GU34" s="83">
        <v>196</v>
      </c>
      <c r="GV34" s="241"/>
      <c r="GW34" s="82">
        <v>165</v>
      </c>
      <c r="GX34" s="82">
        <v>134</v>
      </c>
      <c r="GY34" s="82">
        <v>111</v>
      </c>
      <c r="GZ34" s="82">
        <v>104</v>
      </c>
      <c r="HA34" s="82">
        <v>61</v>
      </c>
      <c r="HB34" s="84">
        <v>575</v>
      </c>
      <c r="HC34" s="85">
        <v>771</v>
      </c>
      <c r="HD34" s="70">
        <v>0</v>
      </c>
      <c r="HE34" s="71">
        <v>4</v>
      </c>
      <c r="HF34" s="72">
        <v>4</v>
      </c>
      <c r="HG34" s="244"/>
      <c r="HH34" s="71">
        <v>2</v>
      </c>
      <c r="HI34" s="71">
        <v>4</v>
      </c>
      <c r="HJ34" s="71">
        <v>5</v>
      </c>
      <c r="HK34" s="71">
        <v>3</v>
      </c>
      <c r="HL34" s="71">
        <v>3</v>
      </c>
      <c r="HM34" s="72">
        <v>17</v>
      </c>
      <c r="HN34" s="73">
        <v>21</v>
      </c>
      <c r="HO34" s="70">
        <v>5</v>
      </c>
      <c r="HP34" s="71">
        <v>10</v>
      </c>
      <c r="HQ34" s="72">
        <v>15</v>
      </c>
      <c r="HR34" s="244"/>
      <c r="HS34" s="71">
        <v>19</v>
      </c>
      <c r="HT34" s="71">
        <v>12</v>
      </c>
      <c r="HU34" s="71">
        <v>4</v>
      </c>
      <c r="HV34" s="71">
        <v>11</v>
      </c>
      <c r="HW34" s="71">
        <v>5</v>
      </c>
      <c r="HX34" s="72">
        <v>51</v>
      </c>
      <c r="HY34" s="73">
        <v>66</v>
      </c>
      <c r="HZ34" s="70">
        <v>5</v>
      </c>
      <c r="IA34" s="71">
        <v>13</v>
      </c>
      <c r="IB34" s="72">
        <v>18</v>
      </c>
      <c r="IC34" s="244"/>
      <c r="ID34" s="71">
        <v>18</v>
      </c>
      <c r="IE34" s="71">
        <v>11</v>
      </c>
      <c r="IF34" s="71">
        <v>11</v>
      </c>
      <c r="IG34" s="71">
        <v>13</v>
      </c>
      <c r="IH34" s="71">
        <v>4</v>
      </c>
      <c r="II34" s="72">
        <v>57</v>
      </c>
      <c r="IJ34" s="73">
        <v>75</v>
      </c>
      <c r="IK34" s="70">
        <v>21</v>
      </c>
      <c r="IL34" s="71">
        <v>41</v>
      </c>
      <c r="IM34" s="72">
        <v>62</v>
      </c>
      <c r="IN34" s="244"/>
      <c r="IO34" s="71">
        <v>30</v>
      </c>
      <c r="IP34" s="71">
        <v>24</v>
      </c>
      <c r="IQ34" s="71">
        <v>20</v>
      </c>
      <c r="IR34" s="71">
        <v>12</v>
      </c>
      <c r="IS34" s="71">
        <v>7</v>
      </c>
      <c r="IT34" s="72">
        <v>93</v>
      </c>
      <c r="IU34" s="73">
        <v>155</v>
      </c>
      <c r="IV34" s="70">
        <v>28</v>
      </c>
      <c r="IW34" s="71">
        <v>33</v>
      </c>
      <c r="IX34" s="72">
        <v>61</v>
      </c>
      <c r="IY34" s="244"/>
      <c r="IZ34" s="71">
        <v>42</v>
      </c>
      <c r="JA34" s="71">
        <v>44</v>
      </c>
      <c r="JB34" s="71">
        <v>28</v>
      </c>
      <c r="JC34" s="71">
        <v>27</v>
      </c>
      <c r="JD34" s="71">
        <v>15</v>
      </c>
      <c r="JE34" s="72">
        <v>156</v>
      </c>
      <c r="JF34" s="73">
        <v>217</v>
      </c>
      <c r="JG34" s="70">
        <v>14</v>
      </c>
      <c r="JH34" s="71">
        <v>22</v>
      </c>
      <c r="JI34" s="72">
        <v>36</v>
      </c>
      <c r="JJ34" s="244"/>
      <c r="JK34" s="71">
        <v>54</v>
      </c>
      <c r="JL34" s="71">
        <v>39</v>
      </c>
      <c r="JM34" s="71">
        <v>43</v>
      </c>
      <c r="JN34" s="71">
        <v>38</v>
      </c>
      <c r="JO34" s="71">
        <v>27</v>
      </c>
      <c r="JP34" s="72">
        <v>201</v>
      </c>
      <c r="JQ34" s="73">
        <v>237</v>
      </c>
      <c r="JR34" s="70">
        <v>0</v>
      </c>
      <c r="JS34" s="71">
        <v>4</v>
      </c>
      <c r="JT34" s="72">
        <v>4</v>
      </c>
      <c r="JU34" s="244"/>
      <c r="JV34" s="71">
        <v>4</v>
      </c>
      <c r="JW34" s="71">
        <v>0</v>
      </c>
      <c r="JX34" s="71">
        <v>1</v>
      </c>
      <c r="JY34" s="71">
        <v>2</v>
      </c>
      <c r="JZ34" s="71">
        <v>1</v>
      </c>
      <c r="KA34" s="72">
        <v>8</v>
      </c>
      <c r="KB34" s="73">
        <v>12</v>
      </c>
      <c r="KC34" s="70">
        <v>73</v>
      </c>
      <c r="KD34" s="71">
        <v>127</v>
      </c>
      <c r="KE34" s="72">
        <v>200</v>
      </c>
      <c r="KF34" s="244"/>
      <c r="KG34" s="71">
        <v>169</v>
      </c>
      <c r="KH34" s="71">
        <v>134</v>
      </c>
      <c r="KI34" s="71">
        <v>112</v>
      </c>
      <c r="KJ34" s="71">
        <v>106</v>
      </c>
      <c r="KK34" s="71">
        <v>62</v>
      </c>
      <c r="KL34" s="72">
        <v>583</v>
      </c>
      <c r="KM34" s="73">
        <v>783</v>
      </c>
    </row>
    <row r="35" spans="2:299" ht="21" customHeight="1" x14ac:dyDescent="0.2">
      <c r="B35" s="126" t="s">
        <v>32</v>
      </c>
      <c r="C35" s="313">
        <v>23</v>
      </c>
      <c r="D35" s="82">
        <v>23</v>
      </c>
      <c r="E35" s="83">
        <v>46</v>
      </c>
      <c r="F35" s="241"/>
      <c r="G35" s="82">
        <v>68</v>
      </c>
      <c r="H35" s="82">
        <v>56</v>
      </c>
      <c r="I35" s="82">
        <v>40</v>
      </c>
      <c r="J35" s="82">
        <v>34</v>
      </c>
      <c r="K35" s="82">
        <v>23</v>
      </c>
      <c r="L35" s="84">
        <v>221</v>
      </c>
      <c r="M35" s="85">
        <v>267</v>
      </c>
      <c r="N35" s="70">
        <v>2</v>
      </c>
      <c r="O35" s="71">
        <v>1</v>
      </c>
      <c r="P35" s="72">
        <v>3</v>
      </c>
      <c r="Q35" s="244"/>
      <c r="R35" s="71">
        <v>5</v>
      </c>
      <c r="S35" s="71">
        <v>3</v>
      </c>
      <c r="T35" s="71">
        <v>3</v>
      </c>
      <c r="U35" s="71">
        <v>3</v>
      </c>
      <c r="V35" s="71">
        <v>0</v>
      </c>
      <c r="W35" s="72">
        <v>14</v>
      </c>
      <c r="X35" s="73">
        <v>17</v>
      </c>
      <c r="Y35" s="70">
        <v>5</v>
      </c>
      <c r="Z35" s="71">
        <v>1</v>
      </c>
      <c r="AA35" s="72">
        <v>6</v>
      </c>
      <c r="AB35" s="244"/>
      <c r="AC35" s="71">
        <v>3</v>
      </c>
      <c r="AD35" s="71">
        <v>8</v>
      </c>
      <c r="AE35" s="71">
        <v>4</v>
      </c>
      <c r="AF35" s="71">
        <v>5</v>
      </c>
      <c r="AG35" s="71">
        <v>3</v>
      </c>
      <c r="AH35" s="72">
        <v>23</v>
      </c>
      <c r="AI35" s="73">
        <v>29</v>
      </c>
      <c r="AJ35" s="70">
        <v>4</v>
      </c>
      <c r="AK35" s="71">
        <v>0</v>
      </c>
      <c r="AL35" s="72">
        <v>4</v>
      </c>
      <c r="AM35" s="244"/>
      <c r="AN35" s="71">
        <v>9</v>
      </c>
      <c r="AO35" s="71">
        <v>10</v>
      </c>
      <c r="AP35" s="71">
        <v>3</v>
      </c>
      <c r="AQ35" s="71">
        <v>2</v>
      </c>
      <c r="AR35" s="71">
        <v>6</v>
      </c>
      <c r="AS35" s="72">
        <v>30</v>
      </c>
      <c r="AT35" s="73">
        <v>34</v>
      </c>
      <c r="AU35" s="70">
        <v>4</v>
      </c>
      <c r="AV35" s="71">
        <v>8</v>
      </c>
      <c r="AW35" s="72">
        <v>12</v>
      </c>
      <c r="AX35" s="244"/>
      <c r="AY35" s="71">
        <v>26</v>
      </c>
      <c r="AZ35" s="71">
        <v>10</v>
      </c>
      <c r="BA35" s="71">
        <v>12</v>
      </c>
      <c r="BB35" s="71">
        <v>7</v>
      </c>
      <c r="BC35" s="71">
        <v>5</v>
      </c>
      <c r="BD35" s="72">
        <v>60</v>
      </c>
      <c r="BE35" s="73">
        <v>72</v>
      </c>
      <c r="BF35" s="70">
        <v>6</v>
      </c>
      <c r="BG35" s="71">
        <v>7</v>
      </c>
      <c r="BH35" s="72">
        <v>13</v>
      </c>
      <c r="BI35" s="244"/>
      <c r="BJ35" s="71">
        <v>18</v>
      </c>
      <c r="BK35" s="71">
        <v>11</v>
      </c>
      <c r="BL35" s="71">
        <v>14</v>
      </c>
      <c r="BM35" s="71">
        <v>7</v>
      </c>
      <c r="BN35" s="71">
        <v>8</v>
      </c>
      <c r="BO35" s="72">
        <v>58</v>
      </c>
      <c r="BP35" s="73">
        <v>71</v>
      </c>
      <c r="BQ35" s="70">
        <v>2</v>
      </c>
      <c r="BR35" s="71">
        <v>6</v>
      </c>
      <c r="BS35" s="72">
        <v>8</v>
      </c>
      <c r="BT35" s="244"/>
      <c r="BU35" s="71">
        <v>7</v>
      </c>
      <c r="BV35" s="71">
        <v>14</v>
      </c>
      <c r="BW35" s="71">
        <v>4</v>
      </c>
      <c r="BX35" s="71">
        <v>10</v>
      </c>
      <c r="BY35" s="71">
        <v>1</v>
      </c>
      <c r="BZ35" s="72">
        <v>36</v>
      </c>
      <c r="CA35" s="73">
        <v>44</v>
      </c>
      <c r="CB35" s="70">
        <v>1</v>
      </c>
      <c r="CC35" s="71">
        <v>1</v>
      </c>
      <c r="CD35" s="72">
        <v>2</v>
      </c>
      <c r="CE35" s="244"/>
      <c r="CF35" s="71">
        <v>4</v>
      </c>
      <c r="CG35" s="71">
        <v>4</v>
      </c>
      <c r="CH35" s="71">
        <v>2</v>
      </c>
      <c r="CI35" s="71">
        <v>2</v>
      </c>
      <c r="CJ35" s="71">
        <v>4</v>
      </c>
      <c r="CK35" s="72">
        <v>16</v>
      </c>
      <c r="CL35" s="73">
        <v>18</v>
      </c>
      <c r="CM35" s="70">
        <v>24</v>
      </c>
      <c r="CN35" s="71">
        <v>24</v>
      </c>
      <c r="CO35" s="72">
        <v>48</v>
      </c>
      <c r="CP35" s="244"/>
      <c r="CQ35" s="71">
        <v>72</v>
      </c>
      <c r="CR35" s="71">
        <v>60</v>
      </c>
      <c r="CS35" s="71">
        <v>42</v>
      </c>
      <c r="CT35" s="71">
        <v>36</v>
      </c>
      <c r="CU35" s="71">
        <v>27</v>
      </c>
      <c r="CV35" s="72">
        <v>237</v>
      </c>
      <c r="CW35" s="73">
        <v>285</v>
      </c>
      <c r="CX35" s="123">
        <v>35</v>
      </c>
      <c r="CY35" s="82">
        <v>75</v>
      </c>
      <c r="CZ35" s="83">
        <v>110</v>
      </c>
      <c r="DA35" s="241"/>
      <c r="DB35" s="82">
        <v>122</v>
      </c>
      <c r="DC35" s="82">
        <v>93</v>
      </c>
      <c r="DD35" s="82">
        <v>84</v>
      </c>
      <c r="DE35" s="82">
        <v>74</v>
      </c>
      <c r="DF35" s="82">
        <v>41</v>
      </c>
      <c r="DG35" s="84">
        <v>414</v>
      </c>
      <c r="DH35" s="85">
        <v>524</v>
      </c>
      <c r="DI35" s="70">
        <v>2</v>
      </c>
      <c r="DJ35" s="71">
        <v>0</v>
      </c>
      <c r="DK35" s="72">
        <v>2</v>
      </c>
      <c r="DL35" s="244"/>
      <c r="DM35" s="71">
        <v>4</v>
      </c>
      <c r="DN35" s="71">
        <v>5</v>
      </c>
      <c r="DO35" s="71">
        <v>2</v>
      </c>
      <c r="DP35" s="71">
        <v>0</v>
      </c>
      <c r="DQ35" s="71">
        <v>0</v>
      </c>
      <c r="DR35" s="72">
        <v>11</v>
      </c>
      <c r="DS35" s="73">
        <v>13</v>
      </c>
      <c r="DT35" s="70">
        <v>2</v>
      </c>
      <c r="DU35" s="71">
        <v>5</v>
      </c>
      <c r="DV35" s="72">
        <v>7</v>
      </c>
      <c r="DW35" s="244"/>
      <c r="DX35" s="71">
        <v>9</v>
      </c>
      <c r="DY35" s="71">
        <v>1</v>
      </c>
      <c r="DZ35" s="71">
        <v>2</v>
      </c>
      <c r="EA35" s="71">
        <v>5</v>
      </c>
      <c r="EB35" s="71">
        <v>3</v>
      </c>
      <c r="EC35" s="72">
        <v>20</v>
      </c>
      <c r="ED35" s="73">
        <v>27</v>
      </c>
      <c r="EE35" s="70">
        <v>6</v>
      </c>
      <c r="EF35" s="71">
        <v>10</v>
      </c>
      <c r="EG35" s="72">
        <v>16</v>
      </c>
      <c r="EH35" s="244"/>
      <c r="EI35" s="71">
        <v>18</v>
      </c>
      <c r="EJ35" s="71">
        <v>5</v>
      </c>
      <c r="EK35" s="71">
        <v>7</v>
      </c>
      <c r="EL35" s="71">
        <v>2</v>
      </c>
      <c r="EM35" s="71">
        <v>5</v>
      </c>
      <c r="EN35" s="72">
        <v>37</v>
      </c>
      <c r="EO35" s="73">
        <v>53</v>
      </c>
      <c r="EP35" s="70">
        <v>11</v>
      </c>
      <c r="EQ35" s="71">
        <v>19</v>
      </c>
      <c r="ER35" s="72">
        <v>30</v>
      </c>
      <c r="ES35" s="244"/>
      <c r="ET35" s="71">
        <v>25</v>
      </c>
      <c r="EU35" s="71">
        <v>24</v>
      </c>
      <c r="EV35" s="71">
        <v>19</v>
      </c>
      <c r="EW35" s="71">
        <v>11</v>
      </c>
      <c r="EX35" s="71">
        <v>7</v>
      </c>
      <c r="EY35" s="72">
        <v>86</v>
      </c>
      <c r="EZ35" s="73">
        <v>116</v>
      </c>
      <c r="FA35" s="70">
        <v>8</v>
      </c>
      <c r="FB35" s="71">
        <v>18</v>
      </c>
      <c r="FC35" s="72">
        <v>26</v>
      </c>
      <c r="FD35" s="244"/>
      <c r="FE35" s="71">
        <v>30</v>
      </c>
      <c r="FF35" s="71">
        <v>26</v>
      </c>
      <c r="FG35" s="71">
        <v>17</v>
      </c>
      <c r="FH35" s="71">
        <v>20</v>
      </c>
      <c r="FI35" s="71">
        <v>11</v>
      </c>
      <c r="FJ35" s="72">
        <v>104</v>
      </c>
      <c r="FK35" s="73">
        <v>130</v>
      </c>
      <c r="FL35" s="70">
        <v>6</v>
      </c>
      <c r="FM35" s="71">
        <v>23</v>
      </c>
      <c r="FN35" s="72">
        <v>29</v>
      </c>
      <c r="FO35" s="244"/>
      <c r="FP35" s="71">
        <v>36</v>
      </c>
      <c r="FQ35" s="71">
        <v>32</v>
      </c>
      <c r="FR35" s="71">
        <v>37</v>
      </c>
      <c r="FS35" s="71">
        <v>36</v>
      </c>
      <c r="FT35" s="71">
        <v>15</v>
      </c>
      <c r="FU35" s="72">
        <v>156</v>
      </c>
      <c r="FV35" s="73">
        <v>185</v>
      </c>
      <c r="FW35" s="70">
        <v>1</v>
      </c>
      <c r="FX35" s="71">
        <v>1</v>
      </c>
      <c r="FY35" s="72">
        <v>2</v>
      </c>
      <c r="FZ35" s="244"/>
      <c r="GA35" s="71">
        <v>3</v>
      </c>
      <c r="GB35" s="71">
        <v>3</v>
      </c>
      <c r="GC35" s="71">
        <v>1</v>
      </c>
      <c r="GD35" s="71">
        <v>0</v>
      </c>
      <c r="GE35" s="71">
        <v>1</v>
      </c>
      <c r="GF35" s="72">
        <v>8</v>
      </c>
      <c r="GG35" s="73">
        <v>10</v>
      </c>
      <c r="GH35" s="70">
        <v>36</v>
      </c>
      <c r="GI35" s="71">
        <v>76</v>
      </c>
      <c r="GJ35" s="72">
        <v>112</v>
      </c>
      <c r="GK35" s="244"/>
      <c r="GL35" s="71">
        <v>125</v>
      </c>
      <c r="GM35" s="71">
        <v>96</v>
      </c>
      <c r="GN35" s="71">
        <v>85</v>
      </c>
      <c r="GO35" s="71">
        <v>74</v>
      </c>
      <c r="GP35" s="71">
        <v>42</v>
      </c>
      <c r="GQ35" s="72">
        <v>422</v>
      </c>
      <c r="GR35" s="73">
        <v>534</v>
      </c>
      <c r="GS35" s="123">
        <v>58</v>
      </c>
      <c r="GT35" s="82">
        <v>98</v>
      </c>
      <c r="GU35" s="83">
        <v>156</v>
      </c>
      <c r="GV35" s="241"/>
      <c r="GW35" s="82">
        <v>190</v>
      </c>
      <c r="GX35" s="82">
        <v>149</v>
      </c>
      <c r="GY35" s="82">
        <v>124</v>
      </c>
      <c r="GZ35" s="82">
        <v>108</v>
      </c>
      <c r="HA35" s="82">
        <v>64</v>
      </c>
      <c r="HB35" s="84">
        <v>635</v>
      </c>
      <c r="HC35" s="85">
        <v>791</v>
      </c>
      <c r="HD35" s="70">
        <v>4</v>
      </c>
      <c r="HE35" s="71">
        <v>1</v>
      </c>
      <c r="HF35" s="72">
        <v>5</v>
      </c>
      <c r="HG35" s="244"/>
      <c r="HH35" s="71">
        <v>9</v>
      </c>
      <c r="HI35" s="71">
        <v>8</v>
      </c>
      <c r="HJ35" s="71">
        <v>5</v>
      </c>
      <c r="HK35" s="71">
        <v>3</v>
      </c>
      <c r="HL35" s="71">
        <v>0</v>
      </c>
      <c r="HM35" s="72">
        <v>25</v>
      </c>
      <c r="HN35" s="73">
        <v>30</v>
      </c>
      <c r="HO35" s="70">
        <v>7</v>
      </c>
      <c r="HP35" s="71">
        <v>6</v>
      </c>
      <c r="HQ35" s="72">
        <v>13</v>
      </c>
      <c r="HR35" s="244"/>
      <c r="HS35" s="71">
        <v>12</v>
      </c>
      <c r="HT35" s="71">
        <v>9</v>
      </c>
      <c r="HU35" s="71">
        <v>6</v>
      </c>
      <c r="HV35" s="71">
        <v>10</v>
      </c>
      <c r="HW35" s="71">
        <v>6</v>
      </c>
      <c r="HX35" s="72">
        <v>43</v>
      </c>
      <c r="HY35" s="73">
        <v>56</v>
      </c>
      <c r="HZ35" s="70">
        <v>10</v>
      </c>
      <c r="IA35" s="71">
        <v>10</v>
      </c>
      <c r="IB35" s="72">
        <v>20</v>
      </c>
      <c r="IC35" s="244"/>
      <c r="ID35" s="71">
        <v>27</v>
      </c>
      <c r="IE35" s="71">
        <v>15</v>
      </c>
      <c r="IF35" s="71">
        <v>10</v>
      </c>
      <c r="IG35" s="71">
        <v>4</v>
      </c>
      <c r="IH35" s="71">
        <v>11</v>
      </c>
      <c r="II35" s="72">
        <v>67</v>
      </c>
      <c r="IJ35" s="73">
        <v>87</v>
      </c>
      <c r="IK35" s="70">
        <v>15</v>
      </c>
      <c r="IL35" s="71">
        <v>27</v>
      </c>
      <c r="IM35" s="72">
        <v>42</v>
      </c>
      <c r="IN35" s="244"/>
      <c r="IO35" s="71">
        <v>51</v>
      </c>
      <c r="IP35" s="71">
        <v>34</v>
      </c>
      <c r="IQ35" s="71">
        <v>31</v>
      </c>
      <c r="IR35" s="71">
        <v>18</v>
      </c>
      <c r="IS35" s="71">
        <v>12</v>
      </c>
      <c r="IT35" s="72">
        <v>146</v>
      </c>
      <c r="IU35" s="73">
        <v>188</v>
      </c>
      <c r="IV35" s="70">
        <v>14</v>
      </c>
      <c r="IW35" s="71">
        <v>25</v>
      </c>
      <c r="IX35" s="72">
        <v>39</v>
      </c>
      <c r="IY35" s="244"/>
      <c r="IZ35" s="71">
        <v>48</v>
      </c>
      <c r="JA35" s="71">
        <v>37</v>
      </c>
      <c r="JB35" s="71">
        <v>31</v>
      </c>
      <c r="JC35" s="71">
        <v>27</v>
      </c>
      <c r="JD35" s="71">
        <v>19</v>
      </c>
      <c r="JE35" s="72">
        <v>162</v>
      </c>
      <c r="JF35" s="73">
        <v>201</v>
      </c>
      <c r="JG35" s="70">
        <v>8</v>
      </c>
      <c r="JH35" s="71">
        <v>29</v>
      </c>
      <c r="JI35" s="72">
        <v>37</v>
      </c>
      <c r="JJ35" s="244"/>
      <c r="JK35" s="71">
        <v>43</v>
      </c>
      <c r="JL35" s="71">
        <v>46</v>
      </c>
      <c r="JM35" s="71">
        <v>41</v>
      </c>
      <c r="JN35" s="71">
        <v>46</v>
      </c>
      <c r="JO35" s="71">
        <v>16</v>
      </c>
      <c r="JP35" s="72">
        <v>192</v>
      </c>
      <c r="JQ35" s="73">
        <v>229</v>
      </c>
      <c r="JR35" s="70">
        <v>2</v>
      </c>
      <c r="JS35" s="71">
        <v>2</v>
      </c>
      <c r="JT35" s="72">
        <v>4</v>
      </c>
      <c r="JU35" s="244"/>
      <c r="JV35" s="71">
        <v>7</v>
      </c>
      <c r="JW35" s="71">
        <v>7</v>
      </c>
      <c r="JX35" s="71">
        <v>3</v>
      </c>
      <c r="JY35" s="71">
        <v>2</v>
      </c>
      <c r="JZ35" s="71">
        <v>5</v>
      </c>
      <c r="KA35" s="72">
        <v>24</v>
      </c>
      <c r="KB35" s="73">
        <v>28</v>
      </c>
      <c r="KC35" s="70">
        <v>60</v>
      </c>
      <c r="KD35" s="71">
        <v>100</v>
      </c>
      <c r="KE35" s="72">
        <v>160</v>
      </c>
      <c r="KF35" s="244"/>
      <c r="KG35" s="71">
        <v>197</v>
      </c>
      <c r="KH35" s="71">
        <v>156</v>
      </c>
      <c r="KI35" s="71">
        <v>127</v>
      </c>
      <c r="KJ35" s="71">
        <v>110</v>
      </c>
      <c r="KK35" s="71">
        <v>69</v>
      </c>
      <c r="KL35" s="72">
        <v>659</v>
      </c>
      <c r="KM35" s="73">
        <v>819</v>
      </c>
    </row>
    <row r="36" spans="2:299" ht="21" customHeight="1" x14ac:dyDescent="0.2">
      <c r="B36" s="126" t="s">
        <v>33</v>
      </c>
      <c r="C36" s="313">
        <v>34</v>
      </c>
      <c r="D36" s="82">
        <v>25</v>
      </c>
      <c r="E36" s="83">
        <v>59</v>
      </c>
      <c r="F36" s="241"/>
      <c r="G36" s="82">
        <v>56</v>
      </c>
      <c r="H36" s="82">
        <v>41</v>
      </c>
      <c r="I36" s="82">
        <v>42</v>
      </c>
      <c r="J36" s="82">
        <v>23</v>
      </c>
      <c r="K36" s="82">
        <v>17</v>
      </c>
      <c r="L36" s="84">
        <v>179</v>
      </c>
      <c r="M36" s="85">
        <v>238</v>
      </c>
      <c r="N36" s="70">
        <v>0</v>
      </c>
      <c r="O36" s="71">
        <v>0</v>
      </c>
      <c r="P36" s="72">
        <v>0</v>
      </c>
      <c r="Q36" s="244"/>
      <c r="R36" s="71">
        <v>2</v>
      </c>
      <c r="S36" s="71">
        <v>1</v>
      </c>
      <c r="T36" s="71">
        <v>4</v>
      </c>
      <c r="U36" s="71">
        <v>1</v>
      </c>
      <c r="V36" s="71">
        <v>1</v>
      </c>
      <c r="W36" s="72">
        <v>9</v>
      </c>
      <c r="X36" s="73">
        <v>9</v>
      </c>
      <c r="Y36" s="70">
        <v>4</v>
      </c>
      <c r="Z36" s="71">
        <v>5</v>
      </c>
      <c r="AA36" s="72">
        <v>9</v>
      </c>
      <c r="AB36" s="244"/>
      <c r="AC36" s="71">
        <v>7</v>
      </c>
      <c r="AD36" s="71">
        <v>7</v>
      </c>
      <c r="AE36" s="71">
        <v>7</v>
      </c>
      <c r="AF36" s="71">
        <v>6</v>
      </c>
      <c r="AG36" s="71">
        <v>4</v>
      </c>
      <c r="AH36" s="72">
        <v>31</v>
      </c>
      <c r="AI36" s="73">
        <v>40</v>
      </c>
      <c r="AJ36" s="70">
        <v>7</v>
      </c>
      <c r="AK36" s="71">
        <v>4</v>
      </c>
      <c r="AL36" s="72">
        <v>11</v>
      </c>
      <c r="AM36" s="244"/>
      <c r="AN36" s="71">
        <v>15</v>
      </c>
      <c r="AO36" s="71">
        <v>4</v>
      </c>
      <c r="AP36" s="71">
        <v>8</v>
      </c>
      <c r="AQ36" s="71">
        <v>2</v>
      </c>
      <c r="AR36" s="71">
        <v>5</v>
      </c>
      <c r="AS36" s="72">
        <v>34</v>
      </c>
      <c r="AT36" s="73">
        <v>45</v>
      </c>
      <c r="AU36" s="70">
        <v>11</v>
      </c>
      <c r="AV36" s="71">
        <v>9</v>
      </c>
      <c r="AW36" s="72">
        <v>20</v>
      </c>
      <c r="AX36" s="244"/>
      <c r="AY36" s="71">
        <v>12</v>
      </c>
      <c r="AZ36" s="71">
        <v>13</v>
      </c>
      <c r="BA36" s="71">
        <v>7</v>
      </c>
      <c r="BB36" s="71">
        <v>3</v>
      </c>
      <c r="BC36" s="71">
        <v>2</v>
      </c>
      <c r="BD36" s="72">
        <v>37</v>
      </c>
      <c r="BE36" s="73">
        <v>57</v>
      </c>
      <c r="BF36" s="70">
        <v>5</v>
      </c>
      <c r="BG36" s="71">
        <v>4</v>
      </c>
      <c r="BH36" s="72">
        <v>9</v>
      </c>
      <c r="BI36" s="244"/>
      <c r="BJ36" s="71">
        <v>8</v>
      </c>
      <c r="BK36" s="71">
        <v>9</v>
      </c>
      <c r="BL36" s="71">
        <v>12</v>
      </c>
      <c r="BM36" s="71">
        <v>8</v>
      </c>
      <c r="BN36" s="71">
        <v>4</v>
      </c>
      <c r="BO36" s="72">
        <v>41</v>
      </c>
      <c r="BP36" s="73">
        <v>50</v>
      </c>
      <c r="BQ36" s="70">
        <v>7</v>
      </c>
      <c r="BR36" s="71">
        <v>3</v>
      </c>
      <c r="BS36" s="72">
        <v>10</v>
      </c>
      <c r="BT36" s="244"/>
      <c r="BU36" s="71">
        <v>12</v>
      </c>
      <c r="BV36" s="71">
        <v>7</v>
      </c>
      <c r="BW36" s="71">
        <v>4</v>
      </c>
      <c r="BX36" s="71">
        <v>3</v>
      </c>
      <c r="BY36" s="71">
        <v>1</v>
      </c>
      <c r="BZ36" s="72">
        <v>27</v>
      </c>
      <c r="CA36" s="73">
        <v>37</v>
      </c>
      <c r="CB36" s="70">
        <v>1</v>
      </c>
      <c r="CC36" s="71">
        <v>0</v>
      </c>
      <c r="CD36" s="72">
        <v>1</v>
      </c>
      <c r="CE36" s="244"/>
      <c r="CF36" s="71">
        <v>1</v>
      </c>
      <c r="CG36" s="71">
        <v>1</v>
      </c>
      <c r="CH36" s="71">
        <v>0</v>
      </c>
      <c r="CI36" s="71">
        <v>0</v>
      </c>
      <c r="CJ36" s="71">
        <v>0</v>
      </c>
      <c r="CK36" s="72">
        <v>2</v>
      </c>
      <c r="CL36" s="73">
        <v>3</v>
      </c>
      <c r="CM36" s="70">
        <v>35</v>
      </c>
      <c r="CN36" s="71">
        <v>25</v>
      </c>
      <c r="CO36" s="72">
        <v>60</v>
      </c>
      <c r="CP36" s="244"/>
      <c r="CQ36" s="71">
        <v>57</v>
      </c>
      <c r="CR36" s="71">
        <v>42</v>
      </c>
      <c r="CS36" s="71">
        <v>42</v>
      </c>
      <c r="CT36" s="71">
        <v>23</v>
      </c>
      <c r="CU36" s="71">
        <v>17</v>
      </c>
      <c r="CV36" s="72">
        <v>181</v>
      </c>
      <c r="CW36" s="73">
        <v>241</v>
      </c>
      <c r="CX36" s="123">
        <v>42</v>
      </c>
      <c r="CY36" s="82">
        <v>74</v>
      </c>
      <c r="CZ36" s="83">
        <v>116</v>
      </c>
      <c r="DA36" s="241"/>
      <c r="DB36" s="82">
        <v>116</v>
      </c>
      <c r="DC36" s="82">
        <v>85</v>
      </c>
      <c r="DD36" s="82">
        <v>79</v>
      </c>
      <c r="DE36" s="82">
        <v>67</v>
      </c>
      <c r="DF36" s="82">
        <v>61</v>
      </c>
      <c r="DG36" s="84">
        <v>408</v>
      </c>
      <c r="DH36" s="85">
        <v>524</v>
      </c>
      <c r="DI36" s="70">
        <v>1</v>
      </c>
      <c r="DJ36" s="71">
        <v>2</v>
      </c>
      <c r="DK36" s="72">
        <v>3</v>
      </c>
      <c r="DL36" s="244"/>
      <c r="DM36" s="71">
        <v>2</v>
      </c>
      <c r="DN36" s="71">
        <v>1</v>
      </c>
      <c r="DO36" s="71">
        <v>0</v>
      </c>
      <c r="DP36" s="71">
        <v>3</v>
      </c>
      <c r="DQ36" s="71">
        <v>3</v>
      </c>
      <c r="DR36" s="72">
        <v>9</v>
      </c>
      <c r="DS36" s="73">
        <v>12</v>
      </c>
      <c r="DT36" s="70">
        <v>3</v>
      </c>
      <c r="DU36" s="71">
        <v>6</v>
      </c>
      <c r="DV36" s="72">
        <v>9</v>
      </c>
      <c r="DW36" s="244"/>
      <c r="DX36" s="71">
        <v>3</v>
      </c>
      <c r="DY36" s="71">
        <v>5</v>
      </c>
      <c r="DZ36" s="71">
        <v>5</v>
      </c>
      <c r="EA36" s="71">
        <v>1</v>
      </c>
      <c r="EB36" s="71">
        <v>2</v>
      </c>
      <c r="EC36" s="72">
        <v>16</v>
      </c>
      <c r="ED36" s="73">
        <v>25</v>
      </c>
      <c r="EE36" s="70">
        <v>3</v>
      </c>
      <c r="EF36" s="71">
        <v>12</v>
      </c>
      <c r="EG36" s="72">
        <v>15</v>
      </c>
      <c r="EH36" s="244"/>
      <c r="EI36" s="71">
        <v>11</v>
      </c>
      <c r="EJ36" s="71">
        <v>7</v>
      </c>
      <c r="EK36" s="71">
        <v>9</v>
      </c>
      <c r="EL36" s="71">
        <v>5</v>
      </c>
      <c r="EM36" s="71">
        <v>11</v>
      </c>
      <c r="EN36" s="72">
        <v>43</v>
      </c>
      <c r="EO36" s="73">
        <v>58</v>
      </c>
      <c r="EP36" s="70">
        <v>7</v>
      </c>
      <c r="EQ36" s="71">
        <v>14</v>
      </c>
      <c r="ER36" s="72">
        <v>21</v>
      </c>
      <c r="ES36" s="244"/>
      <c r="ET36" s="71">
        <v>29</v>
      </c>
      <c r="EU36" s="71">
        <v>15</v>
      </c>
      <c r="EV36" s="71">
        <v>11</v>
      </c>
      <c r="EW36" s="71">
        <v>12</v>
      </c>
      <c r="EX36" s="71">
        <v>9</v>
      </c>
      <c r="EY36" s="72">
        <v>76</v>
      </c>
      <c r="EZ36" s="73">
        <v>97</v>
      </c>
      <c r="FA36" s="70">
        <v>20</v>
      </c>
      <c r="FB36" s="71">
        <v>21</v>
      </c>
      <c r="FC36" s="72">
        <v>41</v>
      </c>
      <c r="FD36" s="244"/>
      <c r="FE36" s="71">
        <v>38</v>
      </c>
      <c r="FF36" s="71">
        <v>21</v>
      </c>
      <c r="FG36" s="71">
        <v>21</v>
      </c>
      <c r="FH36" s="71">
        <v>14</v>
      </c>
      <c r="FI36" s="71">
        <v>15</v>
      </c>
      <c r="FJ36" s="72">
        <v>109</v>
      </c>
      <c r="FK36" s="73">
        <v>150</v>
      </c>
      <c r="FL36" s="70">
        <v>8</v>
      </c>
      <c r="FM36" s="71">
        <v>19</v>
      </c>
      <c r="FN36" s="72">
        <v>27</v>
      </c>
      <c r="FO36" s="244"/>
      <c r="FP36" s="71">
        <v>33</v>
      </c>
      <c r="FQ36" s="71">
        <v>36</v>
      </c>
      <c r="FR36" s="71">
        <v>33</v>
      </c>
      <c r="FS36" s="71">
        <v>32</v>
      </c>
      <c r="FT36" s="71">
        <v>21</v>
      </c>
      <c r="FU36" s="72">
        <v>155</v>
      </c>
      <c r="FV36" s="73">
        <v>182</v>
      </c>
      <c r="FW36" s="70">
        <v>0</v>
      </c>
      <c r="FX36" s="71">
        <v>0</v>
      </c>
      <c r="FY36" s="72">
        <v>0</v>
      </c>
      <c r="FZ36" s="244"/>
      <c r="GA36" s="71">
        <v>2</v>
      </c>
      <c r="GB36" s="71">
        <v>0</v>
      </c>
      <c r="GC36" s="71">
        <v>0</v>
      </c>
      <c r="GD36" s="71">
        <v>0</v>
      </c>
      <c r="GE36" s="71">
        <v>1</v>
      </c>
      <c r="GF36" s="72">
        <v>3</v>
      </c>
      <c r="GG36" s="73">
        <v>3</v>
      </c>
      <c r="GH36" s="70">
        <v>42</v>
      </c>
      <c r="GI36" s="71">
        <v>74</v>
      </c>
      <c r="GJ36" s="72">
        <v>116</v>
      </c>
      <c r="GK36" s="244"/>
      <c r="GL36" s="71">
        <v>118</v>
      </c>
      <c r="GM36" s="71">
        <v>85</v>
      </c>
      <c r="GN36" s="71">
        <v>79</v>
      </c>
      <c r="GO36" s="71">
        <v>67</v>
      </c>
      <c r="GP36" s="71">
        <v>62</v>
      </c>
      <c r="GQ36" s="72">
        <v>411</v>
      </c>
      <c r="GR36" s="73">
        <v>527</v>
      </c>
      <c r="GS36" s="123">
        <v>76</v>
      </c>
      <c r="GT36" s="82">
        <v>99</v>
      </c>
      <c r="GU36" s="83">
        <v>175</v>
      </c>
      <c r="GV36" s="241"/>
      <c r="GW36" s="82">
        <v>172</v>
      </c>
      <c r="GX36" s="82">
        <v>126</v>
      </c>
      <c r="GY36" s="82">
        <v>121</v>
      </c>
      <c r="GZ36" s="82">
        <v>90</v>
      </c>
      <c r="HA36" s="82">
        <v>78</v>
      </c>
      <c r="HB36" s="84">
        <v>587</v>
      </c>
      <c r="HC36" s="85">
        <v>762</v>
      </c>
      <c r="HD36" s="70">
        <v>1</v>
      </c>
      <c r="HE36" s="71">
        <v>2</v>
      </c>
      <c r="HF36" s="72">
        <v>3</v>
      </c>
      <c r="HG36" s="244"/>
      <c r="HH36" s="71">
        <v>4</v>
      </c>
      <c r="HI36" s="71">
        <v>2</v>
      </c>
      <c r="HJ36" s="71">
        <v>4</v>
      </c>
      <c r="HK36" s="71">
        <v>4</v>
      </c>
      <c r="HL36" s="71">
        <v>4</v>
      </c>
      <c r="HM36" s="72">
        <v>18</v>
      </c>
      <c r="HN36" s="73">
        <v>21</v>
      </c>
      <c r="HO36" s="70">
        <v>7</v>
      </c>
      <c r="HP36" s="71">
        <v>11</v>
      </c>
      <c r="HQ36" s="72">
        <v>18</v>
      </c>
      <c r="HR36" s="244"/>
      <c r="HS36" s="71">
        <v>10</v>
      </c>
      <c r="HT36" s="71">
        <v>12</v>
      </c>
      <c r="HU36" s="71">
        <v>12</v>
      </c>
      <c r="HV36" s="71">
        <v>7</v>
      </c>
      <c r="HW36" s="71">
        <v>6</v>
      </c>
      <c r="HX36" s="72">
        <v>47</v>
      </c>
      <c r="HY36" s="73">
        <v>65</v>
      </c>
      <c r="HZ36" s="70">
        <v>10</v>
      </c>
      <c r="IA36" s="71">
        <v>16</v>
      </c>
      <c r="IB36" s="72">
        <v>26</v>
      </c>
      <c r="IC36" s="244"/>
      <c r="ID36" s="71">
        <v>26</v>
      </c>
      <c r="IE36" s="71">
        <v>11</v>
      </c>
      <c r="IF36" s="71">
        <v>17</v>
      </c>
      <c r="IG36" s="71">
        <v>7</v>
      </c>
      <c r="IH36" s="71">
        <v>16</v>
      </c>
      <c r="II36" s="72">
        <v>77</v>
      </c>
      <c r="IJ36" s="73">
        <v>103</v>
      </c>
      <c r="IK36" s="70">
        <v>18</v>
      </c>
      <c r="IL36" s="71">
        <v>23</v>
      </c>
      <c r="IM36" s="72">
        <v>41</v>
      </c>
      <c r="IN36" s="244"/>
      <c r="IO36" s="71">
        <v>41</v>
      </c>
      <c r="IP36" s="71">
        <v>28</v>
      </c>
      <c r="IQ36" s="71">
        <v>18</v>
      </c>
      <c r="IR36" s="71">
        <v>15</v>
      </c>
      <c r="IS36" s="71">
        <v>11</v>
      </c>
      <c r="IT36" s="72">
        <v>113</v>
      </c>
      <c r="IU36" s="73">
        <v>154</v>
      </c>
      <c r="IV36" s="70">
        <v>25</v>
      </c>
      <c r="IW36" s="71">
        <v>25</v>
      </c>
      <c r="IX36" s="72">
        <v>50</v>
      </c>
      <c r="IY36" s="244"/>
      <c r="IZ36" s="71">
        <v>46</v>
      </c>
      <c r="JA36" s="71">
        <v>30</v>
      </c>
      <c r="JB36" s="71">
        <v>33</v>
      </c>
      <c r="JC36" s="71">
        <v>22</v>
      </c>
      <c r="JD36" s="71">
        <v>19</v>
      </c>
      <c r="JE36" s="72">
        <v>150</v>
      </c>
      <c r="JF36" s="73">
        <v>200</v>
      </c>
      <c r="JG36" s="70">
        <v>15</v>
      </c>
      <c r="JH36" s="71">
        <v>22</v>
      </c>
      <c r="JI36" s="72">
        <v>37</v>
      </c>
      <c r="JJ36" s="244"/>
      <c r="JK36" s="71">
        <v>45</v>
      </c>
      <c r="JL36" s="71">
        <v>43</v>
      </c>
      <c r="JM36" s="71">
        <v>37</v>
      </c>
      <c r="JN36" s="71">
        <v>35</v>
      </c>
      <c r="JO36" s="71">
        <v>22</v>
      </c>
      <c r="JP36" s="72">
        <v>182</v>
      </c>
      <c r="JQ36" s="73">
        <v>219</v>
      </c>
      <c r="JR36" s="70">
        <v>1</v>
      </c>
      <c r="JS36" s="71">
        <v>0</v>
      </c>
      <c r="JT36" s="72">
        <v>1</v>
      </c>
      <c r="JU36" s="244"/>
      <c r="JV36" s="71">
        <v>3</v>
      </c>
      <c r="JW36" s="71">
        <v>1</v>
      </c>
      <c r="JX36" s="71">
        <v>0</v>
      </c>
      <c r="JY36" s="71">
        <v>0</v>
      </c>
      <c r="JZ36" s="71">
        <v>1</v>
      </c>
      <c r="KA36" s="72">
        <v>5</v>
      </c>
      <c r="KB36" s="73">
        <v>6</v>
      </c>
      <c r="KC36" s="70">
        <v>77</v>
      </c>
      <c r="KD36" s="71">
        <v>99</v>
      </c>
      <c r="KE36" s="72">
        <v>176</v>
      </c>
      <c r="KF36" s="244"/>
      <c r="KG36" s="71">
        <v>175</v>
      </c>
      <c r="KH36" s="71">
        <v>127</v>
      </c>
      <c r="KI36" s="71">
        <v>121</v>
      </c>
      <c r="KJ36" s="71">
        <v>90</v>
      </c>
      <c r="KK36" s="71">
        <v>79</v>
      </c>
      <c r="KL36" s="72">
        <v>592</v>
      </c>
      <c r="KM36" s="73">
        <v>768</v>
      </c>
    </row>
    <row r="37" spans="2:299" ht="21" customHeight="1" x14ac:dyDescent="0.2">
      <c r="B37" s="126" t="s">
        <v>34</v>
      </c>
      <c r="C37" s="313">
        <v>16</v>
      </c>
      <c r="D37" s="82">
        <v>18</v>
      </c>
      <c r="E37" s="83">
        <v>34</v>
      </c>
      <c r="F37" s="241"/>
      <c r="G37" s="82">
        <v>38</v>
      </c>
      <c r="H37" s="82">
        <v>38</v>
      </c>
      <c r="I37" s="82">
        <v>17</v>
      </c>
      <c r="J37" s="82">
        <v>26</v>
      </c>
      <c r="K37" s="82">
        <v>13</v>
      </c>
      <c r="L37" s="84">
        <v>132</v>
      </c>
      <c r="M37" s="85">
        <v>166</v>
      </c>
      <c r="N37" s="70">
        <v>0</v>
      </c>
      <c r="O37" s="71">
        <v>4</v>
      </c>
      <c r="P37" s="72">
        <v>4</v>
      </c>
      <c r="Q37" s="244"/>
      <c r="R37" s="71">
        <v>2</v>
      </c>
      <c r="S37" s="71">
        <v>2</v>
      </c>
      <c r="T37" s="71">
        <v>2</v>
      </c>
      <c r="U37" s="71">
        <v>2</v>
      </c>
      <c r="V37" s="71">
        <v>0</v>
      </c>
      <c r="W37" s="72">
        <v>8</v>
      </c>
      <c r="X37" s="73">
        <v>12</v>
      </c>
      <c r="Y37" s="70">
        <v>1</v>
      </c>
      <c r="Z37" s="71">
        <v>2</v>
      </c>
      <c r="AA37" s="72">
        <v>3</v>
      </c>
      <c r="AB37" s="244"/>
      <c r="AC37" s="71">
        <v>1</v>
      </c>
      <c r="AD37" s="71">
        <v>2</v>
      </c>
      <c r="AE37" s="71">
        <v>2</v>
      </c>
      <c r="AF37" s="71">
        <v>0</v>
      </c>
      <c r="AG37" s="71">
        <v>1</v>
      </c>
      <c r="AH37" s="72">
        <v>6</v>
      </c>
      <c r="AI37" s="73">
        <v>9</v>
      </c>
      <c r="AJ37" s="70">
        <v>1</v>
      </c>
      <c r="AK37" s="71">
        <v>2</v>
      </c>
      <c r="AL37" s="72">
        <v>3</v>
      </c>
      <c r="AM37" s="244"/>
      <c r="AN37" s="71">
        <v>6</v>
      </c>
      <c r="AO37" s="71">
        <v>5</v>
      </c>
      <c r="AP37" s="71">
        <v>1</v>
      </c>
      <c r="AQ37" s="71">
        <v>10</v>
      </c>
      <c r="AR37" s="71">
        <v>3</v>
      </c>
      <c r="AS37" s="72">
        <v>25</v>
      </c>
      <c r="AT37" s="73">
        <v>28</v>
      </c>
      <c r="AU37" s="70">
        <v>6</v>
      </c>
      <c r="AV37" s="71">
        <v>3</v>
      </c>
      <c r="AW37" s="72">
        <v>9</v>
      </c>
      <c r="AX37" s="244"/>
      <c r="AY37" s="71">
        <v>12</v>
      </c>
      <c r="AZ37" s="71">
        <v>11</v>
      </c>
      <c r="BA37" s="71">
        <v>1</v>
      </c>
      <c r="BB37" s="71">
        <v>5</v>
      </c>
      <c r="BC37" s="71">
        <v>2</v>
      </c>
      <c r="BD37" s="72">
        <v>31</v>
      </c>
      <c r="BE37" s="73">
        <v>40</v>
      </c>
      <c r="BF37" s="70">
        <v>5</v>
      </c>
      <c r="BG37" s="71">
        <v>5</v>
      </c>
      <c r="BH37" s="72">
        <v>10</v>
      </c>
      <c r="BI37" s="244"/>
      <c r="BJ37" s="71">
        <v>13</v>
      </c>
      <c r="BK37" s="71">
        <v>9</v>
      </c>
      <c r="BL37" s="71">
        <v>8</v>
      </c>
      <c r="BM37" s="71">
        <v>5</v>
      </c>
      <c r="BN37" s="71">
        <v>4</v>
      </c>
      <c r="BO37" s="72">
        <v>39</v>
      </c>
      <c r="BP37" s="73">
        <v>49</v>
      </c>
      <c r="BQ37" s="70">
        <v>3</v>
      </c>
      <c r="BR37" s="71">
        <v>2</v>
      </c>
      <c r="BS37" s="72">
        <v>5</v>
      </c>
      <c r="BT37" s="244"/>
      <c r="BU37" s="71">
        <v>4</v>
      </c>
      <c r="BV37" s="71">
        <v>9</v>
      </c>
      <c r="BW37" s="71">
        <v>3</v>
      </c>
      <c r="BX37" s="71">
        <v>4</v>
      </c>
      <c r="BY37" s="71">
        <v>3</v>
      </c>
      <c r="BZ37" s="72">
        <v>23</v>
      </c>
      <c r="CA37" s="73">
        <v>28</v>
      </c>
      <c r="CB37" s="70">
        <v>0</v>
      </c>
      <c r="CC37" s="71">
        <v>0</v>
      </c>
      <c r="CD37" s="72">
        <v>0</v>
      </c>
      <c r="CE37" s="244"/>
      <c r="CF37" s="71">
        <v>3</v>
      </c>
      <c r="CG37" s="71">
        <v>3</v>
      </c>
      <c r="CH37" s="71">
        <v>0</v>
      </c>
      <c r="CI37" s="71">
        <v>1</v>
      </c>
      <c r="CJ37" s="71">
        <v>2</v>
      </c>
      <c r="CK37" s="72">
        <v>9</v>
      </c>
      <c r="CL37" s="73">
        <v>9</v>
      </c>
      <c r="CM37" s="70">
        <v>16</v>
      </c>
      <c r="CN37" s="71">
        <v>18</v>
      </c>
      <c r="CO37" s="72">
        <v>34</v>
      </c>
      <c r="CP37" s="244"/>
      <c r="CQ37" s="71">
        <v>41</v>
      </c>
      <c r="CR37" s="71">
        <v>41</v>
      </c>
      <c r="CS37" s="71">
        <v>17</v>
      </c>
      <c r="CT37" s="71">
        <v>27</v>
      </c>
      <c r="CU37" s="71">
        <v>15</v>
      </c>
      <c r="CV37" s="72">
        <v>141</v>
      </c>
      <c r="CW37" s="73">
        <v>175</v>
      </c>
      <c r="CX37" s="123">
        <v>44</v>
      </c>
      <c r="CY37" s="82">
        <v>36</v>
      </c>
      <c r="CZ37" s="83">
        <v>80</v>
      </c>
      <c r="DA37" s="241"/>
      <c r="DB37" s="82">
        <v>89</v>
      </c>
      <c r="DC37" s="82">
        <v>56</v>
      </c>
      <c r="DD37" s="82">
        <v>45</v>
      </c>
      <c r="DE37" s="82">
        <v>49</v>
      </c>
      <c r="DF37" s="82">
        <v>27</v>
      </c>
      <c r="DG37" s="84">
        <v>266</v>
      </c>
      <c r="DH37" s="85">
        <v>346</v>
      </c>
      <c r="DI37" s="70">
        <v>1</v>
      </c>
      <c r="DJ37" s="71">
        <v>1</v>
      </c>
      <c r="DK37" s="72">
        <v>2</v>
      </c>
      <c r="DL37" s="244"/>
      <c r="DM37" s="71">
        <v>1</v>
      </c>
      <c r="DN37" s="71">
        <v>0</v>
      </c>
      <c r="DO37" s="71">
        <v>2</v>
      </c>
      <c r="DP37" s="71">
        <v>0</v>
      </c>
      <c r="DQ37" s="71">
        <v>1</v>
      </c>
      <c r="DR37" s="72">
        <v>4</v>
      </c>
      <c r="DS37" s="73">
        <v>6</v>
      </c>
      <c r="DT37" s="70">
        <v>2</v>
      </c>
      <c r="DU37" s="71">
        <v>0</v>
      </c>
      <c r="DV37" s="72">
        <v>2</v>
      </c>
      <c r="DW37" s="244"/>
      <c r="DX37" s="71">
        <v>5</v>
      </c>
      <c r="DY37" s="71">
        <v>2</v>
      </c>
      <c r="DZ37" s="71">
        <v>0</v>
      </c>
      <c r="EA37" s="71">
        <v>2</v>
      </c>
      <c r="EB37" s="71">
        <v>3</v>
      </c>
      <c r="EC37" s="72">
        <v>12</v>
      </c>
      <c r="ED37" s="73">
        <v>14</v>
      </c>
      <c r="EE37" s="70">
        <v>5</v>
      </c>
      <c r="EF37" s="71">
        <v>3</v>
      </c>
      <c r="EG37" s="72">
        <v>8</v>
      </c>
      <c r="EH37" s="244"/>
      <c r="EI37" s="71">
        <v>7</v>
      </c>
      <c r="EJ37" s="71">
        <v>4</v>
      </c>
      <c r="EK37" s="71">
        <v>5</v>
      </c>
      <c r="EL37" s="71">
        <v>5</v>
      </c>
      <c r="EM37" s="71">
        <v>0</v>
      </c>
      <c r="EN37" s="72">
        <v>21</v>
      </c>
      <c r="EO37" s="73">
        <v>29</v>
      </c>
      <c r="EP37" s="70">
        <v>11</v>
      </c>
      <c r="EQ37" s="71">
        <v>8</v>
      </c>
      <c r="ER37" s="72">
        <v>19</v>
      </c>
      <c r="ES37" s="244"/>
      <c r="ET37" s="71">
        <v>14</v>
      </c>
      <c r="EU37" s="71">
        <v>13</v>
      </c>
      <c r="EV37" s="71">
        <v>9</v>
      </c>
      <c r="EW37" s="71">
        <v>7</v>
      </c>
      <c r="EX37" s="71">
        <v>4</v>
      </c>
      <c r="EY37" s="72">
        <v>47</v>
      </c>
      <c r="EZ37" s="73">
        <v>66</v>
      </c>
      <c r="FA37" s="70">
        <v>16</v>
      </c>
      <c r="FB37" s="71">
        <v>18</v>
      </c>
      <c r="FC37" s="72">
        <v>34</v>
      </c>
      <c r="FD37" s="244"/>
      <c r="FE37" s="71">
        <v>29</v>
      </c>
      <c r="FF37" s="71">
        <v>12</v>
      </c>
      <c r="FG37" s="71">
        <v>10</v>
      </c>
      <c r="FH37" s="71">
        <v>17</v>
      </c>
      <c r="FI37" s="71">
        <v>2</v>
      </c>
      <c r="FJ37" s="72">
        <v>70</v>
      </c>
      <c r="FK37" s="73">
        <v>104</v>
      </c>
      <c r="FL37" s="70">
        <v>9</v>
      </c>
      <c r="FM37" s="71">
        <v>6</v>
      </c>
      <c r="FN37" s="72">
        <v>15</v>
      </c>
      <c r="FO37" s="244"/>
      <c r="FP37" s="71">
        <v>33</v>
      </c>
      <c r="FQ37" s="71">
        <v>25</v>
      </c>
      <c r="FR37" s="71">
        <v>19</v>
      </c>
      <c r="FS37" s="71">
        <v>18</v>
      </c>
      <c r="FT37" s="71">
        <v>17</v>
      </c>
      <c r="FU37" s="72">
        <v>112</v>
      </c>
      <c r="FV37" s="73">
        <v>127</v>
      </c>
      <c r="FW37" s="70">
        <v>0</v>
      </c>
      <c r="FX37" s="71">
        <v>0</v>
      </c>
      <c r="FY37" s="72">
        <v>0</v>
      </c>
      <c r="FZ37" s="244"/>
      <c r="GA37" s="71">
        <v>1</v>
      </c>
      <c r="GB37" s="71">
        <v>1</v>
      </c>
      <c r="GC37" s="71">
        <v>1</v>
      </c>
      <c r="GD37" s="71">
        <v>1</v>
      </c>
      <c r="GE37" s="71">
        <v>1</v>
      </c>
      <c r="GF37" s="72">
        <v>5</v>
      </c>
      <c r="GG37" s="73">
        <v>5</v>
      </c>
      <c r="GH37" s="70">
        <v>44</v>
      </c>
      <c r="GI37" s="71">
        <v>36</v>
      </c>
      <c r="GJ37" s="72">
        <v>80</v>
      </c>
      <c r="GK37" s="244"/>
      <c r="GL37" s="71">
        <v>90</v>
      </c>
      <c r="GM37" s="71">
        <v>57</v>
      </c>
      <c r="GN37" s="71">
        <v>46</v>
      </c>
      <c r="GO37" s="71">
        <v>50</v>
      </c>
      <c r="GP37" s="71">
        <v>28</v>
      </c>
      <c r="GQ37" s="72">
        <v>271</v>
      </c>
      <c r="GR37" s="73">
        <v>351</v>
      </c>
      <c r="GS37" s="123">
        <v>60</v>
      </c>
      <c r="GT37" s="82">
        <v>54</v>
      </c>
      <c r="GU37" s="83">
        <v>114</v>
      </c>
      <c r="GV37" s="241"/>
      <c r="GW37" s="82">
        <v>127</v>
      </c>
      <c r="GX37" s="82">
        <v>94</v>
      </c>
      <c r="GY37" s="82">
        <v>62</v>
      </c>
      <c r="GZ37" s="82">
        <v>75</v>
      </c>
      <c r="HA37" s="82">
        <v>40</v>
      </c>
      <c r="HB37" s="84">
        <v>398</v>
      </c>
      <c r="HC37" s="85">
        <v>512</v>
      </c>
      <c r="HD37" s="70">
        <v>1</v>
      </c>
      <c r="HE37" s="71">
        <v>5</v>
      </c>
      <c r="HF37" s="72">
        <v>6</v>
      </c>
      <c r="HG37" s="244"/>
      <c r="HH37" s="71">
        <v>3</v>
      </c>
      <c r="HI37" s="71">
        <v>2</v>
      </c>
      <c r="HJ37" s="71">
        <v>4</v>
      </c>
      <c r="HK37" s="71">
        <v>2</v>
      </c>
      <c r="HL37" s="71">
        <v>1</v>
      </c>
      <c r="HM37" s="72">
        <v>12</v>
      </c>
      <c r="HN37" s="73">
        <v>18</v>
      </c>
      <c r="HO37" s="70">
        <v>3</v>
      </c>
      <c r="HP37" s="71">
        <v>2</v>
      </c>
      <c r="HQ37" s="72">
        <v>5</v>
      </c>
      <c r="HR37" s="244"/>
      <c r="HS37" s="71">
        <v>6</v>
      </c>
      <c r="HT37" s="71">
        <v>4</v>
      </c>
      <c r="HU37" s="71">
        <v>2</v>
      </c>
      <c r="HV37" s="71">
        <v>2</v>
      </c>
      <c r="HW37" s="71">
        <v>4</v>
      </c>
      <c r="HX37" s="72">
        <v>18</v>
      </c>
      <c r="HY37" s="73">
        <v>23</v>
      </c>
      <c r="HZ37" s="70">
        <v>6</v>
      </c>
      <c r="IA37" s="71">
        <v>5</v>
      </c>
      <c r="IB37" s="72">
        <v>11</v>
      </c>
      <c r="IC37" s="244"/>
      <c r="ID37" s="71">
        <v>13</v>
      </c>
      <c r="IE37" s="71">
        <v>9</v>
      </c>
      <c r="IF37" s="71">
        <v>6</v>
      </c>
      <c r="IG37" s="71">
        <v>15</v>
      </c>
      <c r="IH37" s="71">
        <v>3</v>
      </c>
      <c r="II37" s="72">
        <v>46</v>
      </c>
      <c r="IJ37" s="73">
        <v>57</v>
      </c>
      <c r="IK37" s="70">
        <v>17</v>
      </c>
      <c r="IL37" s="71">
        <v>11</v>
      </c>
      <c r="IM37" s="72">
        <v>28</v>
      </c>
      <c r="IN37" s="244"/>
      <c r="IO37" s="71">
        <v>26</v>
      </c>
      <c r="IP37" s="71">
        <v>24</v>
      </c>
      <c r="IQ37" s="71">
        <v>10</v>
      </c>
      <c r="IR37" s="71">
        <v>12</v>
      </c>
      <c r="IS37" s="71">
        <v>6</v>
      </c>
      <c r="IT37" s="72">
        <v>78</v>
      </c>
      <c r="IU37" s="73">
        <v>106</v>
      </c>
      <c r="IV37" s="70">
        <v>21</v>
      </c>
      <c r="IW37" s="71">
        <v>23</v>
      </c>
      <c r="IX37" s="72">
        <v>44</v>
      </c>
      <c r="IY37" s="244"/>
      <c r="IZ37" s="71">
        <v>42</v>
      </c>
      <c r="JA37" s="71">
        <v>21</v>
      </c>
      <c r="JB37" s="71">
        <v>18</v>
      </c>
      <c r="JC37" s="71">
        <v>22</v>
      </c>
      <c r="JD37" s="71">
        <v>6</v>
      </c>
      <c r="JE37" s="72">
        <v>109</v>
      </c>
      <c r="JF37" s="73">
        <v>153</v>
      </c>
      <c r="JG37" s="70">
        <v>12</v>
      </c>
      <c r="JH37" s="71">
        <v>8</v>
      </c>
      <c r="JI37" s="72">
        <v>20</v>
      </c>
      <c r="JJ37" s="244"/>
      <c r="JK37" s="71">
        <v>37</v>
      </c>
      <c r="JL37" s="71">
        <v>34</v>
      </c>
      <c r="JM37" s="71">
        <v>22</v>
      </c>
      <c r="JN37" s="71">
        <v>22</v>
      </c>
      <c r="JO37" s="71">
        <v>20</v>
      </c>
      <c r="JP37" s="72">
        <v>135</v>
      </c>
      <c r="JQ37" s="73">
        <v>155</v>
      </c>
      <c r="JR37" s="70">
        <v>0</v>
      </c>
      <c r="JS37" s="71">
        <v>0</v>
      </c>
      <c r="JT37" s="72">
        <v>0</v>
      </c>
      <c r="JU37" s="244"/>
      <c r="JV37" s="71">
        <v>4</v>
      </c>
      <c r="JW37" s="71">
        <v>4</v>
      </c>
      <c r="JX37" s="71">
        <v>1</v>
      </c>
      <c r="JY37" s="71">
        <v>2</v>
      </c>
      <c r="JZ37" s="71">
        <v>3</v>
      </c>
      <c r="KA37" s="72">
        <v>14</v>
      </c>
      <c r="KB37" s="73">
        <v>14</v>
      </c>
      <c r="KC37" s="70">
        <v>60</v>
      </c>
      <c r="KD37" s="71">
        <v>54</v>
      </c>
      <c r="KE37" s="72">
        <v>114</v>
      </c>
      <c r="KF37" s="244"/>
      <c r="KG37" s="71">
        <v>131</v>
      </c>
      <c r="KH37" s="71">
        <v>98</v>
      </c>
      <c r="KI37" s="71">
        <v>63</v>
      </c>
      <c r="KJ37" s="71">
        <v>77</v>
      </c>
      <c r="KK37" s="71">
        <v>43</v>
      </c>
      <c r="KL37" s="72">
        <v>412</v>
      </c>
      <c r="KM37" s="73">
        <v>526</v>
      </c>
    </row>
    <row r="38" spans="2:299" ht="21" customHeight="1" x14ac:dyDescent="0.2">
      <c r="B38" s="126" t="s">
        <v>35</v>
      </c>
      <c r="C38" s="313">
        <v>54</v>
      </c>
      <c r="D38" s="82">
        <v>59</v>
      </c>
      <c r="E38" s="83">
        <v>113</v>
      </c>
      <c r="F38" s="241"/>
      <c r="G38" s="82">
        <v>178</v>
      </c>
      <c r="H38" s="82">
        <v>83</v>
      </c>
      <c r="I38" s="82">
        <v>60</v>
      </c>
      <c r="J38" s="82">
        <v>50</v>
      </c>
      <c r="K38" s="82">
        <v>28</v>
      </c>
      <c r="L38" s="84">
        <v>399</v>
      </c>
      <c r="M38" s="85">
        <v>512</v>
      </c>
      <c r="N38" s="70">
        <v>1</v>
      </c>
      <c r="O38" s="71">
        <v>3</v>
      </c>
      <c r="P38" s="72">
        <v>4</v>
      </c>
      <c r="Q38" s="244"/>
      <c r="R38" s="71">
        <v>10</v>
      </c>
      <c r="S38" s="71">
        <v>3</v>
      </c>
      <c r="T38" s="71">
        <v>7</v>
      </c>
      <c r="U38" s="71">
        <v>6</v>
      </c>
      <c r="V38" s="71">
        <v>3</v>
      </c>
      <c r="W38" s="72">
        <v>29</v>
      </c>
      <c r="X38" s="73">
        <v>33</v>
      </c>
      <c r="Y38" s="70">
        <v>9</v>
      </c>
      <c r="Z38" s="71">
        <v>5</v>
      </c>
      <c r="AA38" s="72">
        <v>14</v>
      </c>
      <c r="AB38" s="244"/>
      <c r="AC38" s="71">
        <v>12</v>
      </c>
      <c r="AD38" s="71">
        <v>9</v>
      </c>
      <c r="AE38" s="71">
        <v>4</v>
      </c>
      <c r="AF38" s="71">
        <v>3</v>
      </c>
      <c r="AG38" s="71">
        <v>2</v>
      </c>
      <c r="AH38" s="72">
        <v>30</v>
      </c>
      <c r="AI38" s="73">
        <v>44</v>
      </c>
      <c r="AJ38" s="70">
        <v>8</v>
      </c>
      <c r="AK38" s="71">
        <v>14</v>
      </c>
      <c r="AL38" s="72">
        <v>22</v>
      </c>
      <c r="AM38" s="244"/>
      <c r="AN38" s="71">
        <v>32</v>
      </c>
      <c r="AO38" s="71">
        <v>12</v>
      </c>
      <c r="AP38" s="71">
        <v>11</v>
      </c>
      <c r="AQ38" s="71">
        <v>10</v>
      </c>
      <c r="AR38" s="71">
        <v>6</v>
      </c>
      <c r="AS38" s="72">
        <v>71</v>
      </c>
      <c r="AT38" s="73">
        <v>93</v>
      </c>
      <c r="AU38" s="70">
        <v>17</v>
      </c>
      <c r="AV38" s="71">
        <v>13</v>
      </c>
      <c r="AW38" s="72">
        <v>30</v>
      </c>
      <c r="AX38" s="244"/>
      <c r="AY38" s="71">
        <v>44</v>
      </c>
      <c r="AZ38" s="71">
        <v>25</v>
      </c>
      <c r="BA38" s="71">
        <v>18</v>
      </c>
      <c r="BB38" s="71">
        <v>7</v>
      </c>
      <c r="BC38" s="71">
        <v>3</v>
      </c>
      <c r="BD38" s="72">
        <v>97</v>
      </c>
      <c r="BE38" s="73">
        <v>127</v>
      </c>
      <c r="BF38" s="70">
        <v>9</v>
      </c>
      <c r="BG38" s="71">
        <v>16</v>
      </c>
      <c r="BH38" s="72">
        <v>25</v>
      </c>
      <c r="BI38" s="244"/>
      <c r="BJ38" s="71">
        <v>51</v>
      </c>
      <c r="BK38" s="71">
        <v>15</v>
      </c>
      <c r="BL38" s="71">
        <v>11</v>
      </c>
      <c r="BM38" s="71">
        <v>12</v>
      </c>
      <c r="BN38" s="71">
        <v>6</v>
      </c>
      <c r="BO38" s="72">
        <v>95</v>
      </c>
      <c r="BP38" s="73">
        <v>120</v>
      </c>
      <c r="BQ38" s="70">
        <v>10</v>
      </c>
      <c r="BR38" s="71">
        <v>8</v>
      </c>
      <c r="BS38" s="72">
        <v>18</v>
      </c>
      <c r="BT38" s="244"/>
      <c r="BU38" s="71">
        <v>29</v>
      </c>
      <c r="BV38" s="71">
        <v>19</v>
      </c>
      <c r="BW38" s="71">
        <v>9</v>
      </c>
      <c r="BX38" s="71">
        <v>12</v>
      </c>
      <c r="BY38" s="71">
        <v>8</v>
      </c>
      <c r="BZ38" s="72">
        <v>77</v>
      </c>
      <c r="CA38" s="73">
        <v>95</v>
      </c>
      <c r="CB38" s="70">
        <v>2</v>
      </c>
      <c r="CC38" s="71">
        <v>2</v>
      </c>
      <c r="CD38" s="72">
        <v>4</v>
      </c>
      <c r="CE38" s="244"/>
      <c r="CF38" s="71">
        <v>2</v>
      </c>
      <c r="CG38" s="71">
        <v>1</v>
      </c>
      <c r="CH38" s="71">
        <v>0</v>
      </c>
      <c r="CI38" s="71">
        <v>2</v>
      </c>
      <c r="CJ38" s="71">
        <v>1</v>
      </c>
      <c r="CK38" s="72">
        <v>6</v>
      </c>
      <c r="CL38" s="73">
        <v>10</v>
      </c>
      <c r="CM38" s="70">
        <v>56</v>
      </c>
      <c r="CN38" s="71">
        <v>61</v>
      </c>
      <c r="CO38" s="72">
        <v>117</v>
      </c>
      <c r="CP38" s="244"/>
      <c r="CQ38" s="71">
        <v>180</v>
      </c>
      <c r="CR38" s="71">
        <v>84</v>
      </c>
      <c r="CS38" s="71">
        <v>60</v>
      </c>
      <c r="CT38" s="71">
        <v>52</v>
      </c>
      <c r="CU38" s="71">
        <v>29</v>
      </c>
      <c r="CV38" s="72">
        <v>405</v>
      </c>
      <c r="CW38" s="73">
        <v>522</v>
      </c>
      <c r="CX38" s="123">
        <v>143</v>
      </c>
      <c r="CY38" s="82">
        <v>152</v>
      </c>
      <c r="CZ38" s="83">
        <v>295</v>
      </c>
      <c r="DA38" s="241"/>
      <c r="DB38" s="82">
        <v>320</v>
      </c>
      <c r="DC38" s="82">
        <v>174</v>
      </c>
      <c r="DD38" s="82">
        <v>159</v>
      </c>
      <c r="DE38" s="82">
        <v>171</v>
      </c>
      <c r="DF38" s="82">
        <v>88</v>
      </c>
      <c r="DG38" s="84">
        <v>912</v>
      </c>
      <c r="DH38" s="85">
        <v>1207</v>
      </c>
      <c r="DI38" s="70">
        <v>5</v>
      </c>
      <c r="DJ38" s="71">
        <v>4</v>
      </c>
      <c r="DK38" s="72">
        <v>9</v>
      </c>
      <c r="DL38" s="244"/>
      <c r="DM38" s="71">
        <v>4</v>
      </c>
      <c r="DN38" s="71">
        <v>5</v>
      </c>
      <c r="DO38" s="71">
        <v>2</v>
      </c>
      <c r="DP38" s="71">
        <v>6</v>
      </c>
      <c r="DQ38" s="71">
        <v>0</v>
      </c>
      <c r="DR38" s="72">
        <v>17</v>
      </c>
      <c r="DS38" s="73">
        <v>26</v>
      </c>
      <c r="DT38" s="70">
        <v>5</v>
      </c>
      <c r="DU38" s="71">
        <v>10</v>
      </c>
      <c r="DV38" s="72">
        <v>15</v>
      </c>
      <c r="DW38" s="244"/>
      <c r="DX38" s="71">
        <v>15</v>
      </c>
      <c r="DY38" s="71">
        <v>7</v>
      </c>
      <c r="DZ38" s="71">
        <v>9</v>
      </c>
      <c r="EA38" s="71">
        <v>9</v>
      </c>
      <c r="EB38" s="71">
        <v>3</v>
      </c>
      <c r="EC38" s="72">
        <v>43</v>
      </c>
      <c r="ED38" s="73">
        <v>58</v>
      </c>
      <c r="EE38" s="70">
        <v>18</v>
      </c>
      <c r="EF38" s="71">
        <v>28</v>
      </c>
      <c r="EG38" s="72">
        <v>46</v>
      </c>
      <c r="EH38" s="244"/>
      <c r="EI38" s="71">
        <v>34</v>
      </c>
      <c r="EJ38" s="71">
        <v>21</v>
      </c>
      <c r="EK38" s="71">
        <v>8</v>
      </c>
      <c r="EL38" s="71">
        <v>12</v>
      </c>
      <c r="EM38" s="71">
        <v>15</v>
      </c>
      <c r="EN38" s="72">
        <v>90</v>
      </c>
      <c r="EO38" s="73">
        <v>136</v>
      </c>
      <c r="EP38" s="70">
        <v>50</v>
      </c>
      <c r="EQ38" s="71">
        <v>33</v>
      </c>
      <c r="ER38" s="72">
        <v>83</v>
      </c>
      <c r="ES38" s="244"/>
      <c r="ET38" s="71">
        <v>77</v>
      </c>
      <c r="EU38" s="71">
        <v>28</v>
      </c>
      <c r="EV38" s="71">
        <v>32</v>
      </c>
      <c r="EW38" s="71">
        <v>27</v>
      </c>
      <c r="EX38" s="71">
        <v>14</v>
      </c>
      <c r="EY38" s="72">
        <v>178</v>
      </c>
      <c r="EZ38" s="73">
        <v>261</v>
      </c>
      <c r="FA38" s="70">
        <v>39</v>
      </c>
      <c r="FB38" s="71">
        <v>48</v>
      </c>
      <c r="FC38" s="72">
        <v>87</v>
      </c>
      <c r="FD38" s="244"/>
      <c r="FE38" s="71">
        <v>104</v>
      </c>
      <c r="FF38" s="71">
        <v>46</v>
      </c>
      <c r="FG38" s="71">
        <v>44</v>
      </c>
      <c r="FH38" s="71">
        <v>41</v>
      </c>
      <c r="FI38" s="71">
        <v>28</v>
      </c>
      <c r="FJ38" s="72">
        <v>263</v>
      </c>
      <c r="FK38" s="73">
        <v>350</v>
      </c>
      <c r="FL38" s="70">
        <v>26</v>
      </c>
      <c r="FM38" s="71">
        <v>29</v>
      </c>
      <c r="FN38" s="72">
        <v>55</v>
      </c>
      <c r="FO38" s="244"/>
      <c r="FP38" s="71">
        <v>86</v>
      </c>
      <c r="FQ38" s="71">
        <v>67</v>
      </c>
      <c r="FR38" s="71">
        <v>64</v>
      </c>
      <c r="FS38" s="71">
        <v>76</v>
      </c>
      <c r="FT38" s="71">
        <v>28</v>
      </c>
      <c r="FU38" s="72">
        <v>321</v>
      </c>
      <c r="FV38" s="73">
        <v>376</v>
      </c>
      <c r="FW38" s="70">
        <v>0</v>
      </c>
      <c r="FX38" s="71">
        <v>1</v>
      </c>
      <c r="FY38" s="72">
        <v>1</v>
      </c>
      <c r="FZ38" s="244"/>
      <c r="GA38" s="71">
        <v>1</v>
      </c>
      <c r="GB38" s="71">
        <v>3</v>
      </c>
      <c r="GC38" s="71">
        <v>3</v>
      </c>
      <c r="GD38" s="71">
        <v>0</v>
      </c>
      <c r="GE38" s="71">
        <v>1</v>
      </c>
      <c r="GF38" s="72">
        <v>8</v>
      </c>
      <c r="GG38" s="73">
        <v>9</v>
      </c>
      <c r="GH38" s="70">
        <v>143</v>
      </c>
      <c r="GI38" s="71">
        <v>153</v>
      </c>
      <c r="GJ38" s="72">
        <v>296</v>
      </c>
      <c r="GK38" s="244"/>
      <c r="GL38" s="71">
        <v>321</v>
      </c>
      <c r="GM38" s="71">
        <v>177</v>
      </c>
      <c r="GN38" s="71">
        <v>162</v>
      </c>
      <c r="GO38" s="71">
        <v>171</v>
      </c>
      <c r="GP38" s="71">
        <v>89</v>
      </c>
      <c r="GQ38" s="72">
        <v>920</v>
      </c>
      <c r="GR38" s="73">
        <v>1216</v>
      </c>
      <c r="GS38" s="123">
        <v>197</v>
      </c>
      <c r="GT38" s="82">
        <v>211</v>
      </c>
      <c r="GU38" s="83">
        <v>408</v>
      </c>
      <c r="GV38" s="241"/>
      <c r="GW38" s="82">
        <v>498</v>
      </c>
      <c r="GX38" s="82">
        <v>257</v>
      </c>
      <c r="GY38" s="82">
        <v>219</v>
      </c>
      <c r="GZ38" s="82">
        <v>221</v>
      </c>
      <c r="HA38" s="82">
        <v>116</v>
      </c>
      <c r="HB38" s="84">
        <v>1311</v>
      </c>
      <c r="HC38" s="85">
        <v>1719</v>
      </c>
      <c r="HD38" s="70">
        <v>6</v>
      </c>
      <c r="HE38" s="71">
        <v>7</v>
      </c>
      <c r="HF38" s="72">
        <v>13</v>
      </c>
      <c r="HG38" s="244"/>
      <c r="HH38" s="71">
        <v>14</v>
      </c>
      <c r="HI38" s="71">
        <v>8</v>
      </c>
      <c r="HJ38" s="71">
        <v>9</v>
      </c>
      <c r="HK38" s="71">
        <v>12</v>
      </c>
      <c r="HL38" s="71">
        <v>3</v>
      </c>
      <c r="HM38" s="72">
        <v>46</v>
      </c>
      <c r="HN38" s="73">
        <v>59</v>
      </c>
      <c r="HO38" s="70">
        <v>14</v>
      </c>
      <c r="HP38" s="71">
        <v>15</v>
      </c>
      <c r="HQ38" s="72">
        <v>29</v>
      </c>
      <c r="HR38" s="244"/>
      <c r="HS38" s="71">
        <v>27</v>
      </c>
      <c r="HT38" s="71">
        <v>16</v>
      </c>
      <c r="HU38" s="71">
        <v>13</v>
      </c>
      <c r="HV38" s="71">
        <v>12</v>
      </c>
      <c r="HW38" s="71">
        <v>5</v>
      </c>
      <c r="HX38" s="72">
        <v>73</v>
      </c>
      <c r="HY38" s="73">
        <v>102</v>
      </c>
      <c r="HZ38" s="70">
        <v>26</v>
      </c>
      <c r="IA38" s="71">
        <v>42</v>
      </c>
      <c r="IB38" s="72">
        <v>68</v>
      </c>
      <c r="IC38" s="244"/>
      <c r="ID38" s="71">
        <v>66</v>
      </c>
      <c r="IE38" s="71">
        <v>33</v>
      </c>
      <c r="IF38" s="71">
        <v>19</v>
      </c>
      <c r="IG38" s="71">
        <v>22</v>
      </c>
      <c r="IH38" s="71">
        <v>21</v>
      </c>
      <c r="II38" s="72">
        <v>161</v>
      </c>
      <c r="IJ38" s="73">
        <v>229</v>
      </c>
      <c r="IK38" s="70">
        <v>67</v>
      </c>
      <c r="IL38" s="71">
        <v>46</v>
      </c>
      <c r="IM38" s="72">
        <v>113</v>
      </c>
      <c r="IN38" s="244"/>
      <c r="IO38" s="71">
        <v>121</v>
      </c>
      <c r="IP38" s="71">
        <v>53</v>
      </c>
      <c r="IQ38" s="71">
        <v>50</v>
      </c>
      <c r="IR38" s="71">
        <v>34</v>
      </c>
      <c r="IS38" s="71">
        <v>17</v>
      </c>
      <c r="IT38" s="72">
        <v>275</v>
      </c>
      <c r="IU38" s="73">
        <v>388</v>
      </c>
      <c r="IV38" s="70">
        <v>48</v>
      </c>
      <c r="IW38" s="71">
        <v>64</v>
      </c>
      <c r="IX38" s="72">
        <v>112</v>
      </c>
      <c r="IY38" s="244"/>
      <c r="IZ38" s="71">
        <v>155</v>
      </c>
      <c r="JA38" s="71">
        <v>61</v>
      </c>
      <c r="JB38" s="71">
        <v>55</v>
      </c>
      <c r="JC38" s="71">
        <v>53</v>
      </c>
      <c r="JD38" s="71">
        <v>34</v>
      </c>
      <c r="JE38" s="72">
        <v>358</v>
      </c>
      <c r="JF38" s="73">
        <v>470</v>
      </c>
      <c r="JG38" s="70">
        <v>36</v>
      </c>
      <c r="JH38" s="71">
        <v>37</v>
      </c>
      <c r="JI38" s="72">
        <v>73</v>
      </c>
      <c r="JJ38" s="244"/>
      <c r="JK38" s="71">
        <v>115</v>
      </c>
      <c r="JL38" s="71">
        <v>86</v>
      </c>
      <c r="JM38" s="71">
        <v>73</v>
      </c>
      <c r="JN38" s="71">
        <v>88</v>
      </c>
      <c r="JO38" s="71">
        <v>36</v>
      </c>
      <c r="JP38" s="72">
        <v>398</v>
      </c>
      <c r="JQ38" s="73">
        <v>471</v>
      </c>
      <c r="JR38" s="70">
        <v>2</v>
      </c>
      <c r="JS38" s="71">
        <v>3</v>
      </c>
      <c r="JT38" s="72">
        <v>5</v>
      </c>
      <c r="JU38" s="244"/>
      <c r="JV38" s="71">
        <v>3</v>
      </c>
      <c r="JW38" s="71">
        <v>4</v>
      </c>
      <c r="JX38" s="71">
        <v>3</v>
      </c>
      <c r="JY38" s="71">
        <v>2</v>
      </c>
      <c r="JZ38" s="71">
        <v>2</v>
      </c>
      <c r="KA38" s="72">
        <v>14</v>
      </c>
      <c r="KB38" s="73">
        <v>19</v>
      </c>
      <c r="KC38" s="70">
        <v>199</v>
      </c>
      <c r="KD38" s="71">
        <v>214</v>
      </c>
      <c r="KE38" s="72">
        <v>413</v>
      </c>
      <c r="KF38" s="244"/>
      <c r="KG38" s="71">
        <v>501</v>
      </c>
      <c r="KH38" s="71">
        <v>261</v>
      </c>
      <c r="KI38" s="71">
        <v>222</v>
      </c>
      <c r="KJ38" s="71">
        <v>223</v>
      </c>
      <c r="KK38" s="71">
        <v>118</v>
      </c>
      <c r="KL38" s="72">
        <v>1325</v>
      </c>
      <c r="KM38" s="73">
        <v>1738</v>
      </c>
    </row>
    <row r="39" spans="2:299" ht="21" customHeight="1" x14ac:dyDescent="0.2">
      <c r="B39" s="126" t="s">
        <v>36</v>
      </c>
      <c r="C39" s="313">
        <v>64</v>
      </c>
      <c r="D39" s="82">
        <v>85</v>
      </c>
      <c r="E39" s="83">
        <v>149</v>
      </c>
      <c r="F39" s="241"/>
      <c r="G39" s="82">
        <v>148</v>
      </c>
      <c r="H39" s="82">
        <v>143</v>
      </c>
      <c r="I39" s="82">
        <v>99</v>
      </c>
      <c r="J39" s="82">
        <v>95</v>
      </c>
      <c r="K39" s="82">
        <v>52</v>
      </c>
      <c r="L39" s="84">
        <v>537</v>
      </c>
      <c r="M39" s="85">
        <v>686</v>
      </c>
      <c r="N39" s="70">
        <v>3</v>
      </c>
      <c r="O39" s="71">
        <v>7</v>
      </c>
      <c r="P39" s="72">
        <v>10</v>
      </c>
      <c r="Q39" s="244"/>
      <c r="R39" s="71">
        <v>14</v>
      </c>
      <c r="S39" s="71">
        <v>13</v>
      </c>
      <c r="T39" s="71">
        <v>7</v>
      </c>
      <c r="U39" s="71">
        <v>6</v>
      </c>
      <c r="V39" s="71">
        <v>2</v>
      </c>
      <c r="W39" s="72">
        <v>42</v>
      </c>
      <c r="X39" s="73">
        <v>52</v>
      </c>
      <c r="Y39" s="70">
        <v>11</v>
      </c>
      <c r="Z39" s="71">
        <v>12</v>
      </c>
      <c r="AA39" s="72">
        <v>23</v>
      </c>
      <c r="AB39" s="244"/>
      <c r="AC39" s="71">
        <v>18</v>
      </c>
      <c r="AD39" s="71">
        <v>28</v>
      </c>
      <c r="AE39" s="71">
        <v>15</v>
      </c>
      <c r="AF39" s="71">
        <v>14</v>
      </c>
      <c r="AG39" s="71">
        <v>7</v>
      </c>
      <c r="AH39" s="72">
        <v>82</v>
      </c>
      <c r="AI39" s="73">
        <v>105</v>
      </c>
      <c r="AJ39" s="70">
        <v>14</v>
      </c>
      <c r="AK39" s="71">
        <v>17</v>
      </c>
      <c r="AL39" s="72">
        <v>31</v>
      </c>
      <c r="AM39" s="244"/>
      <c r="AN39" s="71">
        <v>27</v>
      </c>
      <c r="AO39" s="71">
        <v>16</v>
      </c>
      <c r="AP39" s="71">
        <v>14</v>
      </c>
      <c r="AQ39" s="71">
        <v>18</v>
      </c>
      <c r="AR39" s="71">
        <v>12</v>
      </c>
      <c r="AS39" s="72">
        <v>87</v>
      </c>
      <c r="AT39" s="73">
        <v>118</v>
      </c>
      <c r="AU39" s="70">
        <v>16</v>
      </c>
      <c r="AV39" s="71">
        <v>21</v>
      </c>
      <c r="AW39" s="72">
        <v>37</v>
      </c>
      <c r="AX39" s="244"/>
      <c r="AY39" s="71">
        <v>42</v>
      </c>
      <c r="AZ39" s="71">
        <v>32</v>
      </c>
      <c r="BA39" s="71">
        <v>25</v>
      </c>
      <c r="BB39" s="71">
        <v>23</v>
      </c>
      <c r="BC39" s="71">
        <v>14</v>
      </c>
      <c r="BD39" s="72">
        <v>136</v>
      </c>
      <c r="BE39" s="73">
        <v>173</v>
      </c>
      <c r="BF39" s="70">
        <v>16</v>
      </c>
      <c r="BG39" s="71">
        <v>19</v>
      </c>
      <c r="BH39" s="72">
        <v>35</v>
      </c>
      <c r="BI39" s="244"/>
      <c r="BJ39" s="71">
        <v>29</v>
      </c>
      <c r="BK39" s="71">
        <v>29</v>
      </c>
      <c r="BL39" s="71">
        <v>23</v>
      </c>
      <c r="BM39" s="71">
        <v>19</v>
      </c>
      <c r="BN39" s="71">
        <v>8</v>
      </c>
      <c r="BO39" s="72">
        <v>108</v>
      </c>
      <c r="BP39" s="73">
        <v>143</v>
      </c>
      <c r="BQ39" s="70">
        <v>4</v>
      </c>
      <c r="BR39" s="71">
        <v>9</v>
      </c>
      <c r="BS39" s="72">
        <v>13</v>
      </c>
      <c r="BT39" s="244"/>
      <c r="BU39" s="71">
        <v>18</v>
      </c>
      <c r="BV39" s="71">
        <v>25</v>
      </c>
      <c r="BW39" s="71">
        <v>15</v>
      </c>
      <c r="BX39" s="71">
        <v>15</v>
      </c>
      <c r="BY39" s="71">
        <v>9</v>
      </c>
      <c r="BZ39" s="72">
        <v>82</v>
      </c>
      <c r="CA39" s="73">
        <v>95</v>
      </c>
      <c r="CB39" s="70">
        <v>1</v>
      </c>
      <c r="CC39" s="71">
        <v>3</v>
      </c>
      <c r="CD39" s="72">
        <v>4</v>
      </c>
      <c r="CE39" s="244"/>
      <c r="CF39" s="71">
        <v>5</v>
      </c>
      <c r="CG39" s="71">
        <v>3</v>
      </c>
      <c r="CH39" s="71">
        <v>8</v>
      </c>
      <c r="CI39" s="71">
        <v>5</v>
      </c>
      <c r="CJ39" s="71">
        <v>2</v>
      </c>
      <c r="CK39" s="72">
        <v>23</v>
      </c>
      <c r="CL39" s="73">
        <v>27</v>
      </c>
      <c r="CM39" s="70">
        <v>65</v>
      </c>
      <c r="CN39" s="71">
        <v>88</v>
      </c>
      <c r="CO39" s="72">
        <v>153</v>
      </c>
      <c r="CP39" s="244"/>
      <c r="CQ39" s="71">
        <v>153</v>
      </c>
      <c r="CR39" s="71">
        <v>146</v>
      </c>
      <c r="CS39" s="71">
        <v>107</v>
      </c>
      <c r="CT39" s="71">
        <v>100</v>
      </c>
      <c r="CU39" s="71">
        <v>54</v>
      </c>
      <c r="CV39" s="72">
        <v>560</v>
      </c>
      <c r="CW39" s="73">
        <v>713</v>
      </c>
      <c r="CX39" s="123">
        <v>94</v>
      </c>
      <c r="CY39" s="82">
        <v>189</v>
      </c>
      <c r="CZ39" s="83">
        <v>283</v>
      </c>
      <c r="DA39" s="241"/>
      <c r="DB39" s="82">
        <v>266</v>
      </c>
      <c r="DC39" s="82">
        <v>205</v>
      </c>
      <c r="DD39" s="82">
        <v>165</v>
      </c>
      <c r="DE39" s="82">
        <v>180</v>
      </c>
      <c r="DF39" s="82">
        <v>149</v>
      </c>
      <c r="DG39" s="84">
        <v>965</v>
      </c>
      <c r="DH39" s="85">
        <v>1248</v>
      </c>
      <c r="DI39" s="70">
        <v>1</v>
      </c>
      <c r="DJ39" s="71">
        <v>7</v>
      </c>
      <c r="DK39" s="72">
        <v>8</v>
      </c>
      <c r="DL39" s="244"/>
      <c r="DM39" s="71">
        <v>5</v>
      </c>
      <c r="DN39" s="71">
        <v>9</v>
      </c>
      <c r="DO39" s="71">
        <v>4</v>
      </c>
      <c r="DP39" s="71">
        <v>4</v>
      </c>
      <c r="DQ39" s="71">
        <v>4</v>
      </c>
      <c r="DR39" s="72">
        <v>26</v>
      </c>
      <c r="DS39" s="73">
        <v>34</v>
      </c>
      <c r="DT39" s="70">
        <v>6</v>
      </c>
      <c r="DU39" s="71">
        <v>22</v>
      </c>
      <c r="DV39" s="72">
        <v>28</v>
      </c>
      <c r="DW39" s="244"/>
      <c r="DX39" s="71">
        <v>22</v>
      </c>
      <c r="DY39" s="71">
        <v>14</v>
      </c>
      <c r="DZ39" s="71">
        <v>13</v>
      </c>
      <c r="EA39" s="71">
        <v>9</v>
      </c>
      <c r="EB39" s="71">
        <v>10</v>
      </c>
      <c r="EC39" s="72">
        <v>68</v>
      </c>
      <c r="ED39" s="73">
        <v>96</v>
      </c>
      <c r="EE39" s="70">
        <v>15</v>
      </c>
      <c r="EF39" s="71">
        <v>28</v>
      </c>
      <c r="EG39" s="72">
        <v>43</v>
      </c>
      <c r="EH39" s="244"/>
      <c r="EI39" s="71">
        <v>40</v>
      </c>
      <c r="EJ39" s="71">
        <v>28</v>
      </c>
      <c r="EK39" s="71">
        <v>14</v>
      </c>
      <c r="EL39" s="71">
        <v>22</v>
      </c>
      <c r="EM39" s="71">
        <v>19</v>
      </c>
      <c r="EN39" s="72">
        <v>123</v>
      </c>
      <c r="EO39" s="73">
        <v>166</v>
      </c>
      <c r="EP39" s="70">
        <v>30</v>
      </c>
      <c r="EQ39" s="71">
        <v>61</v>
      </c>
      <c r="ER39" s="72">
        <v>91</v>
      </c>
      <c r="ES39" s="244"/>
      <c r="ET39" s="71">
        <v>70</v>
      </c>
      <c r="EU39" s="71">
        <v>62</v>
      </c>
      <c r="EV39" s="71">
        <v>30</v>
      </c>
      <c r="EW39" s="71">
        <v>31</v>
      </c>
      <c r="EX39" s="71">
        <v>35</v>
      </c>
      <c r="EY39" s="72">
        <v>228</v>
      </c>
      <c r="EZ39" s="73">
        <v>319</v>
      </c>
      <c r="FA39" s="70">
        <v>29</v>
      </c>
      <c r="FB39" s="71">
        <v>47</v>
      </c>
      <c r="FC39" s="72">
        <v>76</v>
      </c>
      <c r="FD39" s="244"/>
      <c r="FE39" s="71">
        <v>73</v>
      </c>
      <c r="FF39" s="71">
        <v>39</v>
      </c>
      <c r="FG39" s="71">
        <v>53</v>
      </c>
      <c r="FH39" s="71">
        <v>41</v>
      </c>
      <c r="FI39" s="71">
        <v>37</v>
      </c>
      <c r="FJ39" s="72">
        <v>243</v>
      </c>
      <c r="FK39" s="73">
        <v>319</v>
      </c>
      <c r="FL39" s="70">
        <v>13</v>
      </c>
      <c r="FM39" s="71">
        <v>24</v>
      </c>
      <c r="FN39" s="72">
        <v>37</v>
      </c>
      <c r="FO39" s="244"/>
      <c r="FP39" s="71">
        <v>56</v>
      </c>
      <c r="FQ39" s="71">
        <v>53</v>
      </c>
      <c r="FR39" s="71">
        <v>51</v>
      </c>
      <c r="FS39" s="71">
        <v>73</v>
      </c>
      <c r="FT39" s="71">
        <v>44</v>
      </c>
      <c r="FU39" s="72">
        <v>277</v>
      </c>
      <c r="FV39" s="73">
        <v>314</v>
      </c>
      <c r="FW39" s="70">
        <v>1</v>
      </c>
      <c r="FX39" s="71">
        <v>2</v>
      </c>
      <c r="FY39" s="72">
        <v>3</v>
      </c>
      <c r="FZ39" s="244"/>
      <c r="GA39" s="71">
        <v>2</v>
      </c>
      <c r="GB39" s="71">
        <v>2</v>
      </c>
      <c r="GC39" s="71">
        <v>1</v>
      </c>
      <c r="GD39" s="71">
        <v>4</v>
      </c>
      <c r="GE39" s="71">
        <v>2</v>
      </c>
      <c r="GF39" s="72">
        <v>11</v>
      </c>
      <c r="GG39" s="73">
        <v>14</v>
      </c>
      <c r="GH39" s="70">
        <v>95</v>
      </c>
      <c r="GI39" s="71">
        <v>191</v>
      </c>
      <c r="GJ39" s="72">
        <v>286</v>
      </c>
      <c r="GK39" s="244"/>
      <c r="GL39" s="71">
        <v>268</v>
      </c>
      <c r="GM39" s="71">
        <v>207</v>
      </c>
      <c r="GN39" s="71">
        <v>166</v>
      </c>
      <c r="GO39" s="71">
        <v>184</v>
      </c>
      <c r="GP39" s="71">
        <v>151</v>
      </c>
      <c r="GQ39" s="72">
        <v>976</v>
      </c>
      <c r="GR39" s="73">
        <v>1262</v>
      </c>
      <c r="GS39" s="123">
        <v>158</v>
      </c>
      <c r="GT39" s="82">
        <v>274</v>
      </c>
      <c r="GU39" s="83">
        <v>432</v>
      </c>
      <c r="GV39" s="241"/>
      <c r="GW39" s="82">
        <v>414</v>
      </c>
      <c r="GX39" s="82">
        <v>348</v>
      </c>
      <c r="GY39" s="82">
        <v>264</v>
      </c>
      <c r="GZ39" s="82">
        <v>275</v>
      </c>
      <c r="HA39" s="82">
        <v>201</v>
      </c>
      <c r="HB39" s="84">
        <v>1502</v>
      </c>
      <c r="HC39" s="85">
        <v>1934</v>
      </c>
      <c r="HD39" s="70">
        <v>4</v>
      </c>
      <c r="HE39" s="71">
        <v>14</v>
      </c>
      <c r="HF39" s="72">
        <v>18</v>
      </c>
      <c r="HG39" s="244"/>
      <c r="HH39" s="71">
        <v>19</v>
      </c>
      <c r="HI39" s="71">
        <v>22</v>
      </c>
      <c r="HJ39" s="71">
        <v>11</v>
      </c>
      <c r="HK39" s="71">
        <v>10</v>
      </c>
      <c r="HL39" s="71">
        <v>6</v>
      </c>
      <c r="HM39" s="72">
        <v>68</v>
      </c>
      <c r="HN39" s="73">
        <v>86</v>
      </c>
      <c r="HO39" s="70">
        <v>17</v>
      </c>
      <c r="HP39" s="71">
        <v>34</v>
      </c>
      <c r="HQ39" s="72">
        <v>51</v>
      </c>
      <c r="HR39" s="244"/>
      <c r="HS39" s="71">
        <v>40</v>
      </c>
      <c r="HT39" s="71">
        <v>42</v>
      </c>
      <c r="HU39" s="71">
        <v>28</v>
      </c>
      <c r="HV39" s="71">
        <v>23</v>
      </c>
      <c r="HW39" s="71">
        <v>17</v>
      </c>
      <c r="HX39" s="72">
        <v>150</v>
      </c>
      <c r="HY39" s="73">
        <v>201</v>
      </c>
      <c r="HZ39" s="70">
        <v>29</v>
      </c>
      <c r="IA39" s="71">
        <v>45</v>
      </c>
      <c r="IB39" s="72">
        <v>74</v>
      </c>
      <c r="IC39" s="244"/>
      <c r="ID39" s="71">
        <v>67</v>
      </c>
      <c r="IE39" s="71">
        <v>44</v>
      </c>
      <c r="IF39" s="71">
        <v>28</v>
      </c>
      <c r="IG39" s="71">
        <v>40</v>
      </c>
      <c r="IH39" s="71">
        <v>31</v>
      </c>
      <c r="II39" s="72">
        <v>210</v>
      </c>
      <c r="IJ39" s="73">
        <v>284</v>
      </c>
      <c r="IK39" s="70">
        <v>46</v>
      </c>
      <c r="IL39" s="71">
        <v>82</v>
      </c>
      <c r="IM39" s="72">
        <v>128</v>
      </c>
      <c r="IN39" s="244"/>
      <c r="IO39" s="71">
        <v>112</v>
      </c>
      <c r="IP39" s="71">
        <v>94</v>
      </c>
      <c r="IQ39" s="71">
        <v>55</v>
      </c>
      <c r="IR39" s="71">
        <v>54</v>
      </c>
      <c r="IS39" s="71">
        <v>49</v>
      </c>
      <c r="IT39" s="72">
        <v>364</v>
      </c>
      <c r="IU39" s="73">
        <v>492</v>
      </c>
      <c r="IV39" s="70">
        <v>45</v>
      </c>
      <c r="IW39" s="71">
        <v>66</v>
      </c>
      <c r="IX39" s="72">
        <v>111</v>
      </c>
      <c r="IY39" s="244"/>
      <c r="IZ39" s="71">
        <v>102</v>
      </c>
      <c r="JA39" s="71">
        <v>68</v>
      </c>
      <c r="JB39" s="71">
        <v>76</v>
      </c>
      <c r="JC39" s="71">
        <v>60</v>
      </c>
      <c r="JD39" s="71">
        <v>45</v>
      </c>
      <c r="JE39" s="72">
        <v>351</v>
      </c>
      <c r="JF39" s="73">
        <v>462</v>
      </c>
      <c r="JG39" s="70">
        <v>17</v>
      </c>
      <c r="JH39" s="71">
        <v>33</v>
      </c>
      <c r="JI39" s="72">
        <v>50</v>
      </c>
      <c r="JJ39" s="244"/>
      <c r="JK39" s="71">
        <v>74</v>
      </c>
      <c r="JL39" s="71">
        <v>78</v>
      </c>
      <c r="JM39" s="71">
        <v>66</v>
      </c>
      <c r="JN39" s="71">
        <v>88</v>
      </c>
      <c r="JO39" s="71">
        <v>53</v>
      </c>
      <c r="JP39" s="72">
        <v>359</v>
      </c>
      <c r="JQ39" s="73">
        <v>409</v>
      </c>
      <c r="JR39" s="70">
        <v>2</v>
      </c>
      <c r="JS39" s="71">
        <v>5</v>
      </c>
      <c r="JT39" s="72">
        <v>7</v>
      </c>
      <c r="JU39" s="244"/>
      <c r="JV39" s="71">
        <v>7</v>
      </c>
      <c r="JW39" s="71">
        <v>5</v>
      </c>
      <c r="JX39" s="71">
        <v>9</v>
      </c>
      <c r="JY39" s="71">
        <v>9</v>
      </c>
      <c r="JZ39" s="71">
        <v>4</v>
      </c>
      <c r="KA39" s="72">
        <v>34</v>
      </c>
      <c r="KB39" s="73">
        <v>41</v>
      </c>
      <c r="KC39" s="70">
        <v>160</v>
      </c>
      <c r="KD39" s="71">
        <v>279</v>
      </c>
      <c r="KE39" s="72">
        <v>439</v>
      </c>
      <c r="KF39" s="244"/>
      <c r="KG39" s="71">
        <v>421</v>
      </c>
      <c r="KH39" s="71">
        <v>353</v>
      </c>
      <c r="KI39" s="71">
        <v>273</v>
      </c>
      <c r="KJ39" s="71">
        <v>284</v>
      </c>
      <c r="KK39" s="71">
        <v>205</v>
      </c>
      <c r="KL39" s="72">
        <v>1536</v>
      </c>
      <c r="KM39" s="73">
        <v>1975</v>
      </c>
    </row>
    <row r="40" spans="2:299" ht="21" customHeight="1" thickBot="1" x14ac:dyDescent="0.25">
      <c r="B40" s="127" t="s">
        <v>37</v>
      </c>
      <c r="C40" s="314">
        <v>3</v>
      </c>
      <c r="D40" s="87">
        <v>2</v>
      </c>
      <c r="E40" s="88">
        <v>5</v>
      </c>
      <c r="F40" s="242"/>
      <c r="G40" s="87">
        <v>9</v>
      </c>
      <c r="H40" s="87">
        <v>5</v>
      </c>
      <c r="I40" s="87">
        <v>10</v>
      </c>
      <c r="J40" s="87">
        <v>9</v>
      </c>
      <c r="K40" s="87">
        <v>1</v>
      </c>
      <c r="L40" s="89">
        <v>34</v>
      </c>
      <c r="M40" s="90">
        <v>39</v>
      </c>
      <c r="N40" s="74">
        <v>1</v>
      </c>
      <c r="O40" s="75">
        <v>0</v>
      </c>
      <c r="P40" s="76">
        <v>1</v>
      </c>
      <c r="Q40" s="245"/>
      <c r="R40" s="75">
        <v>0</v>
      </c>
      <c r="S40" s="75">
        <v>1</v>
      </c>
      <c r="T40" s="75">
        <v>0</v>
      </c>
      <c r="U40" s="75">
        <v>1</v>
      </c>
      <c r="V40" s="75">
        <v>0</v>
      </c>
      <c r="W40" s="76">
        <v>2</v>
      </c>
      <c r="X40" s="77">
        <v>3</v>
      </c>
      <c r="Y40" s="74">
        <v>1</v>
      </c>
      <c r="Z40" s="75">
        <v>0</v>
      </c>
      <c r="AA40" s="76">
        <v>1</v>
      </c>
      <c r="AB40" s="245"/>
      <c r="AC40" s="75">
        <v>0</v>
      </c>
      <c r="AD40" s="75">
        <v>1</v>
      </c>
      <c r="AE40" s="75">
        <v>2</v>
      </c>
      <c r="AF40" s="75">
        <v>3</v>
      </c>
      <c r="AG40" s="75">
        <v>0</v>
      </c>
      <c r="AH40" s="76">
        <v>6</v>
      </c>
      <c r="AI40" s="77">
        <v>7</v>
      </c>
      <c r="AJ40" s="74">
        <v>0</v>
      </c>
      <c r="AK40" s="75">
        <v>1</v>
      </c>
      <c r="AL40" s="76">
        <v>1</v>
      </c>
      <c r="AM40" s="245"/>
      <c r="AN40" s="75">
        <v>2</v>
      </c>
      <c r="AO40" s="75">
        <v>0</v>
      </c>
      <c r="AP40" s="75">
        <v>3</v>
      </c>
      <c r="AQ40" s="75">
        <v>0</v>
      </c>
      <c r="AR40" s="75">
        <v>0</v>
      </c>
      <c r="AS40" s="76">
        <v>5</v>
      </c>
      <c r="AT40" s="77">
        <v>6</v>
      </c>
      <c r="AU40" s="74">
        <v>1</v>
      </c>
      <c r="AV40" s="75">
        <v>1</v>
      </c>
      <c r="AW40" s="76">
        <v>2</v>
      </c>
      <c r="AX40" s="245"/>
      <c r="AY40" s="75">
        <v>4</v>
      </c>
      <c r="AZ40" s="75">
        <v>0</v>
      </c>
      <c r="BA40" s="75">
        <v>1</v>
      </c>
      <c r="BB40" s="75">
        <v>1</v>
      </c>
      <c r="BC40" s="75">
        <v>0</v>
      </c>
      <c r="BD40" s="76">
        <v>6</v>
      </c>
      <c r="BE40" s="77">
        <v>8</v>
      </c>
      <c r="BF40" s="74">
        <v>0</v>
      </c>
      <c r="BG40" s="75">
        <v>0</v>
      </c>
      <c r="BH40" s="76">
        <v>0</v>
      </c>
      <c r="BI40" s="245"/>
      <c r="BJ40" s="75">
        <v>1</v>
      </c>
      <c r="BK40" s="75">
        <v>1</v>
      </c>
      <c r="BL40" s="75">
        <v>3</v>
      </c>
      <c r="BM40" s="75">
        <v>4</v>
      </c>
      <c r="BN40" s="75">
        <v>0</v>
      </c>
      <c r="BO40" s="76">
        <v>9</v>
      </c>
      <c r="BP40" s="77">
        <v>9</v>
      </c>
      <c r="BQ40" s="74">
        <v>0</v>
      </c>
      <c r="BR40" s="75">
        <v>0</v>
      </c>
      <c r="BS40" s="76">
        <v>0</v>
      </c>
      <c r="BT40" s="245"/>
      <c r="BU40" s="75">
        <v>2</v>
      </c>
      <c r="BV40" s="75">
        <v>2</v>
      </c>
      <c r="BW40" s="75">
        <v>1</v>
      </c>
      <c r="BX40" s="75">
        <v>0</v>
      </c>
      <c r="BY40" s="75">
        <v>1</v>
      </c>
      <c r="BZ40" s="76">
        <v>6</v>
      </c>
      <c r="CA40" s="77">
        <v>6</v>
      </c>
      <c r="CB40" s="74">
        <v>0</v>
      </c>
      <c r="CC40" s="75">
        <v>0</v>
      </c>
      <c r="CD40" s="76">
        <v>0</v>
      </c>
      <c r="CE40" s="245"/>
      <c r="CF40" s="75">
        <v>0</v>
      </c>
      <c r="CG40" s="75">
        <v>1</v>
      </c>
      <c r="CH40" s="75">
        <v>0</v>
      </c>
      <c r="CI40" s="75">
        <v>1</v>
      </c>
      <c r="CJ40" s="75">
        <v>0</v>
      </c>
      <c r="CK40" s="76">
        <v>2</v>
      </c>
      <c r="CL40" s="77">
        <v>2</v>
      </c>
      <c r="CM40" s="74">
        <v>3</v>
      </c>
      <c r="CN40" s="75">
        <v>2</v>
      </c>
      <c r="CO40" s="76">
        <v>5</v>
      </c>
      <c r="CP40" s="245"/>
      <c r="CQ40" s="75">
        <v>9</v>
      </c>
      <c r="CR40" s="75">
        <v>6</v>
      </c>
      <c r="CS40" s="75">
        <v>10</v>
      </c>
      <c r="CT40" s="75">
        <v>10</v>
      </c>
      <c r="CU40" s="75">
        <v>1</v>
      </c>
      <c r="CV40" s="76">
        <v>36</v>
      </c>
      <c r="CW40" s="77">
        <v>41</v>
      </c>
      <c r="CX40" s="124">
        <v>16</v>
      </c>
      <c r="CY40" s="87">
        <v>3</v>
      </c>
      <c r="CZ40" s="88">
        <v>19</v>
      </c>
      <c r="DA40" s="242"/>
      <c r="DB40" s="87">
        <v>23</v>
      </c>
      <c r="DC40" s="87">
        <v>17</v>
      </c>
      <c r="DD40" s="87">
        <v>27</v>
      </c>
      <c r="DE40" s="87">
        <v>13</v>
      </c>
      <c r="DF40" s="87">
        <v>13</v>
      </c>
      <c r="DG40" s="89">
        <v>93</v>
      </c>
      <c r="DH40" s="90">
        <v>112</v>
      </c>
      <c r="DI40" s="74">
        <v>0</v>
      </c>
      <c r="DJ40" s="75">
        <v>0</v>
      </c>
      <c r="DK40" s="76">
        <v>0</v>
      </c>
      <c r="DL40" s="245"/>
      <c r="DM40" s="75">
        <v>0</v>
      </c>
      <c r="DN40" s="75">
        <v>0</v>
      </c>
      <c r="DO40" s="75">
        <v>1</v>
      </c>
      <c r="DP40" s="75">
        <v>0</v>
      </c>
      <c r="DQ40" s="75">
        <v>2</v>
      </c>
      <c r="DR40" s="76">
        <v>3</v>
      </c>
      <c r="DS40" s="77">
        <v>3</v>
      </c>
      <c r="DT40" s="74">
        <v>2</v>
      </c>
      <c r="DU40" s="75">
        <v>0</v>
      </c>
      <c r="DV40" s="76">
        <v>2</v>
      </c>
      <c r="DW40" s="245"/>
      <c r="DX40" s="75">
        <v>1</v>
      </c>
      <c r="DY40" s="75">
        <v>0</v>
      </c>
      <c r="DZ40" s="75">
        <v>0</v>
      </c>
      <c r="EA40" s="75">
        <v>1</v>
      </c>
      <c r="EB40" s="75">
        <v>0</v>
      </c>
      <c r="EC40" s="76">
        <v>2</v>
      </c>
      <c r="ED40" s="77">
        <v>4</v>
      </c>
      <c r="EE40" s="74">
        <v>1</v>
      </c>
      <c r="EF40" s="75">
        <v>0</v>
      </c>
      <c r="EG40" s="76">
        <v>1</v>
      </c>
      <c r="EH40" s="245"/>
      <c r="EI40" s="75">
        <v>1</v>
      </c>
      <c r="EJ40" s="75">
        <v>3</v>
      </c>
      <c r="EK40" s="75">
        <v>4</v>
      </c>
      <c r="EL40" s="75">
        <v>2</v>
      </c>
      <c r="EM40" s="75">
        <v>0</v>
      </c>
      <c r="EN40" s="76">
        <v>10</v>
      </c>
      <c r="EO40" s="77">
        <v>11</v>
      </c>
      <c r="EP40" s="74">
        <v>7</v>
      </c>
      <c r="EQ40" s="75">
        <v>1</v>
      </c>
      <c r="ER40" s="76">
        <v>8</v>
      </c>
      <c r="ES40" s="245"/>
      <c r="ET40" s="75">
        <v>5</v>
      </c>
      <c r="EU40" s="75">
        <v>4</v>
      </c>
      <c r="EV40" s="75">
        <v>5</v>
      </c>
      <c r="EW40" s="75">
        <v>1</v>
      </c>
      <c r="EX40" s="75">
        <v>3</v>
      </c>
      <c r="EY40" s="76">
        <v>18</v>
      </c>
      <c r="EZ40" s="77">
        <v>26</v>
      </c>
      <c r="FA40" s="74">
        <v>5</v>
      </c>
      <c r="FB40" s="75">
        <v>1</v>
      </c>
      <c r="FC40" s="76">
        <v>6</v>
      </c>
      <c r="FD40" s="245"/>
      <c r="FE40" s="75">
        <v>10</v>
      </c>
      <c r="FF40" s="75">
        <v>5</v>
      </c>
      <c r="FG40" s="75">
        <v>7</v>
      </c>
      <c r="FH40" s="75">
        <v>4</v>
      </c>
      <c r="FI40" s="75">
        <v>4</v>
      </c>
      <c r="FJ40" s="76">
        <v>30</v>
      </c>
      <c r="FK40" s="77">
        <v>36</v>
      </c>
      <c r="FL40" s="74">
        <v>1</v>
      </c>
      <c r="FM40" s="75">
        <v>1</v>
      </c>
      <c r="FN40" s="76">
        <v>2</v>
      </c>
      <c r="FO40" s="245"/>
      <c r="FP40" s="75">
        <v>6</v>
      </c>
      <c r="FQ40" s="75">
        <v>5</v>
      </c>
      <c r="FR40" s="75">
        <v>10</v>
      </c>
      <c r="FS40" s="75">
        <v>5</v>
      </c>
      <c r="FT40" s="75">
        <v>4</v>
      </c>
      <c r="FU40" s="76">
        <v>30</v>
      </c>
      <c r="FV40" s="77">
        <v>32</v>
      </c>
      <c r="FW40" s="74">
        <v>0</v>
      </c>
      <c r="FX40" s="75">
        <v>0</v>
      </c>
      <c r="FY40" s="76">
        <v>0</v>
      </c>
      <c r="FZ40" s="245"/>
      <c r="GA40" s="75">
        <v>0</v>
      </c>
      <c r="GB40" s="75">
        <v>2</v>
      </c>
      <c r="GC40" s="75">
        <v>0</v>
      </c>
      <c r="GD40" s="75">
        <v>0</v>
      </c>
      <c r="GE40" s="75">
        <v>0</v>
      </c>
      <c r="GF40" s="76">
        <v>2</v>
      </c>
      <c r="GG40" s="77">
        <v>2</v>
      </c>
      <c r="GH40" s="74">
        <v>16</v>
      </c>
      <c r="GI40" s="75">
        <v>3</v>
      </c>
      <c r="GJ40" s="76">
        <v>19</v>
      </c>
      <c r="GK40" s="245"/>
      <c r="GL40" s="75">
        <v>23</v>
      </c>
      <c r="GM40" s="75">
        <v>19</v>
      </c>
      <c r="GN40" s="75">
        <v>27</v>
      </c>
      <c r="GO40" s="75">
        <v>13</v>
      </c>
      <c r="GP40" s="75">
        <v>13</v>
      </c>
      <c r="GQ40" s="76">
        <v>95</v>
      </c>
      <c r="GR40" s="77">
        <v>114</v>
      </c>
      <c r="GS40" s="124">
        <v>19</v>
      </c>
      <c r="GT40" s="87">
        <v>5</v>
      </c>
      <c r="GU40" s="88">
        <v>24</v>
      </c>
      <c r="GV40" s="242"/>
      <c r="GW40" s="87">
        <v>32</v>
      </c>
      <c r="GX40" s="87">
        <v>22</v>
      </c>
      <c r="GY40" s="87">
        <v>37</v>
      </c>
      <c r="GZ40" s="87">
        <v>22</v>
      </c>
      <c r="HA40" s="87">
        <v>14</v>
      </c>
      <c r="HB40" s="89">
        <v>127</v>
      </c>
      <c r="HC40" s="90">
        <v>151</v>
      </c>
      <c r="HD40" s="74">
        <v>1</v>
      </c>
      <c r="HE40" s="75">
        <v>0</v>
      </c>
      <c r="HF40" s="76">
        <v>1</v>
      </c>
      <c r="HG40" s="245"/>
      <c r="HH40" s="75">
        <v>0</v>
      </c>
      <c r="HI40" s="75">
        <v>1</v>
      </c>
      <c r="HJ40" s="75">
        <v>1</v>
      </c>
      <c r="HK40" s="75">
        <v>1</v>
      </c>
      <c r="HL40" s="75">
        <v>2</v>
      </c>
      <c r="HM40" s="76">
        <v>5</v>
      </c>
      <c r="HN40" s="77">
        <v>6</v>
      </c>
      <c r="HO40" s="74">
        <v>3</v>
      </c>
      <c r="HP40" s="75">
        <v>0</v>
      </c>
      <c r="HQ40" s="76">
        <v>3</v>
      </c>
      <c r="HR40" s="245"/>
      <c r="HS40" s="75">
        <v>1</v>
      </c>
      <c r="HT40" s="75">
        <v>1</v>
      </c>
      <c r="HU40" s="75">
        <v>2</v>
      </c>
      <c r="HV40" s="75">
        <v>4</v>
      </c>
      <c r="HW40" s="75">
        <v>0</v>
      </c>
      <c r="HX40" s="76">
        <v>8</v>
      </c>
      <c r="HY40" s="77">
        <v>11</v>
      </c>
      <c r="HZ40" s="74">
        <v>1</v>
      </c>
      <c r="IA40" s="75">
        <v>1</v>
      </c>
      <c r="IB40" s="76">
        <v>2</v>
      </c>
      <c r="IC40" s="245"/>
      <c r="ID40" s="75">
        <v>3</v>
      </c>
      <c r="IE40" s="75">
        <v>3</v>
      </c>
      <c r="IF40" s="75">
        <v>7</v>
      </c>
      <c r="IG40" s="75">
        <v>2</v>
      </c>
      <c r="IH40" s="75">
        <v>0</v>
      </c>
      <c r="II40" s="76">
        <v>15</v>
      </c>
      <c r="IJ40" s="77">
        <v>17</v>
      </c>
      <c r="IK40" s="74">
        <v>8</v>
      </c>
      <c r="IL40" s="75">
        <v>2</v>
      </c>
      <c r="IM40" s="76">
        <v>10</v>
      </c>
      <c r="IN40" s="245"/>
      <c r="IO40" s="75">
        <v>9</v>
      </c>
      <c r="IP40" s="75">
        <v>4</v>
      </c>
      <c r="IQ40" s="75">
        <v>6</v>
      </c>
      <c r="IR40" s="75">
        <v>2</v>
      </c>
      <c r="IS40" s="75">
        <v>3</v>
      </c>
      <c r="IT40" s="76">
        <v>24</v>
      </c>
      <c r="IU40" s="77">
        <v>34</v>
      </c>
      <c r="IV40" s="74">
        <v>5</v>
      </c>
      <c r="IW40" s="75">
        <v>1</v>
      </c>
      <c r="IX40" s="76">
        <v>6</v>
      </c>
      <c r="IY40" s="245"/>
      <c r="IZ40" s="75">
        <v>11</v>
      </c>
      <c r="JA40" s="75">
        <v>6</v>
      </c>
      <c r="JB40" s="75">
        <v>10</v>
      </c>
      <c r="JC40" s="75">
        <v>8</v>
      </c>
      <c r="JD40" s="75">
        <v>4</v>
      </c>
      <c r="JE40" s="76">
        <v>39</v>
      </c>
      <c r="JF40" s="77">
        <v>45</v>
      </c>
      <c r="JG40" s="74">
        <v>1</v>
      </c>
      <c r="JH40" s="75">
        <v>1</v>
      </c>
      <c r="JI40" s="76">
        <v>2</v>
      </c>
      <c r="JJ40" s="245"/>
      <c r="JK40" s="75">
        <v>8</v>
      </c>
      <c r="JL40" s="75">
        <v>7</v>
      </c>
      <c r="JM40" s="75">
        <v>11</v>
      </c>
      <c r="JN40" s="75">
        <v>5</v>
      </c>
      <c r="JO40" s="75">
        <v>5</v>
      </c>
      <c r="JP40" s="76">
        <v>36</v>
      </c>
      <c r="JQ40" s="77">
        <v>38</v>
      </c>
      <c r="JR40" s="74">
        <v>0</v>
      </c>
      <c r="JS40" s="75">
        <v>0</v>
      </c>
      <c r="JT40" s="76">
        <v>0</v>
      </c>
      <c r="JU40" s="245"/>
      <c r="JV40" s="75">
        <v>0</v>
      </c>
      <c r="JW40" s="75">
        <v>3</v>
      </c>
      <c r="JX40" s="75">
        <v>0</v>
      </c>
      <c r="JY40" s="75">
        <v>1</v>
      </c>
      <c r="JZ40" s="75">
        <v>0</v>
      </c>
      <c r="KA40" s="76">
        <v>4</v>
      </c>
      <c r="KB40" s="77">
        <v>4</v>
      </c>
      <c r="KC40" s="74">
        <v>19</v>
      </c>
      <c r="KD40" s="75">
        <v>5</v>
      </c>
      <c r="KE40" s="76">
        <v>24</v>
      </c>
      <c r="KF40" s="245"/>
      <c r="KG40" s="75">
        <v>32</v>
      </c>
      <c r="KH40" s="75">
        <v>25</v>
      </c>
      <c r="KI40" s="75">
        <v>37</v>
      </c>
      <c r="KJ40" s="75">
        <v>23</v>
      </c>
      <c r="KK40" s="75">
        <v>14</v>
      </c>
      <c r="KL40" s="76">
        <v>131</v>
      </c>
      <c r="KM40" s="77">
        <v>155</v>
      </c>
    </row>
    <row r="41" spans="2:299" ht="32.25" customHeight="1" x14ac:dyDescent="0.2">
      <c r="C41" s="308"/>
    </row>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496">
        <f>第１表!F2</f>
        <v>5</v>
      </c>
      <c r="I1" s="246">
        <f>第１表!G2</f>
        <v>7</v>
      </c>
      <c r="J1" s="555">
        <f>IF(I1&lt;3,I1-2+12,I1-2)</f>
        <v>5</v>
      </c>
      <c r="K1" s="555"/>
    </row>
    <row r="2" spans="2:43" ht="24" customHeight="1" thickBot="1" x14ac:dyDescent="0.25">
      <c r="B2" s="20" t="s">
        <v>157</v>
      </c>
      <c r="F2" s="20" t="s">
        <v>139</v>
      </c>
    </row>
    <row r="3" spans="2:43" ht="21" customHeight="1" x14ac:dyDescent="0.2">
      <c r="B3" s="601"/>
      <c r="C3" s="591" t="s">
        <v>57</v>
      </c>
      <c r="D3" s="592"/>
      <c r="E3" s="592"/>
      <c r="F3" s="592"/>
      <c r="G3" s="592"/>
      <c r="H3" s="592"/>
      <c r="I3" s="592"/>
      <c r="J3" s="592"/>
      <c r="K3" s="592"/>
      <c r="L3" s="592"/>
      <c r="M3" s="591" t="s">
        <v>58</v>
      </c>
      <c r="N3" s="604"/>
      <c r="O3" s="604"/>
      <c r="P3" s="604"/>
      <c r="Q3" s="604"/>
      <c r="R3" s="604"/>
      <c r="S3" s="604"/>
      <c r="T3" s="604"/>
      <c r="U3" s="604"/>
      <c r="V3" s="604"/>
      <c r="W3" s="591" t="s">
        <v>59</v>
      </c>
      <c r="X3" s="592"/>
      <c r="Y3" s="592"/>
      <c r="Z3" s="592"/>
      <c r="AA3" s="592"/>
      <c r="AB3" s="592"/>
      <c r="AC3" s="592"/>
      <c r="AD3" s="592"/>
      <c r="AE3" s="592"/>
      <c r="AF3" s="592"/>
      <c r="AG3" s="600" t="s">
        <v>150</v>
      </c>
      <c r="AH3" s="592"/>
      <c r="AI3" s="592"/>
      <c r="AJ3" s="592"/>
      <c r="AK3" s="592"/>
      <c r="AL3" s="592"/>
      <c r="AM3" s="592"/>
      <c r="AN3" s="592"/>
      <c r="AO3" s="592"/>
      <c r="AP3" s="593"/>
    </row>
    <row r="4" spans="2:43" ht="21" customHeight="1" x14ac:dyDescent="0.2">
      <c r="B4" s="603"/>
      <c r="C4" s="573" t="s">
        <v>61</v>
      </c>
      <c r="D4" s="574"/>
      <c r="E4" s="575"/>
      <c r="F4" s="576" t="s">
        <v>62</v>
      </c>
      <c r="G4" s="577"/>
      <c r="H4" s="577"/>
      <c r="I4" s="577"/>
      <c r="J4" s="577"/>
      <c r="K4" s="578"/>
      <c r="L4" s="588" t="s">
        <v>52</v>
      </c>
      <c r="M4" s="573" t="s">
        <v>61</v>
      </c>
      <c r="N4" s="574"/>
      <c r="O4" s="575"/>
      <c r="P4" s="576" t="s">
        <v>62</v>
      </c>
      <c r="Q4" s="577"/>
      <c r="R4" s="577"/>
      <c r="S4" s="577"/>
      <c r="T4" s="577"/>
      <c r="U4" s="578"/>
      <c r="V4" s="579" t="s">
        <v>52</v>
      </c>
      <c r="W4" s="573" t="s">
        <v>61</v>
      </c>
      <c r="X4" s="574"/>
      <c r="Y4" s="575"/>
      <c r="Z4" s="576" t="s">
        <v>62</v>
      </c>
      <c r="AA4" s="577"/>
      <c r="AB4" s="577"/>
      <c r="AC4" s="577"/>
      <c r="AD4" s="577"/>
      <c r="AE4" s="578"/>
      <c r="AF4" s="588" t="s">
        <v>52</v>
      </c>
      <c r="AG4" s="573" t="s">
        <v>61</v>
      </c>
      <c r="AH4" s="574"/>
      <c r="AI4" s="575"/>
      <c r="AJ4" s="576" t="s">
        <v>62</v>
      </c>
      <c r="AK4" s="577"/>
      <c r="AL4" s="577"/>
      <c r="AM4" s="577"/>
      <c r="AN4" s="577"/>
      <c r="AO4" s="578"/>
      <c r="AP4" s="579" t="s">
        <v>52</v>
      </c>
    </row>
    <row r="5" spans="2:43" ht="30" customHeight="1" thickBot="1" x14ac:dyDescent="0.25">
      <c r="B5" s="360" t="s">
        <v>42</v>
      </c>
      <c r="C5" s="31" t="s">
        <v>43</v>
      </c>
      <c r="D5" s="32" t="s">
        <v>44</v>
      </c>
      <c r="E5" s="32" t="s">
        <v>45</v>
      </c>
      <c r="F5" s="33" t="s">
        <v>47</v>
      </c>
      <c r="G5" s="34" t="s">
        <v>48</v>
      </c>
      <c r="H5" s="34" t="s">
        <v>49</v>
      </c>
      <c r="I5" s="35" t="s">
        <v>50</v>
      </c>
      <c r="J5" s="32" t="s">
        <v>51</v>
      </c>
      <c r="K5" s="36" t="s">
        <v>95</v>
      </c>
      <c r="L5" s="589"/>
      <c r="M5" s="31" t="s">
        <v>43</v>
      </c>
      <c r="N5" s="32" t="s">
        <v>44</v>
      </c>
      <c r="O5" s="36" t="s">
        <v>45</v>
      </c>
      <c r="P5" s="15" t="s">
        <v>47</v>
      </c>
      <c r="Q5" s="34" t="s">
        <v>48</v>
      </c>
      <c r="R5" s="34" t="s">
        <v>49</v>
      </c>
      <c r="S5" s="35" t="s">
        <v>50</v>
      </c>
      <c r="T5" s="32" t="s">
        <v>51</v>
      </c>
      <c r="U5" s="36" t="s">
        <v>45</v>
      </c>
      <c r="V5" s="580"/>
      <c r="W5" s="31" t="s">
        <v>43</v>
      </c>
      <c r="X5" s="32" t="s">
        <v>44</v>
      </c>
      <c r="Y5" s="32" t="s">
        <v>45</v>
      </c>
      <c r="Z5" s="33" t="s">
        <v>47</v>
      </c>
      <c r="AA5" s="34" t="s">
        <v>48</v>
      </c>
      <c r="AB5" s="34" t="s">
        <v>49</v>
      </c>
      <c r="AC5" s="35" t="s">
        <v>50</v>
      </c>
      <c r="AD5" s="32" t="s">
        <v>51</v>
      </c>
      <c r="AE5" s="36" t="s">
        <v>45</v>
      </c>
      <c r="AF5" s="589"/>
      <c r="AG5" s="31" t="s">
        <v>43</v>
      </c>
      <c r="AH5" s="32" t="s">
        <v>44</v>
      </c>
      <c r="AI5" s="32" t="s">
        <v>45</v>
      </c>
      <c r="AJ5" s="33" t="s">
        <v>47</v>
      </c>
      <c r="AK5" s="34" t="s">
        <v>48</v>
      </c>
      <c r="AL5" s="34" t="s">
        <v>49</v>
      </c>
      <c r="AM5" s="35" t="s">
        <v>50</v>
      </c>
      <c r="AN5" s="32" t="s">
        <v>51</v>
      </c>
      <c r="AO5" s="36" t="s">
        <v>45</v>
      </c>
      <c r="AP5" s="580"/>
    </row>
    <row r="6" spans="2:43" ht="21" customHeight="1" x14ac:dyDescent="0.2">
      <c r="B6" s="359" t="s">
        <v>4</v>
      </c>
      <c r="C6" s="185">
        <v>0</v>
      </c>
      <c r="D6" s="186">
        <v>0</v>
      </c>
      <c r="E6" s="186">
        <v>0</v>
      </c>
      <c r="F6" s="187">
        <v>14</v>
      </c>
      <c r="G6" s="188">
        <v>61</v>
      </c>
      <c r="H6" s="188">
        <v>476</v>
      </c>
      <c r="I6" s="188">
        <v>702</v>
      </c>
      <c r="J6" s="186">
        <v>404</v>
      </c>
      <c r="K6" s="189">
        <v>1657</v>
      </c>
      <c r="L6" s="190">
        <v>1657</v>
      </c>
      <c r="M6" s="185">
        <v>0</v>
      </c>
      <c r="N6" s="186">
        <v>0</v>
      </c>
      <c r="O6" s="189">
        <v>0</v>
      </c>
      <c r="P6" s="192">
        <v>95</v>
      </c>
      <c r="Q6" s="188">
        <v>192</v>
      </c>
      <c r="R6" s="188">
        <v>249</v>
      </c>
      <c r="S6" s="188">
        <v>323</v>
      </c>
      <c r="T6" s="186">
        <v>173</v>
      </c>
      <c r="U6" s="189">
        <v>1032</v>
      </c>
      <c r="V6" s="193">
        <v>1032</v>
      </c>
      <c r="W6" s="192">
        <v>0</v>
      </c>
      <c r="X6" s="186">
        <v>0</v>
      </c>
      <c r="Y6" s="186">
        <v>0</v>
      </c>
      <c r="Z6" s="187">
        <v>0</v>
      </c>
      <c r="AA6" s="188">
        <v>0</v>
      </c>
      <c r="AB6" s="188">
        <v>1</v>
      </c>
      <c r="AC6" s="188">
        <v>9</v>
      </c>
      <c r="AD6" s="186">
        <v>3</v>
      </c>
      <c r="AE6" s="189">
        <v>13</v>
      </c>
      <c r="AF6" s="190">
        <v>13</v>
      </c>
      <c r="AG6" s="185">
        <v>0</v>
      </c>
      <c r="AH6" s="186">
        <v>0</v>
      </c>
      <c r="AI6" s="186">
        <v>0</v>
      </c>
      <c r="AJ6" s="187">
        <v>0</v>
      </c>
      <c r="AK6" s="188">
        <v>2</v>
      </c>
      <c r="AL6" s="188">
        <v>2</v>
      </c>
      <c r="AM6" s="188">
        <v>17</v>
      </c>
      <c r="AN6" s="186">
        <v>21</v>
      </c>
      <c r="AO6" s="189">
        <v>42</v>
      </c>
      <c r="AP6" s="191">
        <v>42</v>
      </c>
      <c r="AQ6" s="37"/>
    </row>
    <row r="7" spans="2:43" ht="21" customHeight="1" x14ac:dyDescent="0.2">
      <c r="B7" s="62" t="s">
        <v>5</v>
      </c>
      <c r="C7" s="194">
        <v>0</v>
      </c>
      <c r="D7" s="195">
        <v>0</v>
      </c>
      <c r="E7" s="195">
        <v>0</v>
      </c>
      <c r="F7" s="196">
        <v>9</v>
      </c>
      <c r="G7" s="197">
        <v>46</v>
      </c>
      <c r="H7" s="197">
        <v>239</v>
      </c>
      <c r="I7" s="197">
        <v>288</v>
      </c>
      <c r="J7" s="195">
        <v>184</v>
      </c>
      <c r="K7" s="198">
        <v>766</v>
      </c>
      <c r="L7" s="199">
        <v>766</v>
      </c>
      <c r="M7" s="194">
        <v>0</v>
      </c>
      <c r="N7" s="195">
        <v>0</v>
      </c>
      <c r="O7" s="198">
        <v>0</v>
      </c>
      <c r="P7" s="201">
        <v>41</v>
      </c>
      <c r="Q7" s="197">
        <v>98</v>
      </c>
      <c r="R7" s="197">
        <v>116</v>
      </c>
      <c r="S7" s="197">
        <v>156</v>
      </c>
      <c r="T7" s="195">
        <v>84</v>
      </c>
      <c r="U7" s="198">
        <v>495</v>
      </c>
      <c r="V7" s="202">
        <v>495</v>
      </c>
      <c r="W7" s="201">
        <v>0</v>
      </c>
      <c r="X7" s="195">
        <v>0</v>
      </c>
      <c r="Y7" s="195">
        <v>0</v>
      </c>
      <c r="Z7" s="196">
        <v>0</v>
      </c>
      <c r="AA7" s="197">
        <v>0</v>
      </c>
      <c r="AB7" s="197">
        <v>0</v>
      </c>
      <c r="AC7" s="197">
        <v>4</v>
      </c>
      <c r="AD7" s="195">
        <v>2</v>
      </c>
      <c r="AE7" s="198">
        <v>6</v>
      </c>
      <c r="AF7" s="199">
        <v>6</v>
      </c>
      <c r="AG7" s="194">
        <v>0</v>
      </c>
      <c r="AH7" s="195">
        <v>0</v>
      </c>
      <c r="AI7" s="195">
        <v>0</v>
      </c>
      <c r="AJ7" s="196">
        <v>0</v>
      </c>
      <c r="AK7" s="197">
        <v>0</v>
      </c>
      <c r="AL7" s="197">
        <v>2</v>
      </c>
      <c r="AM7" s="197">
        <v>3</v>
      </c>
      <c r="AN7" s="195">
        <v>6</v>
      </c>
      <c r="AO7" s="198">
        <v>11</v>
      </c>
      <c r="AP7" s="200">
        <v>11</v>
      </c>
      <c r="AQ7" s="37"/>
    </row>
    <row r="8" spans="2:43" ht="21" customHeight="1" x14ac:dyDescent="0.2">
      <c r="B8" s="62" t="s">
        <v>6</v>
      </c>
      <c r="C8" s="194">
        <v>0</v>
      </c>
      <c r="D8" s="195">
        <v>0</v>
      </c>
      <c r="E8" s="195">
        <v>0</v>
      </c>
      <c r="F8" s="196">
        <v>1</v>
      </c>
      <c r="G8" s="197">
        <v>4</v>
      </c>
      <c r="H8" s="197">
        <v>51</v>
      </c>
      <c r="I8" s="197">
        <v>71</v>
      </c>
      <c r="J8" s="195">
        <v>49</v>
      </c>
      <c r="K8" s="198">
        <v>176</v>
      </c>
      <c r="L8" s="199">
        <v>176</v>
      </c>
      <c r="M8" s="194">
        <v>0</v>
      </c>
      <c r="N8" s="195">
        <v>0</v>
      </c>
      <c r="O8" s="198">
        <v>0</v>
      </c>
      <c r="P8" s="201">
        <v>9</v>
      </c>
      <c r="Q8" s="197">
        <v>22</v>
      </c>
      <c r="R8" s="197">
        <v>24</v>
      </c>
      <c r="S8" s="197">
        <v>33</v>
      </c>
      <c r="T8" s="195">
        <v>22</v>
      </c>
      <c r="U8" s="198">
        <v>110</v>
      </c>
      <c r="V8" s="202">
        <v>110</v>
      </c>
      <c r="W8" s="201">
        <v>0</v>
      </c>
      <c r="X8" s="195">
        <v>0</v>
      </c>
      <c r="Y8" s="195">
        <v>0</v>
      </c>
      <c r="Z8" s="196">
        <v>0</v>
      </c>
      <c r="AA8" s="197">
        <v>0</v>
      </c>
      <c r="AB8" s="197">
        <v>1</v>
      </c>
      <c r="AC8" s="197">
        <v>5</v>
      </c>
      <c r="AD8" s="195">
        <v>0</v>
      </c>
      <c r="AE8" s="198">
        <v>6</v>
      </c>
      <c r="AF8" s="199">
        <v>6</v>
      </c>
      <c r="AG8" s="194">
        <v>0</v>
      </c>
      <c r="AH8" s="195">
        <v>0</v>
      </c>
      <c r="AI8" s="195">
        <v>0</v>
      </c>
      <c r="AJ8" s="196">
        <v>0</v>
      </c>
      <c r="AK8" s="197">
        <v>0</v>
      </c>
      <c r="AL8" s="197">
        <v>0</v>
      </c>
      <c r="AM8" s="197">
        <v>4</v>
      </c>
      <c r="AN8" s="195">
        <v>4</v>
      </c>
      <c r="AO8" s="198">
        <v>8</v>
      </c>
      <c r="AP8" s="200">
        <v>8</v>
      </c>
      <c r="AQ8" s="37"/>
    </row>
    <row r="9" spans="2:43" ht="21" customHeight="1" x14ac:dyDescent="0.2">
      <c r="B9" s="62" t="s">
        <v>14</v>
      </c>
      <c r="C9" s="194">
        <v>0</v>
      </c>
      <c r="D9" s="195">
        <v>0</v>
      </c>
      <c r="E9" s="195">
        <v>0</v>
      </c>
      <c r="F9" s="196">
        <v>1</v>
      </c>
      <c r="G9" s="197">
        <v>0</v>
      </c>
      <c r="H9" s="197">
        <v>42</v>
      </c>
      <c r="I9" s="197">
        <v>53</v>
      </c>
      <c r="J9" s="195">
        <v>27</v>
      </c>
      <c r="K9" s="198">
        <v>123</v>
      </c>
      <c r="L9" s="199">
        <v>123</v>
      </c>
      <c r="M9" s="194">
        <v>0</v>
      </c>
      <c r="N9" s="195">
        <v>0</v>
      </c>
      <c r="O9" s="198">
        <v>0</v>
      </c>
      <c r="P9" s="201">
        <v>0</v>
      </c>
      <c r="Q9" s="197">
        <v>7</v>
      </c>
      <c r="R9" s="197">
        <v>13</v>
      </c>
      <c r="S9" s="197">
        <v>18</v>
      </c>
      <c r="T9" s="195">
        <v>7</v>
      </c>
      <c r="U9" s="198">
        <v>45</v>
      </c>
      <c r="V9" s="202">
        <v>45</v>
      </c>
      <c r="W9" s="201">
        <v>0</v>
      </c>
      <c r="X9" s="195">
        <v>0</v>
      </c>
      <c r="Y9" s="195">
        <v>0</v>
      </c>
      <c r="Z9" s="196">
        <v>0</v>
      </c>
      <c r="AA9" s="197">
        <v>0</v>
      </c>
      <c r="AB9" s="197">
        <v>0</v>
      </c>
      <c r="AC9" s="197">
        <v>0</v>
      </c>
      <c r="AD9" s="195">
        <v>1</v>
      </c>
      <c r="AE9" s="198">
        <v>1</v>
      </c>
      <c r="AF9" s="199">
        <v>1</v>
      </c>
      <c r="AG9" s="194">
        <v>0</v>
      </c>
      <c r="AH9" s="195">
        <v>0</v>
      </c>
      <c r="AI9" s="195">
        <v>0</v>
      </c>
      <c r="AJ9" s="196">
        <v>0</v>
      </c>
      <c r="AK9" s="197">
        <v>1</v>
      </c>
      <c r="AL9" s="197">
        <v>0</v>
      </c>
      <c r="AM9" s="197">
        <v>3</v>
      </c>
      <c r="AN9" s="195">
        <v>5</v>
      </c>
      <c r="AO9" s="198">
        <v>9</v>
      </c>
      <c r="AP9" s="200">
        <v>9</v>
      </c>
      <c r="AQ9" s="37"/>
    </row>
    <row r="10" spans="2:43" ht="21" customHeight="1" x14ac:dyDescent="0.2">
      <c r="B10" s="62" t="s">
        <v>7</v>
      </c>
      <c r="C10" s="194">
        <v>0</v>
      </c>
      <c r="D10" s="195">
        <v>0</v>
      </c>
      <c r="E10" s="195">
        <v>0</v>
      </c>
      <c r="F10" s="196">
        <v>0</v>
      </c>
      <c r="G10" s="197">
        <v>3</v>
      </c>
      <c r="H10" s="197">
        <v>18</v>
      </c>
      <c r="I10" s="197">
        <v>48</v>
      </c>
      <c r="J10" s="195">
        <v>35</v>
      </c>
      <c r="K10" s="198">
        <v>104</v>
      </c>
      <c r="L10" s="199">
        <v>104</v>
      </c>
      <c r="M10" s="194">
        <v>0</v>
      </c>
      <c r="N10" s="195">
        <v>0</v>
      </c>
      <c r="O10" s="198">
        <v>0</v>
      </c>
      <c r="P10" s="201">
        <v>18</v>
      </c>
      <c r="Q10" s="197">
        <v>10</v>
      </c>
      <c r="R10" s="197">
        <v>10</v>
      </c>
      <c r="S10" s="197">
        <v>22</v>
      </c>
      <c r="T10" s="195">
        <v>5</v>
      </c>
      <c r="U10" s="198">
        <v>65</v>
      </c>
      <c r="V10" s="202">
        <v>65</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2</v>
      </c>
      <c r="G11" s="197">
        <v>3</v>
      </c>
      <c r="H11" s="197">
        <v>13</v>
      </c>
      <c r="I11" s="197">
        <v>14</v>
      </c>
      <c r="J11" s="195">
        <v>7</v>
      </c>
      <c r="K11" s="198">
        <v>39</v>
      </c>
      <c r="L11" s="199">
        <v>39</v>
      </c>
      <c r="M11" s="194">
        <v>0</v>
      </c>
      <c r="N11" s="195">
        <v>0</v>
      </c>
      <c r="O11" s="198">
        <v>0</v>
      </c>
      <c r="P11" s="201">
        <v>2</v>
      </c>
      <c r="Q11" s="197">
        <v>4</v>
      </c>
      <c r="R11" s="197">
        <v>5</v>
      </c>
      <c r="S11" s="197">
        <v>7</v>
      </c>
      <c r="T11" s="195">
        <v>5</v>
      </c>
      <c r="U11" s="198">
        <v>23</v>
      </c>
      <c r="V11" s="202">
        <v>23</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2</v>
      </c>
      <c r="AN11" s="195">
        <v>0</v>
      </c>
      <c r="AO11" s="198">
        <v>2</v>
      </c>
      <c r="AP11" s="200">
        <v>2</v>
      </c>
      <c r="AQ11" s="37"/>
    </row>
    <row r="12" spans="2:43" ht="21" customHeight="1" x14ac:dyDescent="0.2">
      <c r="B12" s="62" t="s">
        <v>9</v>
      </c>
      <c r="C12" s="194">
        <v>0</v>
      </c>
      <c r="D12" s="195">
        <v>0</v>
      </c>
      <c r="E12" s="195">
        <v>0</v>
      </c>
      <c r="F12" s="196">
        <v>0</v>
      </c>
      <c r="G12" s="197">
        <v>0</v>
      </c>
      <c r="H12" s="197">
        <v>13</v>
      </c>
      <c r="I12" s="197">
        <v>22</v>
      </c>
      <c r="J12" s="195">
        <v>11</v>
      </c>
      <c r="K12" s="198">
        <v>46</v>
      </c>
      <c r="L12" s="199">
        <v>46</v>
      </c>
      <c r="M12" s="194">
        <v>0</v>
      </c>
      <c r="N12" s="195">
        <v>0</v>
      </c>
      <c r="O12" s="198">
        <v>0</v>
      </c>
      <c r="P12" s="201">
        <v>2</v>
      </c>
      <c r="Q12" s="197">
        <v>4</v>
      </c>
      <c r="R12" s="197">
        <v>4</v>
      </c>
      <c r="S12" s="197">
        <v>9</v>
      </c>
      <c r="T12" s="195">
        <v>5</v>
      </c>
      <c r="U12" s="198">
        <v>24</v>
      </c>
      <c r="V12" s="202">
        <v>24</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1</v>
      </c>
      <c r="AN12" s="195">
        <v>0</v>
      </c>
      <c r="AO12" s="198">
        <v>1</v>
      </c>
      <c r="AP12" s="200">
        <v>1</v>
      </c>
      <c r="AQ12" s="37"/>
    </row>
    <row r="13" spans="2:43" ht="21" customHeight="1" x14ac:dyDescent="0.2">
      <c r="B13" s="62" t="s">
        <v>10</v>
      </c>
      <c r="C13" s="194">
        <v>0</v>
      </c>
      <c r="D13" s="195">
        <v>0</v>
      </c>
      <c r="E13" s="195">
        <v>0</v>
      </c>
      <c r="F13" s="196">
        <v>1</v>
      </c>
      <c r="G13" s="197">
        <v>0</v>
      </c>
      <c r="H13" s="197">
        <v>20</v>
      </c>
      <c r="I13" s="197">
        <v>36</v>
      </c>
      <c r="J13" s="195">
        <v>18</v>
      </c>
      <c r="K13" s="198">
        <v>75</v>
      </c>
      <c r="L13" s="199">
        <v>75</v>
      </c>
      <c r="M13" s="194">
        <v>0</v>
      </c>
      <c r="N13" s="195">
        <v>0</v>
      </c>
      <c r="O13" s="198">
        <v>0</v>
      </c>
      <c r="P13" s="201">
        <v>3</v>
      </c>
      <c r="Q13" s="197">
        <v>7</v>
      </c>
      <c r="R13" s="197">
        <v>11</v>
      </c>
      <c r="S13" s="197">
        <v>11</v>
      </c>
      <c r="T13" s="195">
        <v>9</v>
      </c>
      <c r="U13" s="198">
        <v>41</v>
      </c>
      <c r="V13" s="202">
        <v>41</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1" customHeight="1" x14ac:dyDescent="0.2">
      <c r="B14" s="62" t="s">
        <v>11</v>
      </c>
      <c r="C14" s="194">
        <v>0</v>
      </c>
      <c r="D14" s="195">
        <v>0</v>
      </c>
      <c r="E14" s="195">
        <v>0</v>
      </c>
      <c r="F14" s="196">
        <v>0</v>
      </c>
      <c r="G14" s="197">
        <v>0</v>
      </c>
      <c r="H14" s="197">
        <v>6</v>
      </c>
      <c r="I14" s="197">
        <v>19</v>
      </c>
      <c r="J14" s="195">
        <v>5</v>
      </c>
      <c r="K14" s="198">
        <v>30</v>
      </c>
      <c r="L14" s="199">
        <v>30</v>
      </c>
      <c r="M14" s="194">
        <v>0</v>
      </c>
      <c r="N14" s="195">
        <v>0</v>
      </c>
      <c r="O14" s="198">
        <v>0</v>
      </c>
      <c r="P14" s="201">
        <v>2</v>
      </c>
      <c r="Q14" s="197">
        <v>1</v>
      </c>
      <c r="R14" s="197">
        <v>6</v>
      </c>
      <c r="S14" s="197">
        <v>5</v>
      </c>
      <c r="T14" s="195">
        <v>7</v>
      </c>
      <c r="U14" s="198">
        <v>21</v>
      </c>
      <c r="V14" s="202">
        <v>21</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1</v>
      </c>
      <c r="AN14" s="195">
        <v>0</v>
      </c>
      <c r="AO14" s="198">
        <v>1</v>
      </c>
      <c r="AP14" s="200">
        <v>1</v>
      </c>
      <c r="AQ14" s="37"/>
    </row>
    <row r="15" spans="2:43" ht="21" customHeight="1" x14ac:dyDescent="0.2">
      <c r="B15" s="62" t="s">
        <v>12</v>
      </c>
      <c r="C15" s="194">
        <v>0</v>
      </c>
      <c r="D15" s="195">
        <v>0</v>
      </c>
      <c r="E15" s="195">
        <v>0</v>
      </c>
      <c r="F15" s="196">
        <v>0</v>
      </c>
      <c r="G15" s="197">
        <v>0</v>
      </c>
      <c r="H15" s="197">
        <v>6</v>
      </c>
      <c r="I15" s="197">
        <v>18</v>
      </c>
      <c r="J15" s="195">
        <v>7</v>
      </c>
      <c r="K15" s="198">
        <v>31</v>
      </c>
      <c r="L15" s="199">
        <v>31</v>
      </c>
      <c r="M15" s="194">
        <v>0</v>
      </c>
      <c r="N15" s="195">
        <v>0</v>
      </c>
      <c r="O15" s="198">
        <v>0</v>
      </c>
      <c r="P15" s="201">
        <v>2</v>
      </c>
      <c r="Q15" s="197">
        <v>6</v>
      </c>
      <c r="R15" s="197">
        <v>6</v>
      </c>
      <c r="S15" s="197">
        <v>11</v>
      </c>
      <c r="T15" s="195">
        <v>3</v>
      </c>
      <c r="U15" s="198">
        <v>28</v>
      </c>
      <c r="V15" s="202">
        <v>28</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1</v>
      </c>
      <c r="AO15" s="198">
        <v>2</v>
      </c>
      <c r="AP15" s="200">
        <v>2</v>
      </c>
      <c r="AQ15" s="37"/>
    </row>
    <row r="16" spans="2:43" ht="21" customHeight="1" x14ac:dyDescent="0.2">
      <c r="B16" s="62" t="s">
        <v>13</v>
      </c>
      <c r="C16" s="194">
        <v>0</v>
      </c>
      <c r="D16" s="195">
        <v>0</v>
      </c>
      <c r="E16" s="195">
        <v>0</v>
      </c>
      <c r="F16" s="196">
        <v>0</v>
      </c>
      <c r="G16" s="197">
        <v>0</v>
      </c>
      <c r="H16" s="197">
        <v>3</v>
      </c>
      <c r="I16" s="197">
        <v>12</v>
      </c>
      <c r="J16" s="195">
        <v>6</v>
      </c>
      <c r="K16" s="198">
        <v>21</v>
      </c>
      <c r="L16" s="199">
        <v>21</v>
      </c>
      <c r="M16" s="194">
        <v>0</v>
      </c>
      <c r="N16" s="195">
        <v>0</v>
      </c>
      <c r="O16" s="198">
        <v>0</v>
      </c>
      <c r="P16" s="201">
        <v>1</v>
      </c>
      <c r="Q16" s="197">
        <v>3</v>
      </c>
      <c r="R16" s="197">
        <v>4</v>
      </c>
      <c r="S16" s="197">
        <v>2</v>
      </c>
      <c r="T16" s="195">
        <v>3</v>
      </c>
      <c r="U16" s="198">
        <v>13</v>
      </c>
      <c r="V16" s="202">
        <v>13</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7</v>
      </c>
      <c r="J17" s="195">
        <v>2</v>
      </c>
      <c r="K17" s="198">
        <v>10</v>
      </c>
      <c r="L17" s="199">
        <v>10</v>
      </c>
      <c r="M17" s="194">
        <v>0</v>
      </c>
      <c r="N17" s="195">
        <v>0</v>
      </c>
      <c r="O17" s="198">
        <v>0</v>
      </c>
      <c r="P17" s="201">
        <v>0</v>
      </c>
      <c r="Q17" s="197">
        <v>2</v>
      </c>
      <c r="R17" s="197">
        <v>1</v>
      </c>
      <c r="S17" s="197">
        <v>4</v>
      </c>
      <c r="T17" s="195">
        <v>2</v>
      </c>
      <c r="U17" s="198">
        <v>9</v>
      </c>
      <c r="V17" s="202">
        <v>9</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1</v>
      </c>
      <c r="H18" s="197">
        <v>6</v>
      </c>
      <c r="I18" s="197">
        <v>13</v>
      </c>
      <c r="J18" s="195">
        <v>3</v>
      </c>
      <c r="K18" s="198">
        <v>23</v>
      </c>
      <c r="L18" s="199">
        <v>23</v>
      </c>
      <c r="M18" s="194">
        <v>0</v>
      </c>
      <c r="N18" s="195">
        <v>0</v>
      </c>
      <c r="O18" s="198">
        <v>0</v>
      </c>
      <c r="P18" s="201">
        <v>0</v>
      </c>
      <c r="Q18" s="197">
        <v>4</v>
      </c>
      <c r="R18" s="197">
        <v>5</v>
      </c>
      <c r="S18" s="197">
        <v>8</v>
      </c>
      <c r="T18" s="195">
        <v>2</v>
      </c>
      <c r="U18" s="198">
        <v>19</v>
      </c>
      <c r="V18" s="202">
        <v>19</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1</v>
      </c>
      <c r="AO18" s="198">
        <v>1</v>
      </c>
      <c r="AP18" s="200">
        <v>1</v>
      </c>
      <c r="AQ18" s="37"/>
    </row>
    <row r="19" spans="2:43" ht="21" customHeight="1" x14ac:dyDescent="0.2">
      <c r="B19" s="62" t="s">
        <v>17</v>
      </c>
      <c r="C19" s="194">
        <v>0</v>
      </c>
      <c r="D19" s="195">
        <v>0</v>
      </c>
      <c r="E19" s="195">
        <v>0</v>
      </c>
      <c r="F19" s="196">
        <v>0</v>
      </c>
      <c r="G19" s="197">
        <v>1</v>
      </c>
      <c r="H19" s="197">
        <v>10</v>
      </c>
      <c r="I19" s="197">
        <v>16</v>
      </c>
      <c r="J19" s="195">
        <v>10</v>
      </c>
      <c r="K19" s="198">
        <v>37</v>
      </c>
      <c r="L19" s="199">
        <v>37</v>
      </c>
      <c r="M19" s="194">
        <v>0</v>
      </c>
      <c r="N19" s="195">
        <v>0</v>
      </c>
      <c r="O19" s="198">
        <v>0</v>
      </c>
      <c r="P19" s="201">
        <v>5</v>
      </c>
      <c r="Q19" s="197">
        <v>3</v>
      </c>
      <c r="R19" s="197">
        <v>11</v>
      </c>
      <c r="S19" s="197">
        <v>5</v>
      </c>
      <c r="T19" s="195">
        <v>8</v>
      </c>
      <c r="U19" s="198">
        <v>32</v>
      </c>
      <c r="V19" s="202">
        <v>32</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0</v>
      </c>
      <c r="AO19" s="198">
        <v>0</v>
      </c>
      <c r="AP19" s="200">
        <v>0</v>
      </c>
      <c r="AQ19" s="37"/>
    </row>
    <row r="20" spans="2:43" ht="21" customHeight="1" x14ac:dyDescent="0.2">
      <c r="B20" s="62" t="s">
        <v>18</v>
      </c>
      <c r="C20" s="194">
        <v>0</v>
      </c>
      <c r="D20" s="195">
        <v>0</v>
      </c>
      <c r="E20" s="195">
        <v>0</v>
      </c>
      <c r="F20" s="196">
        <v>0</v>
      </c>
      <c r="G20" s="197">
        <v>0</v>
      </c>
      <c r="H20" s="197">
        <v>6</v>
      </c>
      <c r="I20" s="197">
        <v>24</v>
      </c>
      <c r="J20" s="195">
        <v>6</v>
      </c>
      <c r="K20" s="198">
        <v>36</v>
      </c>
      <c r="L20" s="199">
        <v>36</v>
      </c>
      <c r="M20" s="194">
        <v>0</v>
      </c>
      <c r="N20" s="195">
        <v>0</v>
      </c>
      <c r="O20" s="198">
        <v>0</v>
      </c>
      <c r="P20" s="201">
        <v>2</v>
      </c>
      <c r="Q20" s="197">
        <v>4</v>
      </c>
      <c r="R20" s="197">
        <v>5</v>
      </c>
      <c r="S20" s="197">
        <v>6</v>
      </c>
      <c r="T20" s="195">
        <v>3</v>
      </c>
      <c r="U20" s="198">
        <v>20</v>
      </c>
      <c r="V20" s="202">
        <v>20</v>
      </c>
      <c r="W20" s="201">
        <v>0</v>
      </c>
      <c r="X20" s="195">
        <v>0</v>
      </c>
      <c r="Y20" s="195">
        <v>0</v>
      </c>
      <c r="Z20" s="196">
        <v>0</v>
      </c>
      <c r="AA20" s="197">
        <v>0</v>
      </c>
      <c r="AB20" s="197">
        <v>0</v>
      </c>
      <c r="AC20" s="197">
        <v>0</v>
      </c>
      <c r="AD20" s="195">
        <v>0</v>
      </c>
      <c r="AE20" s="198">
        <v>0</v>
      </c>
      <c r="AF20" s="199">
        <v>0</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5</v>
      </c>
      <c r="I21" s="197">
        <v>4</v>
      </c>
      <c r="J21" s="195">
        <v>6</v>
      </c>
      <c r="K21" s="198">
        <v>15</v>
      </c>
      <c r="L21" s="199">
        <v>15</v>
      </c>
      <c r="M21" s="194">
        <v>0</v>
      </c>
      <c r="N21" s="195">
        <v>0</v>
      </c>
      <c r="O21" s="198">
        <v>0</v>
      </c>
      <c r="P21" s="201">
        <v>0</v>
      </c>
      <c r="Q21" s="197">
        <v>2</v>
      </c>
      <c r="R21" s="197">
        <v>5</v>
      </c>
      <c r="S21" s="197">
        <v>4</v>
      </c>
      <c r="T21" s="195">
        <v>1</v>
      </c>
      <c r="U21" s="198">
        <v>12</v>
      </c>
      <c r="V21" s="202">
        <v>12</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10</v>
      </c>
      <c r="I22" s="197">
        <v>13</v>
      </c>
      <c r="J22" s="195">
        <v>5</v>
      </c>
      <c r="K22" s="198">
        <v>29</v>
      </c>
      <c r="L22" s="199">
        <v>29</v>
      </c>
      <c r="M22" s="194">
        <v>0</v>
      </c>
      <c r="N22" s="195">
        <v>0</v>
      </c>
      <c r="O22" s="198">
        <v>0</v>
      </c>
      <c r="P22" s="201">
        <v>2</v>
      </c>
      <c r="Q22" s="197">
        <v>1</v>
      </c>
      <c r="R22" s="197">
        <v>1</v>
      </c>
      <c r="S22" s="197">
        <v>2</v>
      </c>
      <c r="T22" s="195">
        <v>1</v>
      </c>
      <c r="U22" s="198">
        <v>7</v>
      </c>
      <c r="V22" s="202">
        <v>7</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1" customHeight="1" x14ac:dyDescent="0.2">
      <c r="B23" s="62" t="s">
        <v>21</v>
      </c>
      <c r="C23" s="194">
        <v>0</v>
      </c>
      <c r="D23" s="195">
        <v>0</v>
      </c>
      <c r="E23" s="195">
        <v>0</v>
      </c>
      <c r="F23" s="196">
        <v>0</v>
      </c>
      <c r="G23" s="197">
        <v>0</v>
      </c>
      <c r="H23" s="197">
        <v>9</v>
      </c>
      <c r="I23" s="197">
        <v>11</v>
      </c>
      <c r="J23" s="195">
        <v>6</v>
      </c>
      <c r="K23" s="198">
        <v>26</v>
      </c>
      <c r="L23" s="199">
        <v>26</v>
      </c>
      <c r="M23" s="194">
        <v>0</v>
      </c>
      <c r="N23" s="195">
        <v>0</v>
      </c>
      <c r="O23" s="198">
        <v>0</v>
      </c>
      <c r="P23" s="201">
        <v>0</v>
      </c>
      <c r="Q23" s="197">
        <v>1</v>
      </c>
      <c r="R23" s="197">
        <v>2</v>
      </c>
      <c r="S23" s="197">
        <v>1</v>
      </c>
      <c r="T23" s="195">
        <v>1</v>
      </c>
      <c r="U23" s="198">
        <v>5</v>
      </c>
      <c r="V23" s="202">
        <v>5</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1</v>
      </c>
      <c r="AO23" s="198">
        <v>1</v>
      </c>
      <c r="AP23" s="200">
        <v>1</v>
      </c>
      <c r="AQ23" s="37"/>
    </row>
    <row r="24" spans="2:43" ht="21" customHeight="1" x14ac:dyDescent="0.2">
      <c r="B24" s="62" t="s">
        <v>22</v>
      </c>
      <c r="C24" s="194">
        <v>0</v>
      </c>
      <c r="D24" s="195">
        <v>0</v>
      </c>
      <c r="E24" s="195">
        <v>0</v>
      </c>
      <c r="F24" s="196">
        <v>0</v>
      </c>
      <c r="G24" s="197">
        <v>0</v>
      </c>
      <c r="H24" s="197">
        <v>4</v>
      </c>
      <c r="I24" s="197">
        <v>5</v>
      </c>
      <c r="J24" s="195">
        <v>2</v>
      </c>
      <c r="K24" s="198">
        <v>11</v>
      </c>
      <c r="L24" s="199">
        <v>11</v>
      </c>
      <c r="M24" s="194">
        <v>0</v>
      </c>
      <c r="N24" s="195">
        <v>0</v>
      </c>
      <c r="O24" s="198">
        <v>0</v>
      </c>
      <c r="P24" s="201">
        <v>0</v>
      </c>
      <c r="Q24" s="197">
        <v>0</v>
      </c>
      <c r="R24" s="197">
        <v>1</v>
      </c>
      <c r="S24" s="197">
        <v>1</v>
      </c>
      <c r="T24" s="195">
        <v>1</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2</v>
      </c>
      <c r="I25" s="197">
        <v>5</v>
      </c>
      <c r="J25" s="195">
        <v>1</v>
      </c>
      <c r="K25" s="198">
        <v>8</v>
      </c>
      <c r="L25" s="199">
        <v>8</v>
      </c>
      <c r="M25" s="194">
        <v>0</v>
      </c>
      <c r="N25" s="195">
        <v>0</v>
      </c>
      <c r="O25" s="198">
        <v>0</v>
      </c>
      <c r="P25" s="201">
        <v>0</v>
      </c>
      <c r="Q25" s="197">
        <v>1</v>
      </c>
      <c r="R25" s="197">
        <v>1</v>
      </c>
      <c r="S25" s="197">
        <v>3</v>
      </c>
      <c r="T25" s="195">
        <v>2</v>
      </c>
      <c r="U25" s="198">
        <v>7</v>
      </c>
      <c r="V25" s="202">
        <v>7</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1" customHeight="1" x14ac:dyDescent="0.2">
      <c r="B26" s="62" t="s">
        <v>24</v>
      </c>
      <c r="C26" s="194">
        <v>0</v>
      </c>
      <c r="D26" s="195">
        <v>0</v>
      </c>
      <c r="E26" s="195">
        <v>0</v>
      </c>
      <c r="F26" s="196">
        <v>0</v>
      </c>
      <c r="G26" s="197">
        <v>0</v>
      </c>
      <c r="H26" s="197">
        <v>0</v>
      </c>
      <c r="I26" s="197">
        <v>3</v>
      </c>
      <c r="J26" s="195">
        <v>2</v>
      </c>
      <c r="K26" s="198">
        <v>5</v>
      </c>
      <c r="L26" s="199">
        <v>5</v>
      </c>
      <c r="M26" s="194">
        <v>0</v>
      </c>
      <c r="N26" s="195">
        <v>0</v>
      </c>
      <c r="O26" s="198">
        <v>0</v>
      </c>
      <c r="P26" s="201">
        <v>0</v>
      </c>
      <c r="Q26" s="197">
        <v>1</v>
      </c>
      <c r="R26" s="197">
        <v>5</v>
      </c>
      <c r="S26" s="197">
        <v>3</v>
      </c>
      <c r="T26" s="195">
        <v>0</v>
      </c>
      <c r="U26" s="198">
        <v>9</v>
      </c>
      <c r="V26" s="202">
        <v>9</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1</v>
      </c>
      <c r="H27" s="197">
        <v>5</v>
      </c>
      <c r="I27" s="197">
        <v>1</v>
      </c>
      <c r="J27" s="195">
        <v>2</v>
      </c>
      <c r="K27" s="198">
        <v>9</v>
      </c>
      <c r="L27" s="199">
        <v>9</v>
      </c>
      <c r="M27" s="194">
        <v>0</v>
      </c>
      <c r="N27" s="195">
        <v>0</v>
      </c>
      <c r="O27" s="198">
        <v>0</v>
      </c>
      <c r="P27" s="201">
        <v>1</v>
      </c>
      <c r="Q27" s="197">
        <v>1</v>
      </c>
      <c r="R27" s="197">
        <v>0</v>
      </c>
      <c r="S27" s="197">
        <v>2</v>
      </c>
      <c r="T27" s="195">
        <v>2</v>
      </c>
      <c r="U27" s="198">
        <v>6</v>
      </c>
      <c r="V27" s="202">
        <v>6</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3</v>
      </c>
      <c r="I28" s="197">
        <v>5</v>
      </c>
      <c r="J28" s="195">
        <v>2</v>
      </c>
      <c r="K28" s="198">
        <v>10</v>
      </c>
      <c r="L28" s="199">
        <v>10</v>
      </c>
      <c r="M28" s="194">
        <v>0</v>
      </c>
      <c r="N28" s="195">
        <v>0</v>
      </c>
      <c r="O28" s="198">
        <v>0</v>
      </c>
      <c r="P28" s="201">
        <v>0</v>
      </c>
      <c r="Q28" s="197">
        <v>0</v>
      </c>
      <c r="R28" s="197">
        <v>2</v>
      </c>
      <c r="S28" s="197">
        <v>1</v>
      </c>
      <c r="T28" s="195">
        <v>0</v>
      </c>
      <c r="U28" s="198">
        <v>3</v>
      </c>
      <c r="V28" s="202">
        <v>3</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1</v>
      </c>
      <c r="H29" s="197">
        <v>0</v>
      </c>
      <c r="I29" s="197">
        <v>2</v>
      </c>
      <c r="J29" s="195">
        <v>0</v>
      </c>
      <c r="K29" s="198">
        <v>3</v>
      </c>
      <c r="L29" s="199">
        <v>3</v>
      </c>
      <c r="M29" s="194">
        <v>0</v>
      </c>
      <c r="N29" s="195">
        <v>0</v>
      </c>
      <c r="O29" s="198">
        <v>0</v>
      </c>
      <c r="P29" s="201">
        <v>1</v>
      </c>
      <c r="Q29" s="197">
        <v>4</v>
      </c>
      <c r="R29" s="197">
        <v>4</v>
      </c>
      <c r="S29" s="197">
        <v>2</v>
      </c>
      <c r="T29" s="195">
        <v>0</v>
      </c>
      <c r="U29" s="198">
        <v>11</v>
      </c>
      <c r="V29" s="202">
        <v>11</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1"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1</v>
      </c>
      <c r="S30" s="197">
        <v>2</v>
      </c>
      <c r="T30" s="195">
        <v>0</v>
      </c>
      <c r="U30" s="198">
        <v>4</v>
      </c>
      <c r="V30" s="202">
        <v>4</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1</v>
      </c>
      <c r="J31" s="195">
        <v>0</v>
      </c>
      <c r="K31" s="198">
        <v>1</v>
      </c>
      <c r="L31" s="199">
        <v>1</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0</v>
      </c>
      <c r="I32" s="197">
        <v>2</v>
      </c>
      <c r="J32" s="195">
        <v>1</v>
      </c>
      <c r="K32" s="198">
        <v>3</v>
      </c>
      <c r="L32" s="199">
        <v>3</v>
      </c>
      <c r="M32" s="194">
        <v>0</v>
      </c>
      <c r="N32" s="195">
        <v>0</v>
      </c>
      <c r="O32" s="198">
        <v>0</v>
      </c>
      <c r="P32" s="201">
        <v>2</v>
      </c>
      <c r="Q32" s="197">
        <v>0</v>
      </c>
      <c r="R32" s="197">
        <v>0</v>
      </c>
      <c r="S32" s="197">
        <v>3</v>
      </c>
      <c r="T32" s="195">
        <v>0</v>
      </c>
      <c r="U32" s="198">
        <v>5</v>
      </c>
      <c r="V32" s="202">
        <v>5</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1</v>
      </c>
      <c r="AN32" s="195">
        <v>0</v>
      </c>
      <c r="AO32" s="198">
        <v>1</v>
      </c>
      <c r="AP32" s="200">
        <v>1</v>
      </c>
      <c r="AQ32" s="37"/>
    </row>
    <row r="33" spans="2:43" ht="21" customHeight="1" x14ac:dyDescent="0.2">
      <c r="B33" s="62" t="s">
        <v>31</v>
      </c>
      <c r="C33" s="194">
        <v>0</v>
      </c>
      <c r="D33" s="195">
        <v>0</v>
      </c>
      <c r="E33" s="195">
        <v>0</v>
      </c>
      <c r="F33" s="196">
        <v>0</v>
      </c>
      <c r="G33" s="197">
        <v>0</v>
      </c>
      <c r="H33" s="197">
        <v>1</v>
      </c>
      <c r="I33" s="197">
        <v>1</v>
      </c>
      <c r="J33" s="195">
        <v>1</v>
      </c>
      <c r="K33" s="198">
        <v>3</v>
      </c>
      <c r="L33" s="199">
        <v>3</v>
      </c>
      <c r="M33" s="194">
        <v>0</v>
      </c>
      <c r="N33" s="195">
        <v>0</v>
      </c>
      <c r="O33" s="198">
        <v>0</v>
      </c>
      <c r="P33" s="201">
        <v>0</v>
      </c>
      <c r="Q33" s="197">
        <v>0</v>
      </c>
      <c r="R33" s="197">
        <v>1</v>
      </c>
      <c r="S33" s="197">
        <v>0</v>
      </c>
      <c r="T33" s="195">
        <v>0</v>
      </c>
      <c r="U33" s="198">
        <v>1</v>
      </c>
      <c r="V33" s="202">
        <v>1</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1</v>
      </c>
      <c r="I34" s="197">
        <v>3</v>
      </c>
      <c r="J34" s="195">
        <v>0</v>
      </c>
      <c r="K34" s="198">
        <v>4</v>
      </c>
      <c r="L34" s="199">
        <v>4</v>
      </c>
      <c r="M34" s="194">
        <v>0</v>
      </c>
      <c r="N34" s="195">
        <v>0</v>
      </c>
      <c r="O34" s="198">
        <v>0</v>
      </c>
      <c r="P34" s="201">
        <v>0</v>
      </c>
      <c r="Q34" s="197">
        <v>1</v>
      </c>
      <c r="R34" s="197">
        <v>0</v>
      </c>
      <c r="S34" s="197">
        <v>2</v>
      </c>
      <c r="T34" s="195">
        <v>0</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0</v>
      </c>
      <c r="AM35" s="197">
        <v>0</v>
      </c>
      <c r="AN35" s="195">
        <v>1</v>
      </c>
      <c r="AO35" s="198">
        <v>2</v>
      </c>
      <c r="AP35" s="200">
        <v>2</v>
      </c>
      <c r="AQ35" s="37"/>
    </row>
    <row r="36" spans="2:43" ht="21"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1</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1</v>
      </c>
      <c r="J37" s="195">
        <v>3</v>
      </c>
      <c r="K37" s="198">
        <v>4</v>
      </c>
      <c r="L37" s="199">
        <v>4</v>
      </c>
      <c r="M37" s="194">
        <v>0</v>
      </c>
      <c r="N37" s="195">
        <v>0</v>
      </c>
      <c r="O37" s="198">
        <v>0</v>
      </c>
      <c r="P37" s="201">
        <v>2</v>
      </c>
      <c r="Q37" s="197">
        <v>2</v>
      </c>
      <c r="R37" s="197">
        <v>2</v>
      </c>
      <c r="S37" s="197">
        <v>0</v>
      </c>
      <c r="T37" s="195">
        <v>0</v>
      </c>
      <c r="U37" s="198">
        <v>6</v>
      </c>
      <c r="V37" s="202">
        <v>6</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0</v>
      </c>
      <c r="I38" s="197">
        <v>2</v>
      </c>
      <c r="J38" s="195">
        <v>2</v>
      </c>
      <c r="K38" s="198">
        <v>4</v>
      </c>
      <c r="L38" s="199">
        <v>4</v>
      </c>
      <c r="M38" s="194">
        <v>0</v>
      </c>
      <c r="N38" s="195">
        <v>0</v>
      </c>
      <c r="O38" s="198">
        <v>0</v>
      </c>
      <c r="P38" s="201">
        <v>0</v>
      </c>
      <c r="Q38" s="197">
        <v>2</v>
      </c>
      <c r="R38" s="197">
        <v>2</v>
      </c>
      <c r="S38" s="197">
        <v>0</v>
      </c>
      <c r="T38" s="195">
        <v>0</v>
      </c>
      <c r="U38" s="198">
        <v>4</v>
      </c>
      <c r="V38" s="202">
        <v>4</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1</v>
      </c>
      <c r="I39" s="206">
        <v>1</v>
      </c>
      <c r="J39" s="204">
        <v>1</v>
      </c>
      <c r="K39" s="207">
        <v>3</v>
      </c>
      <c r="L39" s="208">
        <v>3</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B3:B4"/>
    <mergeCell ref="C3:L3"/>
    <mergeCell ref="M3:V3"/>
    <mergeCell ref="C4:E4"/>
    <mergeCell ref="F4:K4"/>
    <mergeCell ref="L4:L5"/>
    <mergeCell ref="J1:K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496">
        <f>第１表!F2</f>
        <v>5</v>
      </c>
      <c r="I1" s="246">
        <f>第１表!G2</f>
        <v>7</v>
      </c>
      <c r="J1" s="607">
        <f>IF(I1&lt;3,I1-2+12,I1-2)</f>
        <v>5</v>
      </c>
      <c r="K1" s="607"/>
    </row>
    <row r="2" spans="2:43" ht="24" customHeight="1" thickBot="1" x14ac:dyDescent="0.25">
      <c r="B2" s="20" t="s">
        <v>158</v>
      </c>
      <c r="F2" s="20" t="s">
        <v>139</v>
      </c>
    </row>
    <row r="3" spans="2:43" ht="21" customHeight="1" x14ac:dyDescent="0.2">
      <c r="B3" s="601"/>
      <c r="C3" s="591" t="s">
        <v>57</v>
      </c>
      <c r="D3" s="592"/>
      <c r="E3" s="592"/>
      <c r="F3" s="592"/>
      <c r="G3" s="592"/>
      <c r="H3" s="592"/>
      <c r="I3" s="592"/>
      <c r="J3" s="592"/>
      <c r="K3" s="592"/>
      <c r="L3" s="592"/>
      <c r="M3" s="591" t="s">
        <v>58</v>
      </c>
      <c r="N3" s="604"/>
      <c r="O3" s="604"/>
      <c r="P3" s="604"/>
      <c r="Q3" s="604"/>
      <c r="R3" s="604"/>
      <c r="S3" s="604"/>
      <c r="T3" s="604"/>
      <c r="U3" s="604"/>
      <c r="V3" s="604"/>
      <c r="W3" s="591" t="s">
        <v>59</v>
      </c>
      <c r="X3" s="592"/>
      <c r="Y3" s="592"/>
      <c r="Z3" s="592"/>
      <c r="AA3" s="592"/>
      <c r="AB3" s="592"/>
      <c r="AC3" s="592"/>
      <c r="AD3" s="592"/>
      <c r="AE3" s="592"/>
      <c r="AF3" s="592"/>
      <c r="AG3" s="600" t="s">
        <v>150</v>
      </c>
      <c r="AH3" s="592"/>
      <c r="AI3" s="592"/>
      <c r="AJ3" s="592"/>
      <c r="AK3" s="592"/>
      <c r="AL3" s="592"/>
      <c r="AM3" s="592"/>
      <c r="AN3" s="592"/>
      <c r="AO3" s="592"/>
      <c r="AP3" s="593"/>
    </row>
    <row r="4" spans="2:43" ht="21" customHeight="1" x14ac:dyDescent="0.2">
      <c r="B4" s="603"/>
      <c r="C4" s="573" t="s">
        <v>61</v>
      </c>
      <c r="D4" s="574"/>
      <c r="E4" s="575"/>
      <c r="F4" s="576" t="s">
        <v>62</v>
      </c>
      <c r="G4" s="577"/>
      <c r="H4" s="577"/>
      <c r="I4" s="577"/>
      <c r="J4" s="577"/>
      <c r="K4" s="578"/>
      <c r="L4" s="588" t="s">
        <v>52</v>
      </c>
      <c r="M4" s="573" t="s">
        <v>61</v>
      </c>
      <c r="N4" s="574"/>
      <c r="O4" s="575"/>
      <c r="P4" s="576" t="s">
        <v>62</v>
      </c>
      <c r="Q4" s="577"/>
      <c r="R4" s="577"/>
      <c r="S4" s="577"/>
      <c r="T4" s="577"/>
      <c r="U4" s="578"/>
      <c r="V4" s="579" t="s">
        <v>52</v>
      </c>
      <c r="W4" s="573" t="s">
        <v>61</v>
      </c>
      <c r="X4" s="574"/>
      <c r="Y4" s="575"/>
      <c r="Z4" s="576" t="s">
        <v>62</v>
      </c>
      <c r="AA4" s="577"/>
      <c r="AB4" s="577"/>
      <c r="AC4" s="577"/>
      <c r="AD4" s="577"/>
      <c r="AE4" s="578"/>
      <c r="AF4" s="588" t="s">
        <v>52</v>
      </c>
      <c r="AG4" s="573" t="s">
        <v>61</v>
      </c>
      <c r="AH4" s="574"/>
      <c r="AI4" s="575"/>
      <c r="AJ4" s="576" t="s">
        <v>62</v>
      </c>
      <c r="AK4" s="577"/>
      <c r="AL4" s="577"/>
      <c r="AM4" s="577"/>
      <c r="AN4" s="577"/>
      <c r="AO4" s="578"/>
      <c r="AP4" s="579" t="s">
        <v>52</v>
      </c>
    </row>
    <row r="5" spans="2:43" ht="30" customHeight="1" thickBot="1" x14ac:dyDescent="0.25">
      <c r="B5" s="362" t="s">
        <v>42</v>
      </c>
      <c r="C5" s="31" t="s">
        <v>43</v>
      </c>
      <c r="D5" s="32" t="s">
        <v>44</v>
      </c>
      <c r="E5" s="32" t="s">
        <v>45</v>
      </c>
      <c r="F5" s="33" t="s">
        <v>47</v>
      </c>
      <c r="G5" s="34" t="s">
        <v>48</v>
      </c>
      <c r="H5" s="34" t="s">
        <v>49</v>
      </c>
      <c r="I5" s="35" t="s">
        <v>50</v>
      </c>
      <c r="J5" s="32" t="s">
        <v>51</v>
      </c>
      <c r="K5" s="36" t="s">
        <v>95</v>
      </c>
      <c r="L5" s="589"/>
      <c r="M5" s="31" t="s">
        <v>43</v>
      </c>
      <c r="N5" s="32" t="s">
        <v>44</v>
      </c>
      <c r="O5" s="36" t="s">
        <v>45</v>
      </c>
      <c r="P5" s="15" t="s">
        <v>47</v>
      </c>
      <c r="Q5" s="34" t="s">
        <v>48</v>
      </c>
      <c r="R5" s="34" t="s">
        <v>49</v>
      </c>
      <c r="S5" s="35" t="s">
        <v>50</v>
      </c>
      <c r="T5" s="32" t="s">
        <v>51</v>
      </c>
      <c r="U5" s="36" t="s">
        <v>45</v>
      </c>
      <c r="V5" s="580"/>
      <c r="W5" s="31" t="s">
        <v>43</v>
      </c>
      <c r="X5" s="32" t="s">
        <v>44</v>
      </c>
      <c r="Y5" s="32" t="s">
        <v>45</v>
      </c>
      <c r="Z5" s="33" t="s">
        <v>47</v>
      </c>
      <c r="AA5" s="34" t="s">
        <v>48</v>
      </c>
      <c r="AB5" s="34" t="s">
        <v>49</v>
      </c>
      <c r="AC5" s="35" t="s">
        <v>50</v>
      </c>
      <c r="AD5" s="32" t="s">
        <v>51</v>
      </c>
      <c r="AE5" s="36" t="s">
        <v>45</v>
      </c>
      <c r="AF5" s="589"/>
      <c r="AG5" s="31" t="s">
        <v>43</v>
      </c>
      <c r="AH5" s="32" t="s">
        <v>44</v>
      </c>
      <c r="AI5" s="32" t="s">
        <v>45</v>
      </c>
      <c r="AJ5" s="33" t="s">
        <v>47</v>
      </c>
      <c r="AK5" s="34" t="s">
        <v>48</v>
      </c>
      <c r="AL5" s="34" t="s">
        <v>49</v>
      </c>
      <c r="AM5" s="35" t="s">
        <v>50</v>
      </c>
      <c r="AN5" s="32" t="s">
        <v>51</v>
      </c>
      <c r="AO5" s="36" t="s">
        <v>45</v>
      </c>
      <c r="AP5" s="580"/>
    </row>
    <row r="6" spans="2:43" ht="21" customHeight="1" x14ac:dyDescent="0.2">
      <c r="B6" s="361" t="s">
        <v>4</v>
      </c>
      <c r="C6" s="185">
        <v>0</v>
      </c>
      <c r="D6" s="186">
        <v>0</v>
      </c>
      <c r="E6" s="186">
        <v>0</v>
      </c>
      <c r="F6" s="187">
        <v>4</v>
      </c>
      <c r="G6" s="188">
        <v>35</v>
      </c>
      <c r="H6" s="188">
        <v>275</v>
      </c>
      <c r="I6" s="188">
        <v>414</v>
      </c>
      <c r="J6" s="186">
        <v>313</v>
      </c>
      <c r="K6" s="189">
        <v>1041</v>
      </c>
      <c r="L6" s="190">
        <v>1041</v>
      </c>
      <c r="M6" s="185">
        <v>0</v>
      </c>
      <c r="N6" s="186">
        <v>0</v>
      </c>
      <c r="O6" s="189">
        <v>0</v>
      </c>
      <c r="P6" s="192">
        <v>42</v>
      </c>
      <c r="Q6" s="188">
        <v>131</v>
      </c>
      <c r="R6" s="188">
        <v>193</v>
      </c>
      <c r="S6" s="188">
        <v>257</v>
      </c>
      <c r="T6" s="186">
        <v>138</v>
      </c>
      <c r="U6" s="189">
        <v>761</v>
      </c>
      <c r="V6" s="193">
        <v>761</v>
      </c>
      <c r="W6" s="192">
        <v>0</v>
      </c>
      <c r="X6" s="186">
        <v>0</v>
      </c>
      <c r="Y6" s="186">
        <v>0</v>
      </c>
      <c r="Z6" s="187">
        <v>0</v>
      </c>
      <c r="AA6" s="188">
        <v>0</v>
      </c>
      <c r="AB6" s="188">
        <v>0</v>
      </c>
      <c r="AC6" s="188">
        <v>9</v>
      </c>
      <c r="AD6" s="186">
        <v>13</v>
      </c>
      <c r="AE6" s="189">
        <v>22</v>
      </c>
      <c r="AF6" s="190">
        <v>22</v>
      </c>
      <c r="AG6" s="185">
        <v>0</v>
      </c>
      <c r="AH6" s="186">
        <v>0</v>
      </c>
      <c r="AI6" s="186">
        <v>0</v>
      </c>
      <c r="AJ6" s="187">
        <v>0</v>
      </c>
      <c r="AK6" s="188">
        <v>1</v>
      </c>
      <c r="AL6" s="188">
        <v>4</v>
      </c>
      <c r="AM6" s="188">
        <v>10</v>
      </c>
      <c r="AN6" s="186">
        <v>22</v>
      </c>
      <c r="AO6" s="189">
        <v>37</v>
      </c>
      <c r="AP6" s="191">
        <v>37</v>
      </c>
      <c r="AQ6" s="37"/>
    </row>
    <row r="7" spans="2:43" ht="21" customHeight="1" x14ac:dyDescent="0.2">
      <c r="B7" s="62" t="s">
        <v>5</v>
      </c>
      <c r="C7" s="194">
        <v>0</v>
      </c>
      <c r="D7" s="195">
        <v>0</v>
      </c>
      <c r="E7" s="195">
        <v>0</v>
      </c>
      <c r="F7" s="196">
        <v>1</v>
      </c>
      <c r="G7" s="197">
        <v>27</v>
      </c>
      <c r="H7" s="197">
        <v>143</v>
      </c>
      <c r="I7" s="197">
        <v>180</v>
      </c>
      <c r="J7" s="195">
        <v>140</v>
      </c>
      <c r="K7" s="198">
        <v>491</v>
      </c>
      <c r="L7" s="199">
        <v>491</v>
      </c>
      <c r="M7" s="194">
        <v>0</v>
      </c>
      <c r="N7" s="195">
        <v>0</v>
      </c>
      <c r="O7" s="198">
        <v>0</v>
      </c>
      <c r="P7" s="201">
        <v>19</v>
      </c>
      <c r="Q7" s="197">
        <v>65</v>
      </c>
      <c r="R7" s="197">
        <v>90</v>
      </c>
      <c r="S7" s="197">
        <v>125</v>
      </c>
      <c r="T7" s="195">
        <v>71</v>
      </c>
      <c r="U7" s="198">
        <v>370</v>
      </c>
      <c r="V7" s="202">
        <v>370</v>
      </c>
      <c r="W7" s="201">
        <v>0</v>
      </c>
      <c r="X7" s="195">
        <v>0</v>
      </c>
      <c r="Y7" s="195">
        <v>0</v>
      </c>
      <c r="Z7" s="196">
        <v>0</v>
      </c>
      <c r="AA7" s="197">
        <v>0</v>
      </c>
      <c r="AB7" s="197">
        <v>0</v>
      </c>
      <c r="AC7" s="197">
        <v>3</v>
      </c>
      <c r="AD7" s="195">
        <v>5</v>
      </c>
      <c r="AE7" s="198">
        <v>8</v>
      </c>
      <c r="AF7" s="199">
        <v>8</v>
      </c>
      <c r="AG7" s="194">
        <v>0</v>
      </c>
      <c r="AH7" s="195">
        <v>0</v>
      </c>
      <c r="AI7" s="195">
        <v>0</v>
      </c>
      <c r="AJ7" s="196">
        <v>0</v>
      </c>
      <c r="AK7" s="197">
        <v>0</v>
      </c>
      <c r="AL7" s="197">
        <v>1</v>
      </c>
      <c r="AM7" s="197">
        <v>5</v>
      </c>
      <c r="AN7" s="195">
        <v>8</v>
      </c>
      <c r="AO7" s="198">
        <v>14</v>
      </c>
      <c r="AP7" s="200">
        <v>14</v>
      </c>
      <c r="AQ7" s="37"/>
    </row>
    <row r="8" spans="2:43" ht="21" customHeight="1" x14ac:dyDescent="0.2">
      <c r="B8" s="62" t="s">
        <v>6</v>
      </c>
      <c r="C8" s="194">
        <v>0</v>
      </c>
      <c r="D8" s="195">
        <v>0</v>
      </c>
      <c r="E8" s="195">
        <v>0</v>
      </c>
      <c r="F8" s="196">
        <v>1</v>
      </c>
      <c r="G8" s="197">
        <v>3</v>
      </c>
      <c r="H8" s="197">
        <v>29</v>
      </c>
      <c r="I8" s="197">
        <v>57</v>
      </c>
      <c r="J8" s="195">
        <v>37</v>
      </c>
      <c r="K8" s="198">
        <v>127</v>
      </c>
      <c r="L8" s="199">
        <v>127</v>
      </c>
      <c r="M8" s="194">
        <v>0</v>
      </c>
      <c r="N8" s="195">
        <v>0</v>
      </c>
      <c r="O8" s="198">
        <v>0</v>
      </c>
      <c r="P8" s="201">
        <v>6</v>
      </c>
      <c r="Q8" s="197">
        <v>14</v>
      </c>
      <c r="R8" s="197">
        <v>21</v>
      </c>
      <c r="S8" s="197">
        <v>41</v>
      </c>
      <c r="T8" s="195">
        <v>23</v>
      </c>
      <c r="U8" s="198">
        <v>105</v>
      </c>
      <c r="V8" s="202">
        <v>105</v>
      </c>
      <c r="W8" s="201">
        <v>0</v>
      </c>
      <c r="X8" s="195">
        <v>0</v>
      </c>
      <c r="Y8" s="195">
        <v>0</v>
      </c>
      <c r="Z8" s="196">
        <v>0</v>
      </c>
      <c r="AA8" s="197">
        <v>0</v>
      </c>
      <c r="AB8" s="197">
        <v>0</v>
      </c>
      <c r="AC8" s="197">
        <v>5</v>
      </c>
      <c r="AD8" s="195">
        <v>4</v>
      </c>
      <c r="AE8" s="198">
        <v>9</v>
      </c>
      <c r="AF8" s="199">
        <v>9</v>
      </c>
      <c r="AG8" s="194">
        <v>0</v>
      </c>
      <c r="AH8" s="195">
        <v>0</v>
      </c>
      <c r="AI8" s="195">
        <v>0</v>
      </c>
      <c r="AJ8" s="196">
        <v>0</v>
      </c>
      <c r="AK8" s="197">
        <v>0</v>
      </c>
      <c r="AL8" s="197">
        <v>1</v>
      </c>
      <c r="AM8" s="197">
        <v>1</v>
      </c>
      <c r="AN8" s="195">
        <v>4</v>
      </c>
      <c r="AO8" s="198">
        <v>6</v>
      </c>
      <c r="AP8" s="200">
        <v>6</v>
      </c>
      <c r="AQ8" s="37"/>
    </row>
    <row r="9" spans="2:43" ht="21" customHeight="1" x14ac:dyDescent="0.2">
      <c r="B9" s="62" t="s">
        <v>14</v>
      </c>
      <c r="C9" s="194">
        <v>0</v>
      </c>
      <c r="D9" s="195">
        <v>0</v>
      </c>
      <c r="E9" s="195">
        <v>0</v>
      </c>
      <c r="F9" s="196">
        <v>0</v>
      </c>
      <c r="G9" s="197">
        <v>0</v>
      </c>
      <c r="H9" s="197">
        <v>20</v>
      </c>
      <c r="I9" s="197">
        <v>34</v>
      </c>
      <c r="J9" s="195">
        <v>24</v>
      </c>
      <c r="K9" s="198">
        <v>78</v>
      </c>
      <c r="L9" s="199">
        <v>78</v>
      </c>
      <c r="M9" s="194">
        <v>0</v>
      </c>
      <c r="N9" s="195">
        <v>0</v>
      </c>
      <c r="O9" s="198">
        <v>0</v>
      </c>
      <c r="P9" s="201">
        <v>1</v>
      </c>
      <c r="Q9" s="197">
        <v>9</v>
      </c>
      <c r="R9" s="197">
        <v>10</v>
      </c>
      <c r="S9" s="197">
        <v>13</v>
      </c>
      <c r="T9" s="195">
        <v>5</v>
      </c>
      <c r="U9" s="198">
        <v>38</v>
      </c>
      <c r="V9" s="202">
        <v>38</v>
      </c>
      <c r="W9" s="201">
        <v>0</v>
      </c>
      <c r="X9" s="195">
        <v>0</v>
      </c>
      <c r="Y9" s="195">
        <v>0</v>
      </c>
      <c r="Z9" s="196">
        <v>0</v>
      </c>
      <c r="AA9" s="197">
        <v>0</v>
      </c>
      <c r="AB9" s="197">
        <v>0</v>
      </c>
      <c r="AC9" s="197">
        <v>0</v>
      </c>
      <c r="AD9" s="195">
        <v>2</v>
      </c>
      <c r="AE9" s="198">
        <v>2</v>
      </c>
      <c r="AF9" s="199">
        <v>2</v>
      </c>
      <c r="AG9" s="194">
        <v>0</v>
      </c>
      <c r="AH9" s="195">
        <v>0</v>
      </c>
      <c r="AI9" s="195">
        <v>0</v>
      </c>
      <c r="AJ9" s="196">
        <v>0</v>
      </c>
      <c r="AK9" s="197">
        <v>0</v>
      </c>
      <c r="AL9" s="197">
        <v>1</v>
      </c>
      <c r="AM9" s="197">
        <v>1</v>
      </c>
      <c r="AN9" s="195">
        <v>1</v>
      </c>
      <c r="AO9" s="198">
        <v>3</v>
      </c>
      <c r="AP9" s="200">
        <v>3</v>
      </c>
      <c r="AQ9" s="37"/>
    </row>
    <row r="10" spans="2:43" ht="21" customHeight="1" x14ac:dyDescent="0.2">
      <c r="B10" s="62" t="s">
        <v>7</v>
      </c>
      <c r="C10" s="194">
        <v>0</v>
      </c>
      <c r="D10" s="195">
        <v>0</v>
      </c>
      <c r="E10" s="195">
        <v>0</v>
      </c>
      <c r="F10" s="196">
        <v>0</v>
      </c>
      <c r="G10" s="197">
        <v>0</v>
      </c>
      <c r="H10" s="197">
        <v>5</v>
      </c>
      <c r="I10" s="197">
        <v>18</v>
      </c>
      <c r="J10" s="195">
        <v>14</v>
      </c>
      <c r="K10" s="198">
        <v>37</v>
      </c>
      <c r="L10" s="199">
        <v>37</v>
      </c>
      <c r="M10" s="194">
        <v>0</v>
      </c>
      <c r="N10" s="195">
        <v>0</v>
      </c>
      <c r="O10" s="198">
        <v>0</v>
      </c>
      <c r="P10" s="201">
        <v>2</v>
      </c>
      <c r="Q10" s="197">
        <v>2</v>
      </c>
      <c r="R10" s="197">
        <v>7</v>
      </c>
      <c r="S10" s="197">
        <v>8</v>
      </c>
      <c r="T10" s="195">
        <v>1</v>
      </c>
      <c r="U10" s="198">
        <v>20</v>
      </c>
      <c r="V10" s="202">
        <v>20</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1</v>
      </c>
      <c r="G11" s="197">
        <v>1</v>
      </c>
      <c r="H11" s="197">
        <v>7</v>
      </c>
      <c r="I11" s="197">
        <v>9</v>
      </c>
      <c r="J11" s="195">
        <v>5</v>
      </c>
      <c r="K11" s="198">
        <v>23</v>
      </c>
      <c r="L11" s="199">
        <v>23</v>
      </c>
      <c r="M11" s="194">
        <v>0</v>
      </c>
      <c r="N11" s="195">
        <v>0</v>
      </c>
      <c r="O11" s="198">
        <v>0</v>
      </c>
      <c r="P11" s="201">
        <v>1</v>
      </c>
      <c r="Q11" s="197">
        <v>5</v>
      </c>
      <c r="R11" s="197">
        <v>7</v>
      </c>
      <c r="S11" s="197">
        <v>4</v>
      </c>
      <c r="T11" s="195">
        <v>3</v>
      </c>
      <c r="U11" s="198">
        <v>20</v>
      </c>
      <c r="V11" s="202">
        <v>20</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1</v>
      </c>
      <c r="AL11" s="197">
        <v>0</v>
      </c>
      <c r="AM11" s="197">
        <v>0</v>
      </c>
      <c r="AN11" s="195">
        <v>0</v>
      </c>
      <c r="AO11" s="198">
        <v>1</v>
      </c>
      <c r="AP11" s="200">
        <v>1</v>
      </c>
      <c r="AQ11" s="37"/>
    </row>
    <row r="12" spans="2:43" ht="21" customHeight="1" x14ac:dyDescent="0.2">
      <c r="B12" s="62" t="s">
        <v>9</v>
      </c>
      <c r="C12" s="194">
        <v>0</v>
      </c>
      <c r="D12" s="195">
        <v>0</v>
      </c>
      <c r="E12" s="195">
        <v>0</v>
      </c>
      <c r="F12" s="196">
        <v>1</v>
      </c>
      <c r="G12" s="197">
        <v>0</v>
      </c>
      <c r="H12" s="197">
        <v>5</v>
      </c>
      <c r="I12" s="197">
        <v>17</v>
      </c>
      <c r="J12" s="195">
        <v>13</v>
      </c>
      <c r="K12" s="198">
        <v>36</v>
      </c>
      <c r="L12" s="199">
        <v>36</v>
      </c>
      <c r="M12" s="194">
        <v>0</v>
      </c>
      <c r="N12" s="195">
        <v>0</v>
      </c>
      <c r="O12" s="198">
        <v>0</v>
      </c>
      <c r="P12" s="201">
        <v>1</v>
      </c>
      <c r="Q12" s="197">
        <v>6</v>
      </c>
      <c r="R12" s="197">
        <v>7</v>
      </c>
      <c r="S12" s="197">
        <v>7</v>
      </c>
      <c r="T12" s="195">
        <v>7</v>
      </c>
      <c r="U12" s="198">
        <v>28</v>
      </c>
      <c r="V12" s="202">
        <v>28</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1</v>
      </c>
      <c r="AO12" s="198">
        <v>1</v>
      </c>
      <c r="AP12" s="200">
        <v>1</v>
      </c>
      <c r="AQ12" s="37"/>
    </row>
    <row r="13" spans="2:43" ht="21" customHeight="1" x14ac:dyDescent="0.2">
      <c r="B13" s="62" t="s">
        <v>10</v>
      </c>
      <c r="C13" s="194">
        <v>0</v>
      </c>
      <c r="D13" s="195">
        <v>0</v>
      </c>
      <c r="E13" s="195">
        <v>0</v>
      </c>
      <c r="F13" s="196">
        <v>0</v>
      </c>
      <c r="G13" s="197">
        <v>0</v>
      </c>
      <c r="H13" s="197">
        <v>12</v>
      </c>
      <c r="I13" s="197">
        <v>16</v>
      </c>
      <c r="J13" s="195">
        <v>19</v>
      </c>
      <c r="K13" s="198">
        <v>47</v>
      </c>
      <c r="L13" s="199">
        <v>47</v>
      </c>
      <c r="M13" s="194">
        <v>0</v>
      </c>
      <c r="N13" s="195">
        <v>0</v>
      </c>
      <c r="O13" s="198">
        <v>0</v>
      </c>
      <c r="P13" s="201">
        <v>1</v>
      </c>
      <c r="Q13" s="197">
        <v>2</v>
      </c>
      <c r="R13" s="197">
        <v>7</v>
      </c>
      <c r="S13" s="197">
        <v>6</v>
      </c>
      <c r="T13" s="195">
        <v>2</v>
      </c>
      <c r="U13" s="198">
        <v>18</v>
      </c>
      <c r="V13" s="202">
        <v>18</v>
      </c>
      <c r="W13" s="201">
        <v>0</v>
      </c>
      <c r="X13" s="195">
        <v>0</v>
      </c>
      <c r="Y13" s="195">
        <v>0</v>
      </c>
      <c r="Z13" s="196">
        <v>0</v>
      </c>
      <c r="AA13" s="197">
        <v>0</v>
      </c>
      <c r="AB13" s="197">
        <v>0</v>
      </c>
      <c r="AC13" s="197">
        <v>0</v>
      </c>
      <c r="AD13" s="195">
        <v>1</v>
      </c>
      <c r="AE13" s="198">
        <v>1</v>
      </c>
      <c r="AF13" s="199">
        <v>1</v>
      </c>
      <c r="AG13" s="194">
        <v>0</v>
      </c>
      <c r="AH13" s="195">
        <v>0</v>
      </c>
      <c r="AI13" s="195">
        <v>0</v>
      </c>
      <c r="AJ13" s="196">
        <v>0</v>
      </c>
      <c r="AK13" s="197">
        <v>0</v>
      </c>
      <c r="AL13" s="197">
        <v>0</v>
      </c>
      <c r="AM13" s="197">
        <v>0</v>
      </c>
      <c r="AN13" s="195">
        <v>1</v>
      </c>
      <c r="AO13" s="198">
        <v>1</v>
      </c>
      <c r="AP13" s="200">
        <v>1</v>
      </c>
      <c r="AQ13" s="37"/>
    </row>
    <row r="14" spans="2:43" ht="21" customHeight="1" x14ac:dyDescent="0.2">
      <c r="B14" s="62" t="s">
        <v>11</v>
      </c>
      <c r="C14" s="194">
        <v>0</v>
      </c>
      <c r="D14" s="195">
        <v>0</v>
      </c>
      <c r="E14" s="195">
        <v>0</v>
      </c>
      <c r="F14" s="196">
        <v>0</v>
      </c>
      <c r="G14" s="197">
        <v>0</v>
      </c>
      <c r="H14" s="197">
        <v>3</v>
      </c>
      <c r="I14" s="197">
        <v>4</v>
      </c>
      <c r="J14" s="195">
        <v>9</v>
      </c>
      <c r="K14" s="198">
        <v>16</v>
      </c>
      <c r="L14" s="199">
        <v>16</v>
      </c>
      <c r="M14" s="194">
        <v>0</v>
      </c>
      <c r="N14" s="195">
        <v>0</v>
      </c>
      <c r="O14" s="198">
        <v>0</v>
      </c>
      <c r="P14" s="201">
        <v>1</v>
      </c>
      <c r="Q14" s="197">
        <v>1</v>
      </c>
      <c r="R14" s="197">
        <v>5</v>
      </c>
      <c r="S14" s="197">
        <v>4</v>
      </c>
      <c r="T14" s="195">
        <v>1</v>
      </c>
      <c r="U14" s="198">
        <v>12</v>
      </c>
      <c r="V14" s="202">
        <v>12</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1" customHeight="1" x14ac:dyDescent="0.2">
      <c r="B15" s="62" t="s">
        <v>12</v>
      </c>
      <c r="C15" s="194">
        <v>0</v>
      </c>
      <c r="D15" s="195">
        <v>0</v>
      </c>
      <c r="E15" s="195">
        <v>0</v>
      </c>
      <c r="F15" s="196">
        <v>0</v>
      </c>
      <c r="G15" s="197">
        <v>1</v>
      </c>
      <c r="H15" s="197">
        <v>3</v>
      </c>
      <c r="I15" s="197">
        <v>9</v>
      </c>
      <c r="J15" s="195">
        <v>6</v>
      </c>
      <c r="K15" s="198">
        <v>19</v>
      </c>
      <c r="L15" s="199">
        <v>19</v>
      </c>
      <c r="M15" s="194">
        <v>0</v>
      </c>
      <c r="N15" s="195">
        <v>0</v>
      </c>
      <c r="O15" s="198">
        <v>0</v>
      </c>
      <c r="P15" s="201">
        <v>0</v>
      </c>
      <c r="Q15" s="197">
        <v>3</v>
      </c>
      <c r="R15" s="197">
        <v>6</v>
      </c>
      <c r="S15" s="197">
        <v>5</v>
      </c>
      <c r="T15" s="195">
        <v>2</v>
      </c>
      <c r="U15" s="198">
        <v>16</v>
      </c>
      <c r="V15" s="202">
        <v>16</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3</v>
      </c>
      <c r="I16" s="197">
        <v>6</v>
      </c>
      <c r="J16" s="195">
        <v>6</v>
      </c>
      <c r="K16" s="198">
        <v>15</v>
      </c>
      <c r="L16" s="199">
        <v>15</v>
      </c>
      <c r="M16" s="194">
        <v>0</v>
      </c>
      <c r="N16" s="195">
        <v>0</v>
      </c>
      <c r="O16" s="198">
        <v>0</v>
      </c>
      <c r="P16" s="201">
        <v>0</v>
      </c>
      <c r="Q16" s="197">
        <v>1</v>
      </c>
      <c r="R16" s="197">
        <v>3</v>
      </c>
      <c r="S16" s="197">
        <v>2</v>
      </c>
      <c r="T16" s="195">
        <v>3</v>
      </c>
      <c r="U16" s="198">
        <v>9</v>
      </c>
      <c r="V16" s="202">
        <v>9</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2</v>
      </c>
      <c r="J17" s="195">
        <v>1</v>
      </c>
      <c r="K17" s="198">
        <v>4</v>
      </c>
      <c r="L17" s="199">
        <v>4</v>
      </c>
      <c r="M17" s="194">
        <v>0</v>
      </c>
      <c r="N17" s="195">
        <v>0</v>
      </c>
      <c r="O17" s="198">
        <v>0</v>
      </c>
      <c r="P17" s="201">
        <v>0</v>
      </c>
      <c r="Q17" s="197">
        <v>0</v>
      </c>
      <c r="R17" s="197">
        <v>1</v>
      </c>
      <c r="S17" s="197">
        <v>2</v>
      </c>
      <c r="T17" s="195">
        <v>1</v>
      </c>
      <c r="U17" s="198">
        <v>4</v>
      </c>
      <c r="V17" s="202">
        <v>4</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0</v>
      </c>
      <c r="H18" s="197">
        <v>5</v>
      </c>
      <c r="I18" s="197">
        <v>9</v>
      </c>
      <c r="J18" s="195">
        <v>2</v>
      </c>
      <c r="K18" s="198">
        <v>16</v>
      </c>
      <c r="L18" s="199">
        <v>16</v>
      </c>
      <c r="M18" s="194">
        <v>0</v>
      </c>
      <c r="N18" s="195">
        <v>0</v>
      </c>
      <c r="O18" s="198">
        <v>0</v>
      </c>
      <c r="P18" s="201">
        <v>1</v>
      </c>
      <c r="Q18" s="197">
        <v>0</v>
      </c>
      <c r="R18" s="197">
        <v>6</v>
      </c>
      <c r="S18" s="197">
        <v>4</v>
      </c>
      <c r="T18" s="195">
        <v>4</v>
      </c>
      <c r="U18" s="198">
        <v>15</v>
      </c>
      <c r="V18" s="202">
        <v>15</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1</v>
      </c>
      <c r="AM18" s="197">
        <v>0</v>
      </c>
      <c r="AN18" s="195">
        <v>0</v>
      </c>
      <c r="AO18" s="198">
        <v>1</v>
      </c>
      <c r="AP18" s="200">
        <v>1</v>
      </c>
      <c r="AQ18" s="37"/>
    </row>
    <row r="19" spans="2:43" ht="21" customHeight="1" x14ac:dyDescent="0.2">
      <c r="B19" s="62" t="s">
        <v>17</v>
      </c>
      <c r="C19" s="194">
        <v>0</v>
      </c>
      <c r="D19" s="195">
        <v>0</v>
      </c>
      <c r="E19" s="195">
        <v>0</v>
      </c>
      <c r="F19" s="196">
        <v>0</v>
      </c>
      <c r="G19" s="197">
        <v>1</v>
      </c>
      <c r="H19" s="197">
        <v>10</v>
      </c>
      <c r="I19" s="197">
        <v>8</v>
      </c>
      <c r="J19" s="195">
        <v>5</v>
      </c>
      <c r="K19" s="198">
        <v>24</v>
      </c>
      <c r="L19" s="199">
        <v>24</v>
      </c>
      <c r="M19" s="194">
        <v>0</v>
      </c>
      <c r="N19" s="195">
        <v>0</v>
      </c>
      <c r="O19" s="198">
        <v>0</v>
      </c>
      <c r="P19" s="201">
        <v>0</v>
      </c>
      <c r="Q19" s="197">
        <v>6</v>
      </c>
      <c r="R19" s="197">
        <v>7</v>
      </c>
      <c r="S19" s="197">
        <v>6</v>
      </c>
      <c r="T19" s="195">
        <v>5</v>
      </c>
      <c r="U19" s="198">
        <v>24</v>
      </c>
      <c r="V19" s="202">
        <v>24</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1</v>
      </c>
      <c r="H20" s="197">
        <v>6</v>
      </c>
      <c r="I20" s="197">
        <v>14</v>
      </c>
      <c r="J20" s="195">
        <v>9</v>
      </c>
      <c r="K20" s="198">
        <v>30</v>
      </c>
      <c r="L20" s="199">
        <v>30</v>
      </c>
      <c r="M20" s="194">
        <v>0</v>
      </c>
      <c r="N20" s="195">
        <v>0</v>
      </c>
      <c r="O20" s="198">
        <v>0</v>
      </c>
      <c r="P20" s="201">
        <v>2</v>
      </c>
      <c r="Q20" s="197">
        <v>2</v>
      </c>
      <c r="R20" s="197">
        <v>5</v>
      </c>
      <c r="S20" s="197">
        <v>7</v>
      </c>
      <c r="T20" s="195">
        <v>3</v>
      </c>
      <c r="U20" s="198">
        <v>19</v>
      </c>
      <c r="V20" s="202">
        <v>19</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3</v>
      </c>
      <c r="I21" s="197">
        <v>2</v>
      </c>
      <c r="J21" s="195">
        <v>2</v>
      </c>
      <c r="K21" s="198">
        <v>7</v>
      </c>
      <c r="L21" s="199">
        <v>7</v>
      </c>
      <c r="M21" s="194">
        <v>0</v>
      </c>
      <c r="N21" s="195">
        <v>0</v>
      </c>
      <c r="O21" s="198">
        <v>0</v>
      </c>
      <c r="P21" s="201">
        <v>0</v>
      </c>
      <c r="Q21" s="197">
        <v>4</v>
      </c>
      <c r="R21" s="197">
        <v>3</v>
      </c>
      <c r="S21" s="197">
        <v>2</v>
      </c>
      <c r="T21" s="195">
        <v>1</v>
      </c>
      <c r="U21" s="198">
        <v>10</v>
      </c>
      <c r="V21" s="202">
        <v>10</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0</v>
      </c>
      <c r="I22" s="197">
        <v>8</v>
      </c>
      <c r="J22" s="195">
        <v>7</v>
      </c>
      <c r="K22" s="198">
        <v>16</v>
      </c>
      <c r="L22" s="199">
        <v>16</v>
      </c>
      <c r="M22" s="194">
        <v>0</v>
      </c>
      <c r="N22" s="195">
        <v>0</v>
      </c>
      <c r="O22" s="198">
        <v>0</v>
      </c>
      <c r="P22" s="201">
        <v>2</v>
      </c>
      <c r="Q22" s="197">
        <v>1</v>
      </c>
      <c r="R22" s="197">
        <v>1</v>
      </c>
      <c r="S22" s="197">
        <v>3</v>
      </c>
      <c r="T22" s="195">
        <v>0</v>
      </c>
      <c r="U22" s="198">
        <v>7</v>
      </c>
      <c r="V22" s="202">
        <v>7</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1" customHeight="1" x14ac:dyDescent="0.2">
      <c r="B23" s="62" t="s">
        <v>21</v>
      </c>
      <c r="C23" s="194">
        <v>0</v>
      </c>
      <c r="D23" s="195">
        <v>0</v>
      </c>
      <c r="E23" s="195">
        <v>0</v>
      </c>
      <c r="F23" s="196">
        <v>0</v>
      </c>
      <c r="G23" s="197">
        <v>0</v>
      </c>
      <c r="H23" s="197">
        <v>5</v>
      </c>
      <c r="I23" s="197">
        <v>6</v>
      </c>
      <c r="J23" s="195">
        <v>3</v>
      </c>
      <c r="K23" s="198">
        <v>14</v>
      </c>
      <c r="L23" s="199">
        <v>14</v>
      </c>
      <c r="M23" s="194">
        <v>0</v>
      </c>
      <c r="N23" s="195">
        <v>0</v>
      </c>
      <c r="O23" s="198">
        <v>0</v>
      </c>
      <c r="P23" s="201">
        <v>0</v>
      </c>
      <c r="Q23" s="197">
        <v>5</v>
      </c>
      <c r="R23" s="197">
        <v>1</v>
      </c>
      <c r="S23" s="197">
        <v>2</v>
      </c>
      <c r="T23" s="195">
        <v>1</v>
      </c>
      <c r="U23" s="198">
        <v>9</v>
      </c>
      <c r="V23" s="202">
        <v>9</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3</v>
      </c>
      <c r="AO23" s="198">
        <v>3</v>
      </c>
      <c r="AP23" s="200">
        <v>3</v>
      </c>
      <c r="AQ23" s="37"/>
    </row>
    <row r="24" spans="2:43" ht="21" customHeight="1" x14ac:dyDescent="0.2">
      <c r="B24" s="62" t="s">
        <v>22</v>
      </c>
      <c r="C24" s="194">
        <v>0</v>
      </c>
      <c r="D24" s="195">
        <v>0</v>
      </c>
      <c r="E24" s="195">
        <v>0</v>
      </c>
      <c r="F24" s="196">
        <v>0</v>
      </c>
      <c r="G24" s="197">
        <v>0</v>
      </c>
      <c r="H24" s="197">
        <v>2</v>
      </c>
      <c r="I24" s="197">
        <v>2</v>
      </c>
      <c r="J24" s="195">
        <v>1</v>
      </c>
      <c r="K24" s="198">
        <v>5</v>
      </c>
      <c r="L24" s="199">
        <v>5</v>
      </c>
      <c r="M24" s="194">
        <v>0</v>
      </c>
      <c r="N24" s="195">
        <v>0</v>
      </c>
      <c r="O24" s="198">
        <v>0</v>
      </c>
      <c r="P24" s="201">
        <v>1</v>
      </c>
      <c r="Q24" s="197">
        <v>0</v>
      </c>
      <c r="R24" s="197">
        <v>2</v>
      </c>
      <c r="S24" s="197">
        <v>0</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2</v>
      </c>
      <c r="I25" s="197">
        <v>2</v>
      </c>
      <c r="J25" s="195">
        <v>2</v>
      </c>
      <c r="K25" s="198">
        <v>6</v>
      </c>
      <c r="L25" s="199">
        <v>6</v>
      </c>
      <c r="M25" s="194">
        <v>0</v>
      </c>
      <c r="N25" s="195">
        <v>0</v>
      </c>
      <c r="O25" s="198">
        <v>0</v>
      </c>
      <c r="P25" s="201">
        <v>0</v>
      </c>
      <c r="Q25" s="197">
        <v>0</v>
      </c>
      <c r="R25" s="197">
        <v>1</v>
      </c>
      <c r="S25" s="197">
        <v>3</v>
      </c>
      <c r="T25" s="195">
        <v>2</v>
      </c>
      <c r="U25" s="198">
        <v>6</v>
      </c>
      <c r="V25" s="202">
        <v>6</v>
      </c>
      <c r="W25" s="201">
        <v>0</v>
      </c>
      <c r="X25" s="195">
        <v>0</v>
      </c>
      <c r="Y25" s="195">
        <v>0</v>
      </c>
      <c r="Z25" s="196">
        <v>0</v>
      </c>
      <c r="AA25" s="197">
        <v>0</v>
      </c>
      <c r="AB25" s="197">
        <v>0</v>
      </c>
      <c r="AC25" s="197">
        <v>1</v>
      </c>
      <c r="AD25" s="195">
        <v>0</v>
      </c>
      <c r="AE25" s="198">
        <v>1</v>
      </c>
      <c r="AF25" s="199">
        <v>1</v>
      </c>
      <c r="AG25" s="194">
        <v>0</v>
      </c>
      <c r="AH25" s="195">
        <v>0</v>
      </c>
      <c r="AI25" s="195">
        <v>0</v>
      </c>
      <c r="AJ25" s="196">
        <v>0</v>
      </c>
      <c r="AK25" s="197">
        <v>0</v>
      </c>
      <c r="AL25" s="197">
        <v>0</v>
      </c>
      <c r="AM25" s="197">
        <v>0</v>
      </c>
      <c r="AN25" s="195">
        <v>1</v>
      </c>
      <c r="AO25" s="198">
        <v>1</v>
      </c>
      <c r="AP25" s="200">
        <v>1</v>
      </c>
      <c r="AQ25" s="37"/>
    </row>
    <row r="26" spans="2:43" ht="21" customHeight="1" x14ac:dyDescent="0.2">
      <c r="B26" s="62" t="s">
        <v>24</v>
      </c>
      <c r="C26" s="194">
        <v>0</v>
      </c>
      <c r="D26" s="195">
        <v>0</v>
      </c>
      <c r="E26" s="195">
        <v>0</v>
      </c>
      <c r="F26" s="196">
        <v>0</v>
      </c>
      <c r="G26" s="197">
        <v>0</v>
      </c>
      <c r="H26" s="197">
        <v>2</v>
      </c>
      <c r="I26" s="197">
        <v>3</v>
      </c>
      <c r="J26" s="195">
        <v>2</v>
      </c>
      <c r="K26" s="198">
        <v>7</v>
      </c>
      <c r="L26" s="199">
        <v>7</v>
      </c>
      <c r="M26" s="194">
        <v>0</v>
      </c>
      <c r="N26" s="195">
        <v>0</v>
      </c>
      <c r="O26" s="198">
        <v>0</v>
      </c>
      <c r="P26" s="201">
        <v>0</v>
      </c>
      <c r="Q26" s="197">
        <v>0</v>
      </c>
      <c r="R26" s="197">
        <v>0</v>
      </c>
      <c r="S26" s="197">
        <v>2</v>
      </c>
      <c r="T26" s="195">
        <v>0</v>
      </c>
      <c r="U26" s="198">
        <v>2</v>
      </c>
      <c r="V26" s="202">
        <v>2</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0</v>
      </c>
      <c r="H27" s="197">
        <v>3</v>
      </c>
      <c r="I27" s="197">
        <v>1</v>
      </c>
      <c r="J27" s="195">
        <v>2</v>
      </c>
      <c r="K27" s="198">
        <v>6</v>
      </c>
      <c r="L27" s="199">
        <v>6</v>
      </c>
      <c r="M27" s="194">
        <v>0</v>
      </c>
      <c r="N27" s="195">
        <v>0</v>
      </c>
      <c r="O27" s="198">
        <v>0</v>
      </c>
      <c r="P27" s="201">
        <v>0</v>
      </c>
      <c r="Q27" s="197">
        <v>1</v>
      </c>
      <c r="R27" s="197">
        <v>0</v>
      </c>
      <c r="S27" s="197">
        <v>1</v>
      </c>
      <c r="T27" s="195">
        <v>0</v>
      </c>
      <c r="U27" s="198">
        <v>2</v>
      </c>
      <c r="V27" s="202">
        <v>2</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1</v>
      </c>
      <c r="AN27" s="195">
        <v>0</v>
      </c>
      <c r="AO27" s="198">
        <v>1</v>
      </c>
      <c r="AP27" s="200">
        <v>1</v>
      </c>
      <c r="AQ27" s="37"/>
    </row>
    <row r="28" spans="2:43" ht="21" customHeight="1" x14ac:dyDescent="0.2">
      <c r="B28" s="62" t="s">
        <v>26</v>
      </c>
      <c r="C28" s="194">
        <v>0</v>
      </c>
      <c r="D28" s="195">
        <v>0</v>
      </c>
      <c r="E28" s="195">
        <v>0</v>
      </c>
      <c r="F28" s="196">
        <v>0</v>
      </c>
      <c r="G28" s="197">
        <v>0</v>
      </c>
      <c r="H28" s="197">
        <v>1</v>
      </c>
      <c r="I28" s="197">
        <v>1</v>
      </c>
      <c r="J28" s="195">
        <v>0</v>
      </c>
      <c r="K28" s="198">
        <v>2</v>
      </c>
      <c r="L28" s="199">
        <v>2</v>
      </c>
      <c r="M28" s="194">
        <v>0</v>
      </c>
      <c r="N28" s="195">
        <v>0</v>
      </c>
      <c r="O28" s="198">
        <v>0</v>
      </c>
      <c r="P28" s="201">
        <v>1</v>
      </c>
      <c r="Q28" s="197">
        <v>1</v>
      </c>
      <c r="R28" s="197">
        <v>0</v>
      </c>
      <c r="S28" s="197">
        <v>2</v>
      </c>
      <c r="T28" s="195">
        <v>0</v>
      </c>
      <c r="U28" s="198">
        <v>4</v>
      </c>
      <c r="V28" s="202">
        <v>4</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0</v>
      </c>
      <c r="H29" s="197">
        <v>1</v>
      </c>
      <c r="I29" s="197">
        <v>2</v>
      </c>
      <c r="J29" s="195">
        <v>0</v>
      </c>
      <c r="K29" s="198">
        <v>3</v>
      </c>
      <c r="L29" s="199">
        <v>3</v>
      </c>
      <c r="M29" s="194">
        <v>0</v>
      </c>
      <c r="N29" s="195">
        <v>0</v>
      </c>
      <c r="O29" s="198">
        <v>0</v>
      </c>
      <c r="P29" s="201">
        <v>1</v>
      </c>
      <c r="Q29" s="197">
        <v>0</v>
      </c>
      <c r="R29" s="197">
        <v>0</v>
      </c>
      <c r="S29" s="197">
        <v>0</v>
      </c>
      <c r="T29" s="195">
        <v>0</v>
      </c>
      <c r="U29" s="198">
        <v>1</v>
      </c>
      <c r="V29" s="202">
        <v>1</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1" customHeight="1" x14ac:dyDescent="0.2">
      <c r="B30" s="62" t="s">
        <v>28</v>
      </c>
      <c r="C30" s="194">
        <v>0</v>
      </c>
      <c r="D30" s="195">
        <v>0</v>
      </c>
      <c r="E30" s="195">
        <v>0</v>
      </c>
      <c r="F30" s="196">
        <v>0</v>
      </c>
      <c r="G30" s="197">
        <v>0</v>
      </c>
      <c r="H30" s="197">
        <v>0</v>
      </c>
      <c r="I30" s="197">
        <v>0</v>
      </c>
      <c r="J30" s="195">
        <v>0</v>
      </c>
      <c r="K30" s="198">
        <v>0</v>
      </c>
      <c r="L30" s="199">
        <v>0</v>
      </c>
      <c r="M30" s="194">
        <v>0</v>
      </c>
      <c r="N30" s="195">
        <v>0</v>
      </c>
      <c r="O30" s="198">
        <v>0</v>
      </c>
      <c r="P30" s="201">
        <v>0</v>
      </c>
      <c r="Q30" s="197">
        <v>0</v>
      </c>
      <c r="R30" s="197">
        <v>1</v>
      </c>
      <c r="S30" s="197">
        <v>1</v>
      </c>
      <c r="T30" s="195">
        <v>0</v>
      </c>
      <c r="U30" s="198">
        <v>2</v>
      </c>
      <c r="V30" s="202">
        <v>2</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0</v>
      </c>
      <c r="K31" s="198">
        <v>0</v>
      </c>
      <c r="L31" s="199">
        <v>0</v>
      </c>
      <c r="M31" s="194">
        <v>0</v>
      </c>
      <c r="N31" s="195">
        <v>0</v>
      </c>
      <c r="O31" s="198">
        <v>0</v>
      </c>
      <c r="P31" s="201">
        <v>0</v>
      </c>
      <c r="Q31" s="197">
        <v>0</v>
      </c>
      <c r="R31" s="197">
        <v>0</v>
      </c>
      <c r="S31" s="197">
        <v>1</v>
      </c>
      <c r="T31" s="195">
        <v>0</v>
      </c>
      <c r="U31" s="198">
        <v>1</v>
      </c>
      <c r="V31" s="202">
        <v>1</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1</v>
      </c>
      <c r="I32" s="197">
        <v>3</v>
      </c>
      <c r="J32" s="195">
        <v>0</v>
      </c>
      <c r="K32" s="198">
        <v>4</v>
      </c>
      <c r="L32" s="199">
        <v>4</v>
      </c>
      <c r="M32" s="194">
        <v>0</v>
      </c>
      <c r="N32" s="195">
        <v>0</v>
      </c>
      <c r="O32" s="198">
        <v>0</v>
      </c>
      <c r="P32" s="201">
        <v>1</v>
      </c>
      <c r="Q32" s="197">
        <v>0</v>
      </c>
      <c r="R32" s="197">
        <v>0</v>
      </c>
      <c r="S32" s="197">
        <v>0</v>
      </c>
      <c r="T32" s="195">
        <v>1</v>
      </c>
      <c r="U32" s="198">
        <v>2</v>
      </c>
      <c r="V32" s="202">
        <v>2</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1" customHeight="1" x14ac:dyDescent="0.2">
      <c r="B33" s="62" t="s">
        <v>31</v>
      </c>
      <c r="C33" s="194">
        <v>0</v>
      </c>
      <c r="D33" s="195">
        <v>0</v>
      </c>
      <c r="E33" s="195">
        <v>0</v>
      </c>
      <c r="F33" s="196">
        <v>0</v>
      </c>
      <c r="G33" s="197">
        <v>0</v>
      </c>
      <c r="H33" s="197">
        <v>1</v>
      </c>
      <c r="I33" s="197">
        <v>0</v>
      </c>
      <c r="J33" s="195">
        <v>1</v>
      </c>
      <c r="K33" s="198">
        <v>2</v>
      </c>
      <c r="L33" s="199">
        <v>2</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0</v>
      </c>
      <c r="J34" s="195">
        <v>1</v>
      </c>
      <c r="K34" s="198">
        <v>1</v>
      </c>
      <c r="L34" s="199">
        <v>1</v>
      </c>
      <c r="M34" s="194">
        <v>0</v>
      </c>
      <c r="N34" s="195">
        <v>0</v>
      </c>
      <c r="O34" s="198">
        <v>0</v>
      </c>
      <c r="P34" s="201">
        <v>0</v>
      </c>
      <c r="Q34" s="197">
        <v>0</v>
      </c>
      <c r="R34" s="197">
        <v>0</v>
      </c>
      <c r="S34" s="197">
        <v>1</v>
      </c>
      <c r="T34" s="195">
        <v>1</v>
      </c>
      <c r="U34" s="198">
        <v>2</v>
      </c>
      <c r="V34" s="202">
        <v>2</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1</v>
      </c>
      <c r="T35" s="195">
        <v>0</v>
      </c>
      <c r="U35" s="198">
        <v>1</v>
      </c>
      <c r="V35" s="202">
        <v>1</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0</v>
      </c>
      <c r="AM35" s="197">
        <v>1</v>
      </c>
      <c r="AN35" s="195">
        <v>2</v>
      </c>
      <c r="AO35" s="198">
        <v>3</v>
      </c>
      <c r="AP35" s="200">
        <v>3</v>
      </c>
      <c r="AQ35" s="37"/>
    </row>
    <row r="36" spans="2:43" ht="21"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2</v>
      </c>
      <c r="R36" s="197">
        <v>1</v>
      </c>
      <c r="S36" s="197">
        <v>0</v>
      </c>
      <c r="T36" s="195">
        <v>0</v>
      </c>
      <c r="U36" s="198">
        <v>3</v>
      </c>
      <c r="V36" s="202">
        <v>3</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1</v>
      </c>
      <c r="J37" s="195">
        <v>0</v>
      </c>
      <c r="K37" s="198">
        <v>1</v>
      </c>
      <c r="L37" s="199">
        <v>1</v>
      </c>
      <c r="M37" s="194">
        <v>0</v>
      </c>
      <c r="N37" s="195">
        <v>0</v>
      </c>
      <c r="O37" s="198">
        <v>0</v>
      </c>
      <c r="P37" s="201">
        <v>0</v>
      </c>
      <c r="Q37" s="197">
        <v>0</v>
      </c>
      <c r="R37" s="197">
        <v>0</v>
      </c>
      <c r="S37" s="197">
        <v>0</v>
      </c>
      <c r="T37" s="195">
        <v>0</v>
      </c>
      <c r="U37" s="198">
        <v>0</v>
      </c>
      <c r="V37" s="202">
        <v>0</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2</v>
      </c>
      <c r="I38" s="197">
        <v>0</v>
      </c>
      <c r="J38" s="195">
        <v>2</v>
      </c>
      <c r="K38" s="198">
        <v>4</v>
      </c>
      <c r="L38" s="199">
        <v>4</v>
      </c>
      <c r="M38" s="194">
        <v>0</v>
      </c>
      <c r="N38" s="195">
        <v>0</v>
      </c>
      <c r="O38" s="198">
        <v>0</v>
      </c>
      <c r="P38" s="201">
        <v>1</v>
      </c>
      <c r="Q38" s="197">
        <v>0</v>
      </c>
      <c r="R38" s="197">
        <v>1</v>
      </c>
      <c r="S38" s="197">
        <v>4</v>
      </c>
      <c r="T38" s="195">
        <v>0</v>
      </c>
      <c r="U38" s="198">
        <v>6</v>
      </c>
      <c r="V38" s="202">
        <v>6</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J1:K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5</v>
      </c>
      <c r="E1" s="496">
        <f>第１表!F2</f>
        <v>5</v>
      </c>
      <c r="F1" s="246">
        <f>第１表!G2</f>
        <v>7</v>
      </c>
      <c r="G1" s="673">
        <f>IF(F1&lt;3,F1-2+12,F1-2)</f>
        <v>5</v>
      </c>
      <c r="H1" s="673"/>
      <c r="IB1" s="365"/>
      <c r="IC1" s="252"/>
      <c r="ID1" s="642"/>
      <c r="IE1" s="642"/>
    </row>
    <row r="2" spans="1:409" s="44" customFormat="1" ht="24" customHeight="1" x14ac:dyDescent="0.2">
      <c r="B2" s="20" t="s">
        <v>146</v>
      </c>
      <c r="E2" s="249"/>
      <c r="F2" s="250"/>
      <c r="G2" s="678"/>
      <c r="H2" s="678"/>
      <c r="CB2" s="322"/>
      <c r="CC2" s="322"/>
      <c r="CD2" s="322"/>
      <c r="CE2" s="322"/>
      <c r="CF2" s="322"/>
      <c r="CG2" s="322"/>
      <c r="CH2" s="322"/>
      <c r="CI2" s="322"/>
      <c r="CJ2" s="322"/>
      <c r="CK2" s="322"/>
      <c r="CL2" s="322"/>
      <c r="DI2" s="322"/>
      <c r="DJ2" s="322"/>
      <c r="DK2" s="322"/>
      <c r="DL2" s="322"/>
      <c r="DM2" s="322"/>
      <c r="DN2" s="322"/>
      <c r="DO2" s="322"/>
      <c r="DP2" s="322"/>
      <c r="DQ2" s="322"/>
      <c r="DR2" s="322"/>
      <c r="DS2" s="322"/>
      <c r="FL2" s="322"/>
      <c r="FM2" s="322"/>
      <c r="FN2" s="322"/>
      <c r="FO2" s="322"/>
      <c r="FP2" s="322"/>
      <c r="FQ2" s="322"/>
      <c r="FR2" s="322"/>
      <c r="FS2" s="322"/>
      <c r="FT2" s="322"/>
      <c r="FU2" s="322"/>
      <c r="FV2" s="322"/>
      <c r="HZ2" s="39"/>
      <c r="IA2" s="39"/>
      <c r="IB2" s="251"/>
      <c r="IC2" s="252"/>
      <c r="ID2" s="368"/>
      <c r="IE2" s="368"/>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7</v>
      </c>
      <c r="CB3" s="322"/>
      <c r="CC3" s="322"/>
      <c r="CD3" s="322"/>
      <c r="CE3" s="322"/>
      <c r="CF3" s="322"/>
      <c r="CG3" s="322"/>
      <c r="CH3" s="322"/>
      <c r="CI3" s="322"/>
      <c r="CJ3" s="322"/>
      <c r="CK3" s="322"/>
      <c r="CL3" s="322"/>
      <c r="DI3" s="322"/>
      <c r="DJ3" s="322"/>
      <c r="DK3" s="322"/>
      <c r="DL3" s="322"/>
      <c r="DM3" s="322"/>
      <c r="DN3" s="322"/>
      <c r="DO3" s="322"/>
      <c r="DP3" s="322"/>
      <c r="DQ3" s="322"/>
      <c r="DR3" s="322"/>
      <c r="DS3" s="322"/>
      <c r="FL3" s="322"/>
      <c r="FM3" s="322"/>
      <c r="FN3" s="322"/>
      <c r="FO3" s="322"/>
      <c r="FP3" s="322"/>
      <c r="FQ3" s="322"/>
      <c r="FR3" s="322"/>
      <c r="FS3" s="322"/>
      <c r="FT3" s="322"/>
      <c r="FU3" s="322"/>
      <c r="FV3" s="322"/>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55" t="s">
        <v>42</v>
      </c>
      <c r="C4" s="658" t="s">
        <v>63</v>
      </c>
      <c r="D4" s="658"/>
      <c r="E4" s="658"/>
      <c r="F4" s="658"/>
      <c r="G4" s="658"/>
      <c r="H4" s="658"/>
      <c r="I4" s="658"/>
      <c r="J4" s="658"/>
      <c r="K4" s="658"/>
      <c r="L4" s="658"/>
      <c r="M4" s="658"/>
      <c r="N4" s="592"/>
      <c r="O4" s="592"/>
      <c r="P4" s="592"/>
      <c r="Q4" s="592"/>
      <c r="R4" s="592"/>
      <c r="S4" s="592"/>
      <c r="T4" s="592"/>
      <c r="U4" s="592"/>
      <c r="V4" s="592"/>
      <c r="W4" s="592"/>
      <c r="X4" s="592"/>
      <c r="Y4" s="592"/>
      <c r="Z4" s="592"/>
      <c r="AA4" s="592"/>
      <c r="AB4" s="592"/>
      <c r="AC4" s="592"/>
      <c r="AD4" s="592"/>
      <c r="AE4" s="592"/>
      <c r="AF4" s="592"/>
      <c r="AG4" s="592"/>
      <c r="AH4" s="592"/>
      <c r="AI4" s="592"/>
      <c r="AJ4" s="592"/>
      <c r="AK4" s="592"/>
      <c r="AL4" s="592"/>
      <c r="AM4" s="592"/>
      <c r="AN4" s="592"/>
      <c r="AO4" s="592"/>
      <c r="AP4" s="592"/>
      <c r="AQ4" s="592"/>
      <c r="AR4" s="592"/>
      <c r="AS4" s="592"/>
      <c r="AT4" s="592"/>
      <c r="AU4" s="592"/>
      <c r="AV4" s="592"/>
      <c r="AW4" s="592"/>
      <c r="AX4" s="592"/>
      <c r="AY4" s="592"/>
      <c r="AZ4" s="592"/>
      <c r="BA4" s="592"/>
      <c r="BB4" s="592"/>
      <c r="BC4" s="592"/>
      <c r="BD4" s="592"/>
      <c r="BE4" s="592"/>
      <c r="BF4" s="592"/>
      <c r="BG4" s="592"/>
      <c r="BH4" s="592"/>
      <c r="BI4" s="592"/>
      <c r="BJ4" s="592"/>
      <c r="BK4" s="592"/>
      <c r="BL4" s="592"/>
      <c r="BM4" s="592"/>
      <c r="BN4" s="592"/>
      <c r="BO4" s="592"/>
      <c r="BP4" s="592"/>
      <c r="BQ4" s="592"/>
      <c r="BR4" s="592"/>
      <c r="BS4" s="592"/>
      <c r="BT4" s="592"/>
      <c r="BU4" s="592"/>
      <c r="BV4" s="592"/>
      <c r="BW4" s="592"/>
      <c r="BX4" s="592"/>
      <c r="BY4" s="592"/>
      <c r="BZ4" s="592"/>
      <c r="CA4" s="592"/>
      <c r="CB4" s="592"/>
      <c r="CC4" s="592"/>
      <c r="CD4" s="592"/>
      <c r="CE4" s="592"/>
      <c r="CF4" s="592"/>
      <c r="CG4" s="592"/>
      <c r="CH4" s="592"/>
      <c r="CI4" s="592"/>
      <c r="CJ4" s="592"/>
      <c r="CK4" s="592"/>
      <c r="CL4" s="592"/>
      <c r="CM4" s="592"/>
      <c r="CN4" s="592"/>
      <c r="CO4" s="592"/>
      <c r="CP4" s="592"/>
      <c r="CQ4" s="592"/>
      <c r="CR4" s="592"/>
      <c r="CS4" s="592"/>
      <c r="CT4" s="592"/>
      <c r="CU4" s="592"/>
      <c r="CV4" s="592"/>
      <c r="CW4" s="592"/>
      <c r="CX4" s="592"/>
      <c r="CY4" s="592"/>
      <c r="CZ4" s="592"/>
      <c r="DA4" s="592"/>
      <c r="DB4" s="592"/>
      <c r="DC4" s="592"/>
      <c r="DD4" s="592"/>
      <c r="DE4" s="592"/>
      <c r="DF4" s="592"/>
      <c r="DG4" s="592"/>
      <c r="DH4" s="592"/>
      <c r="DI4" s="592"/>
      <c r="DJ4" s="592"/>
      <c r="DK4" s="592"/>
      <c r="DL4" s="592"/>
      <c r="DM4" s="592"/>
      <c r="DN4" s="592"/>
      <c r="DO4" s="592"/>
      <c r="DP4" s="592"/>
      <c r="DQ4" s="592"/>
      <c r="DR4" s="592"/>
      <c r="DS4" s="592"/>
      <c r="DT4" s="592"/>
      <c r="DU4" s="592"/>
      <c r="DV4" s="592"/>
      <c r="DW4" s="592"/>
      <c r="DX4" s="592"/>
      <c r="DY4" s="592"/>
      <c r="DZ4" s="592"/>
      <c r="EA4" s="592"/>
      <c r="EB4" s="592"/>
      <c r="EC4" s="592"/>
      <c r="ED4" s="592"/>
      <c r="EE4" s="592"/>
      <c r="EF4" s="592"/>
      <c r="EG4" s="592"/>
      <c r="EH4" s="592"/>
      <c r="EI4" s="592"/>
      <c r="EJ4" s="592"/>
      <c r="EK4" s="592"/>
      <c r="EL4" s="592"/>
      <c r="EM4" s="592"/>
      <c r="EN4" s="592"/>
      <c r="EO4" s="592"/>
      <c r="EP4" s="592"/>
      <c r="EQ4" s="592"/>
      <c r="ER4" s="592"/>
      <c r="ES4" s="592"/>
      <c r="ET4" s="592"/>
      <c r="EU4" s="592"/>
      <c r="EV4" s="592"/>
      <c r="EW4" s="592"/>
      <c r="EX4" s="592"/>
      <c r="EY4" s="592"/>
      <c r="EZ4" s="592"/>
      <c r="FA4" s="592"/>
      <c r="FB4" s="592"/>
      <c r="FC4" s="592"/>
      <c r="FD4" s="592"/>
      <c r="FE4" s="592"/>
      <c r="FF4" s="592"/>
      <c r="FG4" s="592"/>
      <c r="FH4" s="592"/>
      <c r="FI4" s="592"/>
      <c r="FJ4" s="592"/>
      <c r="FK4" s="592"/>
      <c r="FL4" s="592"/>
      <c r="FM4" s="592"/>
      <c r="FN4" s="592"/>
      <c r="FO4" s="592"/>
      <c r="FP4" s="592"/>
      <c r="FQ4" s="592"/>
      <c r="FR4" s="592"/>
      <c r="FS4" s="592"/>
      <c r="FT4" s="592"/>
      <c r="FU4" s="592"/>
      <c r="FV4" s="592"/>
      <c r="FW4" s="592"/>
      <c r="FX4" s="592"/>
      <c r="FY4" s="592"/>
      <c r="FZ4" s="592"/>
      <c r="GA4" s="592"/>
      <c r="GB4" s="592"/>
      <c r="GC4" s="592"/>
      <c r="GD4" s="592"/>
      <c r="GE4" s="592"/>
      <c r="GF4" s="592"/>
      <c r="GG4" s="592"/>
      <c r="GH4" s="592"/>
      <c r="GI4" s="592"/>
      <c r="GJ4" s="592"/>
      <c r="GK4" s="592"/>
      <c r="GL4" s="592"/>
      <c r="GM4" s="592"/>
      <c r="GN4" s="592"/>
      <c r="GO4" s="592"/>
      <c r="GP4" s="592"/>
      <c r="GQ4" s="592"/>
      <c r="GR4" s="592"/>
      <c r="GS4" s="592"/>
      <c r="GT4" s="592"/>
      <c r="GU4" s="592"/>
      <c r="GV4" s="592"/>
      <c r="GW4" s="592"/>
      <c r="GX4" s="592"/>
      <c r="GY4" s="592"/>
      <c r="GZ4" s="592"/>
      <c r="HA4" s="592"/>
      <c r="HB4" s="592"/>
      <c r="HC4" s="592"/>
      <c r="HD4" s="592"/>
      <c r="HE4" s="592"/>
      <c r="HF4" s="592"/>
      <c r="HG4" s="592"/>
      <c r="HH4" s="592"/>
      <c r="HI4" s="592"/>
      <c r="HJ4" s="592"/>
      <c r="HK4" s="592"/>
      <c r="HL4" s="592"/>
      <c r="HM4" s="592"/>
      <c r="HN4" s="592"/>
      <c r="HO4" s="592"/>
      <c r="HP4" s="592"/>
      <c r="HQ4" s="592"/>
      <c r="HR4" s="592"/>
      <c r="HS4" s="592"/>
      <c r="HT4" s="592"/>
      <c r="HU4" s="592"/>
      <c r="HV4" s="592"/>
      <c r="HW4" s="592"/>
      <c r="HX4" s="592"/>
      <c r="HY4" s="593"/>
      <c r="HZ4" s="639" t="s">
        <v>85</v>
      </c>
      <c r="IA4" s="640"/>
      <c r="IB4" s="640"/>
      <c r="IC4" s="640"/>
      <c r="ID4" s="640"/>
      <c r="IE4" s="640"/>
      <c r="IF4" s="640"/>
      <c r="IG4" s="640"/>
      <c r="IH4" s="640"/>
      <c r="II4" s="640"/>
      <c r="IJ4" s="640"/>
      <c r="IK4" s="640"/>
      <c r="IL4" s="640"/>
      <c r="IM4" s="640"/>
      <c r="IN4" s="640"/>
      <c r="IO4" s="640"/>
      <c r="IP4" s="640"/>
      <c r="IQ4" s="640"/>
      <c r="IR4" s="640"/>
      <c r="IS4" s="640"/>
      <c r="IT4" s="640"/>
      <c r="IU4" s="640"/>
      <c r="IV4" s="640"/>
      <c r="IW4" s="640"/>
      <c r="IX4" s="640"/>
      <c r="IY4" s="640"/>
      <c r="IZ4" s="640"/>
      <c r="JA4" s="640"/>
      <c r="JB4" s="640"/>
      <c r="JC4" s="640"/>
      <c r="JD4" s="640"/>
      <c r="JE4" s="640"/>
      <c r="JF4" s="640"/>
      <c r="JG4" s="640"/>
      <c r="JH4" s="640"/>
      <c r="JI4" s="640"/>
      <c r="JJ4" s="640"/>
      <c r="JK4" s="640"/>
      <c r="JL4" s="640"/>
      <c r="JM4" s="640"/>
      <c r="JN4" s="640"/>
      <c r="JO4" s="640"/>
      <c r="JP4" s="640"/>
      <c r="JQ4" s="640"/>
      <c r="JR4" s="640"/>
      <c r="JS4" s="640"/>
      <c r="JT4" s="640"/>
      <c r="JU4" s="640"/>
      <c r="JV4" s="640"/>
      <c r="JW4" s="640"/>
      <c r="JX4" s="640"/>
      <c r="JY4" s="640"/>
      <c r="JZ4" s="640"/>
      <c r="KA4" s="640"/>
      <c r="KB4" s="640"/>
      <c r="KC4" s="640"/>
      <c r="KD4" s="640"/>
      <c r="KE4" s="640"/>
      <c r="KF4" s="640"/>
      <c r="KG4" s="640"/>
      <c r="KH4" s="640"/>
      <c r="KI4" s="640"/>
      <c r="KJ4" s="640"/>
      <c r="KK4" s="640"/>
      <c r="KL4" s="640"/>
      <c r="KM4" s="640"/>
      <c r="KN4" s="640"/>
      <c r="KO4" s="640"/>
      <c r="KP4" s="640"/>
      <c r="KQ4" s="640"/>
      <c r="KR4" s="640"/>
      <c r="KS4" s="640"/>
      <c r="KT4" s="640"/>
      <c r="KU4" s="640"/>
      <c r="KV4" s="640"/>
      <c r="KW4" s="640"/>
      <c r="KX4" s="640"/>
      <c r="KY4" s="640"/>
      <c r="KZ4" s="640"/>
      <c r="LA4" s="640"/>
      <c r="LB4" s="640"/>
      <c r="LC4" s="640"/>
      <c r="LD4" s="640"/>
      <c r="LE4" s="640"/>
      <c r="LF4" s="640"/>
      <c r="LG4" s="640"/>
      <c r="LH4" s="640"/>
      <c r="LI4" s="640"/>
      <c r="LJ4" s="640"/>
      <c r="LK4" s="640"/>
      <c r="LL4" s="640"/>
      <c r="LM4" s="640"/>
      <c r="LN4" s="640"/>
      <c r="LO4" s="640"/>
      <c r="LP4" s="640"/>
      <c r="LQ4" s="640"/>
      <c r="LR4" s="640"/>
      <c r="LS4" s="640"/>
      <c r="LT4" s="640"/>
      <c r="LU4" s="640"/>
      <c r="LV4" s="640"/>
      <c r="LW4" s="640"/>
      <c r="LX4" s="640"/>
      <c r="LY4" s="640"/>
      <c r="LZ4" s="640"/>
      <c r="MA4" s="640"/>
      <c r="MB4" s="640"/>
      <c r="MC4" s="640"/>
      <c r="MD4" s="640"/>
      <c r="ME4" s="641"/>
      <c r="MF4" s="639" t="s">
        <v>86</v>
      </c>
      <c r="MG4" s="640"/>
      <c r="MH4" s="640"/>
      <c r="MI4" s="640"/>
      <c r="MJ4" s="640"/>
      <c r="MK4" s="640"/>
      <c r="ML4" s="640"/>
      <c r="MM4" s="640"/>
      <c r="MN4" s="640"/>
      <c r="MO4" s="640"/>
      <c r="MP4" s="640"/>
      <c r="MQ4" s="640"/>
      <c r="MR4" s="640"/>
      <c r="MS4" s="640"/>
      <c r="MT4" s="640"/>
      <c r="MU4" s="640"/>
      <c r="MV4" s="640"/>
      <c r="MW4" s="640"/>
      <c r="MX4" s="640"/>
      <c r="MY4" s="640"/>
      <c r="MZ4" s="640"/>
      <c r="NA4" s="640"/>
      <c r="NB4" s="640"/>
      <c r="NC4" s="640"/>
      <c r="ND4" s="640"/>
      <c r="NE4" s="640"/>
      <c r="NF4" s="640"/>
      <c r="NG4" s="640"/>
      <c r="NH4" s="640"/>
      <c r="NI4" s="640"/>
      <c r="NJ4" s="640"/>
      <c r="NK4" s="640"/>
      <c r="NL4" s="640"/>
      <c r="NM4" s="640"/>
      <c r="NN4" s="640"/>
      <c r="NO4" s="640"/>
      <c r="NP4" s="640"/>
      <c r="NQ4" s="640"/>
      <c r="NR4" s="640"/>
      <c r="NS4" s="640"/>
      <c r="NT4" s="640"/>
      <c r="NU4" s="640"/>
      <c r="NV4" s="640"/>
      <c r="NW4" s="640"/>
      <c r="NX4" s="640"/>
      <c r="NY4" s="640"/>
      <c r="NZ4" s="640"/>
      <c r="OA4" s="640"/>
      <c r="OB4" s="640"/>
      <c r="OC4" s="640"/>
      <c r="OD4" s="640"/>
      <c r="OE4" s="640"/>
      <c r="OF4" s="640"/>
      <c r="OG4" s="640"/>
      <c r="OH4" s="641"/>
      <c r="OI4" s="594" t="s">
        <v>60</v>
      </c>
      <c r="OJ4" s="504"/>
      <c r="OK4" s="504"/>
      <c r="OL4" s="504"/>
      <c r="OM4" s="504"/>
      <c r="ON4" s="504"/>
      <c r="OO4" s="504"/>
      <c r="OP4" s="504"/>
      <c r="OQ4" s="504"/>
      <c r="OR4" s="504"/>
      <c r="OS4" s="505"/>
    </row>
    <row r="5" spans="1:409" ht="21" customHeight="1" thickBot="1" x14ac:dyDescent="0.25">
      <c r="B5" s="656"/>
      <c r="C5" s="659"/>
      <c r="D5" s="659"/>
      <c r="E5" s="659"/>
      <c r="F5" s="659"/>
      <c r="G5" s="659"/>
      <c r="H5" s="659"/>
      <c r="I5" s="659"/>
      <c r="J5" s="659"/>
      <c r="K5" s="659"/>
      <c r="L5" s="659"/>
      <c r="M5" s="659"/>
      <c r="N5" s="661" t="s">
        <v>64</v>
      </c>
      <c r="O5" s="662"/>
      <c r="P5" s="662"/>
      <c r="Q5" s="662"/>
      <c r="R5" s="662"/>
      <c r="S5" s="662"/>
      <c r="T5" s="662"/>
      <c r="U5" s="662"/>
      <c r="V5" s="662"/>
      <c r="W5" s="662"/>
      <c r="X5" s="662"/>
      <c r="Y5" s="662"/>
      <c r="Z5" s="662"/>
      <c r="AA5" s="662"/>
      <c r="AB5" s="662"/>
      <c r="AC5" s="662"/>
      <c r="AD5" s="662"/>
      <c r="AE5" s="662"/>
      <c r="AF5" s="662"/>
      <c r="AG5" s="662"/>
      <c r="AH5" s="662"/>
      <c r="AI5" s="662"/>
      <c r="AJ5" s="662"/>
      <c r="AK5" s="662"/>
      <c r="AL5" s="662"/>
      <c r="AM5" s="662"/>
      <c r="AN5" s="662"/>
      <c r="AO5" s="662"/>
      <c r="AP5" s="662"/>
      <c r="AQ5" s="662"/>
      <c r="AR5" s="662"/>
      <c r="AS5" s="662"/>
      <c r="AT5" s="662"/>
      <c r="AU5" s="662"/>
      <c r="AV5" s="662"/>
      <c r="AW5" s="662"/>
      <c r="AX5" s="662"/>
      <c r="AY5" s="662"/>
      <c r="AZ5" s="662"/>
      <c r="BA5" s="662"/>
      <c r="BB5" s="662"/>
      <c r="BC5" s="662"/>
      <c r="BD5" s="662"/>
      <c r="BE5" s="662"/>
      <c r="BF5" s="662"/>
      <c r="BG5" s="662"/>
      <c r="BH5" s="662"/>
      <c r="BI5" s="662"/>
      <c r="BJ5" s="662"/>
      <c r="BK5" s="662"/>
      <c r="BL5" s="662"/>
      <c r="BM5" s="662"/>
      <c r="BN5" s="662"/>
      <c r="BO5" s="662"/>
      <c r="BP5" s="662"/>
      <c r="BQ5" s="662"/>
      <c r="BR5" s="662"/>
      <c r="BS5" s="662"/>
      <c r="BT5" s="662"/>
      <c r="BU5" s="662"/>
      <c r="BV5" s="662"/>
      <c r="BW5" s="662"/>
      <c r="BX5" s="662"/>
      <c r="BY5" s="662"/>
      <c r="BZ5" s="662"/>
      <c r="CA5" s="663"/>
      <c r="CB5" s="661" t="s">
        <v>65</v>
      </c>
      <c r="CC5" s="662"/>
      <c r="CD5" s="662"/>
      <c r="CE5" s="662"/>
      <c r="CF5" s="662"/>
      <c r="CG5" s="662"/>
      <c r="CH5" s="662"/>
      <c r="CI5" s="662"/>
      <c r="CJ5" s="662"/>
      <c r="CK5" s="662"/>
      <c r="CL5" s="662"/>
      <c r="CM5" s="662"/>
      <c r="CN5" s="662"/>
      <c r="CO5" s="662"/>
      <c r="CP5" s="662"/>
      <c r="CQ5" s="662"/>
      <c r="CR5" s="662"/>
      <c r="CS5" s="662"/>
      <c r="CT5" s="662"/>
      <c r="CU5" s="662"/>
      <c r="CV5" s="662"/>
      <c r="CW5" s="662"/>
      <c r="CX5" s="662"/>
      <c r="CY5" s="662"/>
      <c r="CZ5" s="662"/>
      <c r="DA5" s="662"/>
      <c r="DB5" s="662"/>
      <c r="DC5" s="662"/>
      <c r="DD5" s="662"/>
      <c r="DE5" s="662"/>
      <c r="DF5" s="662"/>
      <c r="DG5" s="662"/>
      <c r="DH5" s="663"/>
      <c r="DI5" s="639" t="s">
        <v>66</v>
      </c>
      <c r="DJ5" s="640"/>
      <c r="DK5" s="640"/>
      <c r="DL5" s="640"/>
      <c r="DM5" s="640"/>
      <c r="DN5" s="640"/>
      <c r="DO5" s="640"/>
      <c r="DP5" s="640"/>
      <c r="DQ5" s="640"/>
      <c r="DR5" s="640"/>
      <c r="DS5" s="640"/>
      <c r="DT5" s="640"/>
      <c r="DU5" s="640"/>
      <c r="DV5" s="640"/>
      <c r="DW5" s="640"/>
      <c r="DX5" s="640"/>
      <c r="DY5" s="640"/>
      <c r="DZ5" s="640"/>
      <c r="EA5" s="640"/>
      <c r="EB5" s="640"/>
      <c r="EC5" s="640"/>
      <c r="ED5" s="640"/>
      <c r="EE5" s="640"/>
      <c r="EF5" s="640"/>
      <c r="EG5" s="640"/>
      <c r="EH5" s="640"/>
      <c r="EI5" s="640"/>
      <c r="EJ5" s="640"/>
      <c r="EK5" s="640"/>
      <c r="EL5" s="640"/>
      <c r="EM5" s="640"/>
      <c r="EN5" s="640"/>
      <c r="EO5" s="640"/>
      <c r="EP5" s="640"/>
      <c r="EQ5" s="640"/>
      <c r="ER5" s="640"/>
      <c r="ES5" s="640"/>
      <c r="ET5" s="640"/>
      <c r="EU5" s="640"/>
      <c r="EV5" s="640"/>
      <c r="EW5" s="640"/>
      <c r="EX5" s="640"/>
      <c r="EY5" s="640"/>
      <c r="EZ5" s="640"/>
      <c r="FA5" s="640"/>
      <c r="FB5" s="640"/>
      <c r="FC5" s="640"/>
      <c r="FD5" s="640"/>
      <c r="FE5" s="640"/>
      <c r="FF5" s="640"/>
      <c r="FG5" s="640"/>
      <c r="FH5" s="640"/>
      <c r="FI5" s="640"/>
      <c r="FJ5" s="640"/>
      <c r="FK5" s="641"/>
      <c r="FL5" s="661" t="s">
        <v>67</v>
      </c>
      <c r="FM5" s="662"/>
      <c r="FN5" s="662"/>
      <c r="FO5" s="662"/>
      <c r="FP5" s="662"/>
      <c r="FQ5" s="662"/>
      <c r="FR5" s="662"/>
      <c r="FS5" s="662"/>
      <c r="FT5" s="662"/>
      <c r="FU5" s="662"/>
      <c r="FV5" s="662"/>
      <c r="FW5" s="662"/>
      <c r="FX5" s="662"/>
      <c r="FY5" s="662"/>
      <c r="FZ5" s="662"/>
      <c r="GA5" s="662"/>
      <c r="GB5" s="662"/>
      <c r="GC5" s="662"/>
      <c r="GD5" s="662"/>
      <c r="GE5" s="662"/>
      <c r="GF5" s="662"/>
      <c r="GG5" s="662"/>
      <c r="GH5" s="662"/>
      <c r="GI5" s="662"/>
      <c r="GJ5" s="662"/>
      <c r="GK5" s="662"/>
      <c r="GL5" s="662"/>
      <c r="GM5" s="662"/>
      <c r="GN5" s="662"/>
      <c r="GO5" s="662"/>
      <c r="GP5" s="662"/>
      <c r="GQ5" s="662"/>
      <c r="GR5" s="662"/>
      <c r="GS5" s="662"/>
      <c r="GT5" s="662"/>
      <c r="GU5" s="662"/>
      <c r="GV5" s="662"/>
      <c r="GW5" s="662"/>
      <c r="GX5" s="662"/>
      <c r="GY5" s="662"/>
      <c r="GZ5" s="662"/>
      <c r="HA5" s="662"/>
      <c r="HB5" s="662"/>
      <c r="HC5" s="663"/>
      <c r="HD5" s="664" t="s">
        <v>68</v>
      </c>
      <c r="HE5" s="665"/>
      <c r="HF5" s="665"/>
      <c r="HG5" s="665"/>
      <c r="HH5" s="665"/>
      <c r="HI5" s="665"/>
      <c r="HJ5" s="665"/>
      <c r="HK5" s="665"/>
      <c r="HL5" s="665"/>
      <c r="HM5" s="665"/>
      <c r="HN5" s="666"/>
      <c r="HO5" s="664" t="s">
        <v>69</v>
      </c>
      <c r="HP5" s="665"/>
      <c r="HQ5" s="665"/>
      <c r="HR5" s="665"/>
      <c r="HS5" s="665"/>
      <c r="HT5" s="665"/>
      <c r="HU5" s="665"/>
      <c r="HV5" s="665"/>
      <c r="HW5" s="665"/>
      <c r="HX5" s="665"/>
      <c r="HY5" s="666"/>
      <c r="HZ5" s="618"/>
      <c r="IA5" s="619"/>
      <c r="IB5" s="619"/>
      <c r="IC5" s="619"/>
      <c r="ID5" s="619"/>
      <c r="IE5" s="619"/>
      <c r="IF5" s="619"/>
      <c r="IG5" s="619"/>
      <c r="IH5" s="619"/>
      <c r="II5" s="619"/>
      <c r="IJ5" s="620"/>
      <c r="IK5" s="594" t="s">
        <v>94</v>
      </c>
      <c r="IL5" s="504"/>
      <c r="IM5" s="504"/>
      <c r="IN5" s="504"/>
      <c r="IO5" s="504"/>
      <c r="IP5" s="504"/>
      <c r="IQ5" s="504"/>
      <c r="IR5" s="504"/>
      <c r="IS5" s="504"/>
      <c r="IT5" s="504"/>
      <c r="IU5" s="505"/>
      <c r="IV5" s="594" t="s">
        <v>88</v>
      </c>
      <c r="IW5" s="504"/>
      <c r="IX5" s="504"/>
      <c r="IY5" s="504"/>
      <c r="IZ5" s="504"/>
      <c r="JA5" s="504"/>
      <c r="JB5" s="504"/>
      <c r="JC5" s="504"/>
      <c r="JD5" s="504"/>
      <c r="JE5" s="504"/>
      <c r="JF5" s="505"/>
      <c r="JG5" s="624" t="s">
        <v>143</v>
      </c>
      <c r="JH5" s="625"/>
      <c r="JI5" s="625"/>
      <c r="JJ5" s="625"/>
      <c r="JK5" s="625"/>
      <c r="JL5" s="625"/>
      <c r="JM5" s="625"/>
      <c r="JN5" s="625"/>
      <c r="JO5" s="625"/>
      <c r="JP5" s="625"/>
      <c r="JQ5" s="626"/>
      <c r="JR5" s="594" t="s">
        <v>90</v>
      </c>
      <c r="JS5" s="504"/>
      <c r="JT5" s="504"/>
      <c r="JU5" s="504"/>
      <c r="JV5" s="504"/>
      <c r="JW5" s="504"/>
      <c r="JX5" s="504"/>
      <c r="JY5" s="504"/>
      <c r="JZ5" s="504"/>
      <c r="KA5" s="504"/>
      <c r="KB5" s="505"/>
      <c r="KC5" s="594" t="s">
        <v>89</v>
      </c>
      <c r="KD5" s="504"/>
      <c r="KE5" s="504"/>
      <c r="KF5" s="504"/>
      <c r="KG5" s="504"/>
      <c r="KH5" s="504"/>
      <c r="KI5" s="504"/>
      <c r="KJ5" s="504"/>
      <c r="KK5" s="504"/>
      <c r="KL5" s="504"/>
      <c r="KM5" s="505"/>
      <c r="KN5" s="594" t="s">
        <v>91</v>
      </c>
      <c r="KO5" s="504"/>
      <c r="KP5" s="504"/>
      <c r="KQ5" s="504"/>
      <c r="KR5" s="504"/>
      <c r="KS5" s="504"/>
      <c r="KT5" s="504"/>
      <c r="KU5" s="504"/>
      <c r="KV5" s="504"/>
      <c r="KW5" s="504"/>
      <c r="KX5" s="505"/>
      <c r="KY5" s="594" t="s">
        <v>92</v>
      </c>
      <c r="KZ5" s="504"/>
      <c r="LA5" s="504"/>
      <c r="LB5" s="504"/>
      <c r="LC5" s="504"/>
      <c r="LD5" s="504"/>
      <c r="LE5" s="504"/>
      <c r="LF5" s="504"/>
      <c r="LG5" s="504"/>
      <c r="LH5" s="504"/>
      <c r="LI5" s="505"/>
      <c r="LJ5" s="630" t="s">
        <v>93</v>
      </c>
      <c r="LK5" s="631"/>
      <c r="LL5" s="631"/>
      <c r="LM5" s="631"/>
      <c r="LN5" s="631"/>
      <c r="LO5" s="631"/>
      <c r="LP5" s="631"/>
      <c r="LQ5" s="631"/>
      <c r="LR5" s="631"/>
      <c r="LS5" s="631"/>
      <c r="LT5" s="632"/>
      <c r="LU5" s="633" t="s">
        <v>144</v>
      </c>
      <c r="LV5" s="634"/>
      <c r="LW5" s="634"/>
      <c r="LX5" s="634"/>
      <c r="LY5" s="634"/>
      <c r="LZ5" s="634"/>
      <c r="MA5" s="634"/>
      <c r="MB5" s="634"/>
      <c r="MC5" s="634"/>
      <c r="MD5" s="634"/>
      <c r="ME5" s="635"/>
      <c r="MF5" s="618"/>
      <c r="MG5" s="619"/>
      <c r="MH5" s="619"/>
      <c r="MI5" s="619"/>
      <c r="MJ5" s="619"/>
      <c r="MK5" s="619"/>
      <c r="ML5" s="619"/>
      <c r="MM5" s="619"/>
      <c r="MN5" s="619"/>
      <c r="MO5" s="619"/>
      <c r="MP5" s="620"/>
      <c r="MQ5" s="594" t="s">
        <v>57</v>
      </c>
      <c r="MR5" s="504"/>
      <c r="MS5" s="504"/>
      <c r="MT5" s="504"/>
      <c r="MU5" s="504"/>
      <c r="MV5" s="504"/>
      <c r="MW5" s="504"/>
      <c r="MX5" s="504"/>
      <c r="MY5" s="504"/>
      <c r="MZ5" s="504"/>
      <c r="NA5" s="505"/>
      <c r="NB5" s="594" t="s">
        <v>58</v>
      </c>
      <c r="NC5" s="504"/>
      <c r="ND5" s="504"/>
      <c r="NE5" s="504"/>
      <c r="NF5" s="504"/>
      <c r="NG5" s="504"/>
      <c r="NH5" s="504"/>
      <c r="NI5" s="504"/>
      <c r="NJ5" s="504"/>
      <c r="NK5" s="504"/>
      <c r="NL5" s="505"/>
      <c r="NM5" s="594" t="s">
        <v>59</v>
      </c>
      <c r="NN5" s="504"/>
      <c r="NO5" s="504"/>
      <c r="NP5" s="504"/>
      <c r="NQ5" s="504"/>
      <c r="NR5" s="504"/>
      <c r="NS5" s="504"/>
      <c r="NT5" s="504"/>
      <c r="NU5" s="504"/>
      <c r="NV5" s="504"/>
      <c r="NW5" s="505"/>
      <c r="NX5" s="643" t="s">
        <v>150</v>
      </c>
      <c r="NY5" s="644"/>
      <c r="NZ5" s="644"/>
      <c r="OA5" s="644"/>
      <c r="OB5" s="644"/>
      <c r="OC5" s="644"/>
      <c r="OD5" s="644"/>
      <c r="OE5" s="644"/>
      <c r="OF5" s="644"/>
      <c r="OG5" s="644"/>
      <c r="OH5" s="645"/>
      <c r="OI5" s="615"/>
      <c r="OJ5" s="616"/>
      <c r="OK5" s="616"/>
      <c r="OL5" s="616"/>
      <c r="OM5" s="616"/>
      <c r="ON5" s="616"/>
      <c r="OO5" s="616"/>
      <c r="OP5" s="616"/>
      <c r="OQ5" s="616"/>
      <c r="OR5" s="616"/>
      <c r="OS5" s="617"/>
    </row>
    <row r="6" spans="1:409" ht="21" customHeight="1" thickBot="1" x14ac:dyDescent="0.25">
      <c r="B6" s="656"/>
      <c r="C6" s="660"/>
      <c r="D6" s="660"/>
      <c r="E6" s="660"/>
      <c r="F6" s="660"/>
      <c r="G6" s="660"/>
      <c r="H6" s="660"/>
      <c r="I6" s="660"/>
      <c r="J6" s="660"/>
      <c r="K6" s="660"/>
      <c r="L6" s="660"/>
      <c r="M6" s="660"/>
      <c r="N6" s="595"/>
      <c r="O6" s="586"/>
      <c r="P6" s="586"/>
      <c r="Q6" s="586"/>
      <c r="R6" s="586"/>
      <c r="S6" s="586"/>
      <c r="T6" s="586"/>
      <c r="U6" s="586"/>
      <c r="V6" s="586"/>
      <c r="W6" s="586"/>
      <c r="X6" s="596"/>
      <c r="Y6" s="597" t="s">
        <v>70</v>
      </c>
      <c r="Z6" s="598"/>
      <c r="AA6" s="598"/>
      <c r="AB6" s="598"/>
      <c r="AC6" s="598"/>
      <c r="AD6" s="598"/>
      <c r="AE6" s="598"/>
      <c r="AF6" s="598"/>
      <c r="AG6" s="598"/>
      <c r="AH6" s="598"/>
      <c r="AI6" s="599"/>
      <c r="AJ6" s="664" t="s">
        <v>71</v>
      </c>
      <c r="AK6" s="665"/>
      <c r="AL6" s="665"/>
      <c r="AM6" s="665"/>
      <c r="AN6" s="665"/>
      <c r="AO6" s="665"/>
      <c r="AP6" s="665"/>
      <c r="AQ6" s="665"/>
      <c r="AR6" s="665"/>
      <c r="AS6" s="665"/>
      <c r="AT6" s="666"/>
      <c r="AU6" s="674" t="s">
        <v>72</v>
      </c>
      <c r="AV6" s="675"/>
      <c r="AW6" s="675"/>
      <c r="AX6" s="675"/>
      <c r="AY6" s="675"/>
      <c r="AZ6" s="675"/>
      <c r="BA6" s="675"/>
      <c r="BB6" s="675"/>
      <c r="BC6" s="675"/>
      <c r="BD6" s="675"/>
      <c r="BE6" s="676"/>
      <c r="BF6" s="674" t="s">
        <v>73</v>
      </c>
      <c r="BG6" s="675"/>
      <c r="BH6" s="675"/>
      <c r="BI6" s="675"/>
      <c r="BJ6" s="675"/>
      <c r="BK6" s="675"/>
      <c r="BL6" s="675"/>
      <c r="BM6" s="675"/>
      <c r="BN6" s="675"/>
      <c r="BO6" s="675"/>
      <c r="BP6" s="676"/>
      <c r="BQ6" s="674" t="s">
        <v>74</v>
      </c>
      <c r="BR6" s="675"/>
      <c r="BS6" s="675"/>
      <c r="BT6" s="675"/>
      <c r="BU6" s="675"/>
      <c r="BV6" s="675"/>
      <c r="BW6" s="675"/>
      <c r="BX6" s="675"/>
      <c r="BY6" s="675"/>
      <c r="BZ6" s="675"/>
      <c r="CA6" s="676"/>
      <c r="CB6" s="621"/>
      <c r="CC6" s="622"/>
      <c r="CD6" s="622"/>
      <c r="CE6" s="622"/>
      <c r="CF6" s="622"/>
      <c r="CG6" s="622"/>
      <c r="CH6" s="622"/>
      <c r="CI6" s="622"/>
      <c r="CJ6" s="622"/>
      <c r="CK6" s="622"/>
      <c r="CL6" s="623"/>
      <c r="CM6" s="674" t="s">
        <v>75</v>
      </c>
      <c r="CN6" s="675"/>
      <c r="CO6" s="675"/>
      <c r="CP6" s="675"/>
      <c r="CQ6" s="675"/>
      <c r="CR6" s="675"/>
      <c r="CS6" s="675"/>
      <c r="CT6" s="675"/>
      <c r="CU6" s="675"/>
      <c r="CV6" s="675"/>
      <c r="CW6" s="676"/>
      <c r="CX6" s="674" t="s">
        <v>76</v>
      </c>
      <c r="CY6" s="675"/>
      <c r="CZ6" s="675"/>
      <c r="DA6" s="675"/>
      <c r="DB6" s="675"/>
      <c r="DC6" s="675"/>
      <c r="DD6" s="675"/>
      <c r="DE6" s="675"/>
      <c r="DF6" s="675"/>
      <c r="DG6" s="675"/>
      <c r="DH6" s="676"/>
      <c r="DI6" s="621"/>
      <c r="DJ6" s="622"/>
      <c r="DK6" s="622"/>
      <c r="DL6" s="622"/>
      <c r="DM6" s="622"/>
      <c r="DN6" s="622"/>
      <c r="DO6" s="622"/>
      <c r="DP6" s="622"/>
      <c r="DQ6" s="622"/>
      <c r="DR6" s="622"/>
      <c r="DS6" s="622"/>
      <c r="DT6" s="674" t="s">
        <v>77</v>
      </c>
      <c r="DU6" s="675"/>
      <c r="DV6" s="675"/>
      <c r="DW6" s="675"/>
      <c r="DX6" s="675"/>
      <c r="DY6" s="675"/>
      <c r="DZ6" s="675"/>
      <c r="EA6" s="675"/>
      <c r="EB6" s="675"/>
      <c r="EC6" s="675"/>
      <c r="ED6" s="676"/>
      <c r="EE6" s="674" t="s">
        <v>78</v>
      </c>
      <c r="EF6" s="675"/>
      <c r="EG6" s="675"/>
      <c r="EH6" s="675"/>
      <c r="EI6" s="675"/>
      <c r="EJ6" s="675"/>
      <c r="EK6" s="675"/>
      <c r="EL6" s="675"/>
      <c r="EM6" s="675"/>
      <c r="EN6" s="675"/>
      <c r="EO6" s="676"/>
      <c r="EP6" s="674" t="s">
        <v>79</v>
      </c>
      <c r="EQ6" s="675"/>
      <c r="ER6" s="675"/>
      <c r="ES6" s="675"/>
      <c r="ET6" s="675"/>
      <c r="EU6" s="675"/>
      <c r="EV6" s="675"/>
      <c r="EW6" s="675"/>
      <c r="EX6" s="675"/>
      <c r="EY6" s="675"/>
      <c r="EZ6" s="676"/>
      <c r="FA6" s="677" t="s">
        <v>151</v>
      </c>
      <c r="FB6" s="675"/>
      <c r="FC6" s="675"/>
      <c r="FD6" s="675"/>
      <c r="FE6" s="675"/>
      <c r="FF6" s="675"/>
      <c r="FG6" s="675"/>
      <c r="FH6" s="675"/>
      <c r="FI6" s="675"/>
      <c r="FJ6" s="675"/>
      <c r="FK6" s="676"/>
      <c r="FL6" s="621"/>
      <c r="FM6" s="622"/>
      <c r="FN6" s="622"/>
      <c r="FO6" s="622"/>
      <c r="FP6" s="622"/>
      <c r="FQ6" s="622"/>
      <c r="FR6" s="622"/>
      <c r="FS6" s="622"/>
      <c r="FT6" s="622"/>
      <c r="FU6" s="622"/>
      <c r="FV6" s="622"/>
      <c r="FW6" s="674" t="s">
        <v>80</v>
      </c>
      <c r="FX6" s="675"/>
      <c r="FY6" s="675"/>
      <c r="FZ6" s="675"/>
      <c r="GA6" s="675"/>
      <c r="GB6" s="675"/>
      <c r="GC6" s="675"/>
      <c r="GD6" s="675"/>
      <c r="GE6" s="675"/>
      <c r="GF6" s="675"/>
      <c r="GG6" s="676"/>
      <c r="GH6" s="597" t="s">
        <v>81</v>
      </c>
      <c r="GI6" s="598"/>
      <c r="GJ6" s="598"/>
      <c r="GK6" s="598"/>
      <c r="GL6" s="598"/>
      <c r="GM6" s="598"/>
      <c r="GN6" s="598"/>
      <c r="GO6" s="598"/>
      <c r="GP6" s="598"/>
      <c r="GQ6" s="598"/>
      <c r="GR6" s="599"/>
      <c r="GS6" s="597" t="s">
        <v>82</v>
      </c>
      <c r="GT6" s="598"/>
      <c r="GU6" s="598"/>
      <c r="GV6" s="598"/>
      <c r="GW6" s="598"/>
      <c r="GX6" s="598"/>
      <c r="GY6" s="598"/>
      <c r="GZ6" s="598"/>
      <c r="HA6" s="598"/>
      <c r="HB6" s="598"/>
      <c r="HC6" s="599"/>
      <c r="HD6" s="667"/>
      <c r="HE6" s="668"/>
      <c r="HF6" s="668"/>
      <c r="HG6" s="668"/>
      <c r="HH6" s="668"/>
      <c r="HI6" s="668"/>
      <c r="HJ6" s="668"/>
      <c r="HK6" s="668"/>
      <c r="HL6" s="668"/>
      <c r="HM6" s="668"/>
      <c r="HN6" s="669"/>
      <c r="HO6" s="667"/>
      <c r="HP6" s="668"/>
      <c r="HQ6" s="668"/>
      <c r="HR6" s="668"/>
      <c r="HS6" s="668"/>
      <c r="HT6" s="668"/>
      <c r="HU6" s="668"/>
      <c r="HV6" s="668"/>
      <c r="HW6" s="668"/>
      <c r="HX6" s="668"/>
      <c r="HY6" s="669"/>
      <c r="HZ6" s="621"/>
      <c r="IA6" s="622"/>
      <c r="IB6" s="622"/>
      <c r="IC6" s="622"/>
      <c r="ID6" s="622"/>
      <c r="IE6" s="622"/>
      <c r="IF6" s="622"/>
      <c r="IG6" s="622"/>
      <c r="IH6" s="622"/>
      <c r="II6" s="622"/>
      <c r="IJ6" s="623"/>
      <c r="IK6" s="595"/>
      <c r="IL6" s="586"/>
      <c r="IM6" s="586"/>
      <c r="IN6" s="586"/>
      <c r="IO6" s="586"/>
      <c r="IP6" s="586"/>
      <c r="IQ6" s="586"/>
      <c r="IR6" s="586"/>
      <c r="IS6" s="586"/>
      <c r="IT6" s="586"/>
      <c r="IU6" s="596"/>
      <c r="IV6" s="595"/>
      <c r="IW6" s="586"/>
      <c r="IX6" s="586"/>
      <c r="IY6" s="586"/>
      <c r="IZ6" s="586"/>
      <c r="JA6" s="586"/>
      <c r="JB6" s="586"/>
      <c r="JC6" s="586"/>
      <c r="JD6" s="586"/>
      <c r="JE6" s="586"/>
      <c r="JF6" s="596"/>
      <c r="JG6" s="627"/>
      <c r="JH6" s="628"/>
      <c r="JI6" s="628"/>
      <c r="JJ6" s="628"/>
      <c r="JK6" s="628"/>
      <c r="JL6" s="628"/>
      <c r="JM6" s="628"/>
      <c r="JN6" s="628"/>
      <c r="JO6" s="628"/>
      <c r="JP6" s="628"/>
      <c r="JQ6" s="629"/>
      <c r="JR6" s="595"/>
      <c r="JS6" s="586"/>
      <c r="JT6" s="586"/>
      <c r="JU6" s="586"/>
      <c r="JV6" s="586"/>
      <c r="JW6" s="586"/>
      <c r="JX6" s="586"/>
      <c r="JY6" s="586"/>
      <c r="JZ6" s="586"/>
      <c r="KA6" s="586"/>
      <c r="KB6" s="596"/>
      <c r="KC6" s="595"/>
      <c r="KD6" s="586"/>
      <c r="KE6" s="586"/>
      <c r="KF6" s="586"/>
      <c r="KG6" s="586"/>
      <c r="KH6" s="586"/>
      <c r="KI6" s="586"/>
      <c r="KJ6" s="586"/>
      <c r="KK6" s="586"/>
      <c r="KL6" s="586"/>
      <c r="KM6" s="596"/>
      <c r="KN6" s="595"/>
      <c r="KO6" s="586"/>
      <c r="KP6" s="586"/>
      <c r="KQ6" s="586"/>
      <c r="KR6" s="586"/>
      <c r="KS6" s="586"/>
      <c r="KT6" s="586"/>
      <c r="KU6" s="586"/>
      <c r="KV6" s="586"/>
      <c r="KW6" s="586"/>
      <c r="KX6" s="596"/>
      <c r="KY6" s="595"/>
      <c r="KZ6" s="586"/>
      <c r="LA6" s="586"/>
      <c r="LB6" s="586"/>
      <c r="LC6" s="586"/>
      <c r="LD6" s="586"/>
      <c r="LE6" s="586"/>
      <c r="LF6" s="586"/>
      <c r="LG6" s="586"/>
      <c r="LH6" s="586"/>
      <c r="LI6" s="596"/>
      <c r="LJ6" s="621"/>
      <c r="LK6" s="622"/>
      <c r="LL6" s="622"/>
      <c r="LM6" s="622"/>
      <c r="LN6" s="622"/>
      <c r="LO6" s="622"/>
      <c r="LP6" s="622"/>
      <c r="LQ6" s="622"/>
      <c r="LR6" s="622"/>
      <c r="LS6" s="622"/>
      <c r="LT6" s="623"/>
      <c r="LU6" s="636"/>
      <c r="LV6" s="637"/>
      <c r="LW6" s="637"/>
      <c r="LX6" s="637"/>
      <c r="LY6" s="637"/>
      <c r="LZ6" s="637"/>
      <c r="MA6" s="637"/>
      <c r="MB6" s="637"/>
      <c r="MC6" s="637"/>
      <c r="MD6" s="637"/>
      <c r="ME6" s="638"/>
      <c r="MF6" s="621"/>
      <c r="MG6" s="622"/>
      <c r="MH6" s="622"/>
      <c r="MI6" s="622"/>
      <c r="MJ6" s="622"/>
      <c r="MK6" s="622"/>
      <c r="ML6" s="622"/>
      <c r="MM6" s="622"/>
      <c r="MN6" s="622"/>
      <c r="MO6" s="622"/>
      <c r="MP6" s="623"/>
      <c r="MQ6" s="595"/>
      <c r="MR6" s="586"/>
      <c r="MS6" s="586"/>
      <c r="MT6" s="586"/>
      <c r="MU6" s="586"/>
      <c r="MV6" s="586"/>
      <c r="MW6" s="586"/>
      <c r="MX6" s="586"/>
      <c r="MY6" s="586"/>
      <c r="MZ6" s="586"/>
      <c r="NA6" s="596"/>
      <c r="NB6" s="595"/>
      <c r="NC6" s="586"/>
      <c r="ND6" s="586"/>
      <c r="NE6" s="586"/>
      <c r="NF6" s="586"/>
      <c r="NG6" s="586"/>
      <c r="NH6" s="586"/>
      <c r="NI6" s="586"/>
      <c r="NJ6" s="586"/>
      <c r="NK6" s="586"/>
      <c r="NL6" s="596"/>
      <c r="NM6" s="595"/>
      <c r="NN6" s="586"/>
      <c r="NO6" s="586"/>
      <c r="NP6" s="586"/>
      <c r="NQ6" s="586"/>
      <c r="NR6" s="586"/>
      <c r="NS6" s="586"/>
      <c r="NT6" s="586"/>
      <c r="NU6" s="586"/>
      <c r="NV6" s="586"/>
      <c r="NW6" s="596"/>
      <c r="NX6" s="646"/>
      <c r="NY6" s="647"/>
      <c r="NZ6" s="647"/>
      <c r="OA6" s="647"/>
      <c r="OB6" s="647"/>
      <c r="OC6" s="647"/>
      <c r="OD6" s="647"/>
      <c r="OE6" s="647"/>
      <c r="OF6" s="647"/>
      <c r="OG6" s="647"/>
      <c r="OH6" s="648"/>
      <c r="OI6" s="595"/>
      <c r="OJ6" s="586"/>
      <c r="OK6" s="586"/>
      <c r="OL6" s="586"/>
      <c r="OM6" s="586"/>
      <c r="ON6" s="586"/>
      <c r="OO6" s="586"/>
      <c r="OP6" s="586"/>
      <c r="OQ6" s="586"/>
      <c r="OR6" s="586"/>
      <c r="OS6" s="596"/>
    </row>
    <row r="7" spans="1:409" ht="21" customHeight="1" x14ac:dyDescent="0.2">
      <c r="B7" s="656"/>
      <c r="C7" s="577" t="s">
        <v>61</v>
      </c>
      <c r="D7" s="577"/>
      <c r="E7" s="577"/>
      <c r="F7" s="576" t="s">
        <v>62</v>
      </c>
      <c r="G7" s="577"/>
      <c r="H7" s="577"/>
      <c r="I7" s="577"/>
      <c r="J7" s="577"/>
      <c r="K7" s="577"/>
      <c r="L7" s="577"/>
      <c r="M7" s="576" t="s">
        <v>52</v>
      </c>
      <c r="N7" s="671" t="s">
        <v>61</v>
      </c>
      <c r="O7" s="577"/>
      <c r="P7" s="577"/>
      <c r="Q7" s="576" t="s">
        <v>62</v>
      </c>
      <c r="R7" s="577"/>
      <c r="S7" s="577"/>
      <c r="T7" s="577"/>
      <c r="U7" s="577"/>
      <c r="V7" s="577"/>
      <c r="W7" s="578"/>
      <c r="X7" s="612" t="s">
        <v>52</v>
      </c>
      <c r="Y7" s="595" t="s">
        <v>61</v>
      </c>
      <c r="Z7" s="586"/>
      <c r="AA7" s="587"/>
      <c r="AB7" s="585" t="s">
        <v>62</v>
      </c>
      <c r="AC7" s="586"/>
      <c r="AD7" s="586"/>
      <c r="AE7" s="586"/>
      <c r="AF7" s="586"/>
      <c r="AG7" s="586"/>
      <c r="AH7" s="587"/>
      <c r="AI7" s="596" t="s">
        <v>52</v>
      </c>
      <c r="AJ7" s="573" t="s">
        <v>61</v>
      </c>
      <c r="AK7" s="574"/>
      <c r="AL7" s="575"/>
      <c r="AM7" s="610" t="s">
        <v>62</v>
      </c>
      <c r="AN7" s="574"/>
      <c r="AO7" s="574"/>
      <c r="AP7" s="574"/>
      <c r="AQ7" s="574"/>
      <c r="AR7" s="574"/>
      <c r="AS7" s="611"/>
      <c r="AT7" s="672" t="s">
        <v>52</v>
      </c>
      <c r="AU7" s="590" t="s">
        <v>61</v>
      </c>
      <c r="AV7" s="583"/>
      <c r="AW7" s="584"/>
      <c r="AX7" s="613" t="s">
        <v>62</v>
      </c>
      <c r="AY7" s="583"/>
      <c r="AZ7" s="583"/>
      <c r="BA7" s="583"/>
      <c r="BB7" s="583"/>
      <c r="BC7" s="583"/>
      <c r="BD7" s="614"/>
      <c r="BE7" s="596" t="s">
        <v>52</v>
      </c>
      <c r="BF7" s="590" t="s">
        <v>61</v>
      </c>
      <c r="BG7" s="583"/>
      <c r="BH7" s="584"/>
      <c r="BI7" s="613" t="s">
        <v>62</v>
      </c>
      <c r="BJ7" s="583"/>
      <c r="BK7" s="583"/>
      <c r="BL7" s="583"/>
      <c r="BM7" s="583"/>
      <c r="BN7" s="583"/>
      <c r="BO7" s="614"/>
      <c r="BP7" s="596" t="s">
        <v>52</v>
      </c>
      <c r="BQ7" s="590" t="s">
        <v>61</v>
      </c>
      <c r="BR7" s="583"/>
      <c r="BS7" s="584"/>
      <c r="BT7" s="613" t="s">
        <v>62</v>
      </c>
      <c r="BU7" s="583"/>
      <c r="BV7" s="583"/>
      <c r="BW7" s="583"/>
      <c r="BX7" s="583"/>
      <c r="BY7" s="583"/>
      <c r="BZ7" s="614"/>
      <c r="CA7" s="596" t="s">
        <v>52</v>
      </c>
      <c r="CB7" s="573" t="s">
        <v>61</v>
      </c>
      <c r="CC7" s="574"/>
      <c r="CD7" s="575"/>
      <c r="CE7" s="610" t="s">
        <v>62</v>
      </c>
      <c r="CF7" s="574"/>
      <c r="CG7" s="574"/>
      <c r="CH7" s="574"/>
      <c r="CI7" s="574"/>
      <c r="CJ7" s="574"/>
      <c r="CK7" s="611"/>
      <c r="CL7" s="612" t="s">
        <v>52</v>
      </c>
      <c r="CM7" s="590" t="s">
        <v>61</v>
      </c>
      <c r="CN7" s="583"/>
      <c r="CO7" s="614"/>
      <c r="CP7" s="613" t="s">
        <v>62</v>
      </c>
      <c r="CQ7" s="583"/>
      <c r="CR7" s="583"/>
      <c r="CS7" s="583"/>
      <c r="CT7" s="583"/>
      <c r="CU7" s="583"/>
      <c r="CV7" s="614"/>
      <c r="CW7" s="608" t="s">
        <v>52</v>
      </c>
      <c r="CX7" s="590" t="s">
        <v>61</v>
      </c>
      <c r="CY7" s="583"/>
      <c r="CZ7" s="614"/>
      <c r="DA7" s="613" t="s">
        <v>62</v>
      </c>
      <c r="DB7" s="583"/>
      <c r="DC7" s="583"/>
      <c r="DD7" s="583"/>
      <c r="DE7" s="583"/>
      <c r="DF7" s="583"/>
      <c r="DG7" s="614"/>
      <c r="DH7" s="608" t="s">
        <v>52</v>
      </c>
      <c r="DI7" s="573" t="s">
        <v>61</v>
      </c>
      <c r="DJ7" s="574"/>
      <c r="DK7" s="611"/>
      <c r="DL7" s="610" t="s">
        <v>62</v>
      </c>
      <c r="DM7" s="574"/>
      <c r="DN7" s="574"/>
      <c r="DO7" s="574"/>
      <c r="DP7" s="574"/>
      <c r="DQ7" s="574"/>
      <c r="DR7" s="611"/>
      <c r="DS7" s="612" t="s">
        <v>52</v>
      </c>
      <c r="DT7" s="590" t="s">
        <v>61</v>
      </c>
      <c r="DU7" s="583"/>
      <c r="DV7" s="584"/>
      <c r="DW7" s="613" t="s">
        <v>62</v>
      </c>
      <c r="DX7" s="583"/>
      <c r="DY7" s="583"/>
      <c r="DZ7" s="583"/>
      <c r="EA7" s="583"/>
      <c r="EB7" s="583"/>
      <c r="EC7" s="614"/>
      <c r="ED7" s="596" t="s">
        <v>52</v>
      </c>
      <c r="EE7" s="590" t="s">
        <v>61</v>
      </c>
      <c r="EF7" s="583"/>
      <c r="EG7" s="584"/>
      <c r="EH7" s="613" t="s">
        <v>62</v>
      </c>
      <c r="EI7" s="583"/>
      <c r="EJ7" s="583"/>
      <c r="EK7" s="583"/>
      <c r="EL7" s="583"/>
      <c r="EM7" s="583"/>
      <c r="EN7" s="614"/>
      <c r="EO7" s="596" t="s">
        <v>52</v>
      </c>
      <c r="EP7" s="590" t="s">
        <v>61</v>
      </c>
      <c r="EQ7" s="583"/>
      <c r="ER7" s="584"/>
      <c r="ES7" s="613" t="s">
        <v>62</v>
      </c>
      <c r="ET7" s="583"/>
      <c r="EU7" s="583"/>
      <c r="EV7" s="583"/>
      <c r="EW7" s="583"/>
      <c r="EX7" s="583"/>
      <c r="EY7" s="614"/>
      <c r="EZ7" s="596" t="s">
        <v>52</v>
      </c>
      <c r="FA7" s="590" t="s">
        <v>61</v>
      </c>
      <c r="FB7" s="583"/>
      <c r="FC7" s="584"/>
      <c r="FD7" s="613" t="s">
        <v>62</v>
      </c>
      <c r="FE7" s="583"/>
      <c r="FF7" s="583"/>
      <c r="FG7" s="583"/>
      <c r="FH7" s="583"/>
      <c r="FI7" s="583"/>
      <c r="FJ7" s="614"/>
      <c r="FK7" s="596" t="s">
        <v>52</v>
      </c>
      <c r="FL7" s="573" t="s">
        <v>61</v>
      </c>
      <c r="FM7" s="574"/>
      <c r="FN7" s="575"/>
      <c r="FO7" s="610" t="s">
        <v>62</v>
      </c>
      <c r="FP7" s="574"/>
      <c r="FQ7" s="574"/>
      <c r="FR7" s="574"/>
      <c r="FS7" s="574"/>
      <c r="FT7" s="574"/>
      <c r="FU7" s="611"/>
      <c r="FV7" s="577" t="s">
        <v>52</v>
      </c>
      <c r="FW7" s="590" t="s">
        <v>61</v>
      </c>
      <c r="FX7" s="583"/>
      <c r="FY7" s="584"/>
      <c r="FZ7" s="613" t="s">
        <v>62</v>
      </c>
      <c r="GA7" s="583"/>
      <c r="GB7" s="583"/>
      <c r="GC7" s="583"/>
      <c r="GD7" s="583"/>
      <c r="GE7" s="583"/>
      <c r="GF7" s="614"/>
      <c r="GG7" s="596" t="s">
        <v>52</v>
      </c>
      <c r="GH7" s="595" t="s">
        <v>61</v>
      </c>
      <c r="GI7" s="586"/>
      <c r="GJ7" s="586"/>
      <c r="GK7" s="585" t="s">
        <v>62</v>
      </c>
      <c r="GL7" s="586"/>
      <c r="GM7" s="586"/>
      <c r="GN7" s="586"/>
      <c r="GO7" s="586"/>
      <c r="GP7" s="586"/>
      <c r="GQ7" s="587"/>
      <c r="GR7" s="653" t="s">
        <v>52</v>
      </c>
      <c r="GS7" s="595" t="s">
        <v>61</v>
      </c>
      <c r="GT7" s="586"/>
      <c r="GU7" s="587"/>
      <c r="GV7" s="585" t="s">
        <v>62</v>
      </c>
      <c r="GW7" s="586"/>
      <c r="GX7" s="586"/>
      <c r="GY7" s="586"/>
      <c r="GZ7" s="586"/>
      <c r="HA7" s="586"/>
      <c r="HB7" s="587"/>
      <c r="HC7" s="653" t="s">
        <v>52</v>
      </c>
      <c r="HD7" s="590" t="s">
        <v>61</v>
      </c>
      <c r="HE7" s="583"/>
      <c r="HF7" s="584"/>
      <c r="HG7" s="613" t="s">
        <v>62</v>
      </c>
      <c r="HH7" s="583"/>
      <c r="HI7" s="583"/>
      <c r="HJ7" s="583"/>
      <c r="HK7" s="583"/>
      <c r="HL7" s="583"/>
      <c r="HM7" s="614"/>
      <c r="HN7" s="596" t="s">
        <v>52</v>
      </c>
      <c r="HO7" s="590" t="s">
        <v>61</v>
      </c>
      <c r="HP7" s="583"/>
      <c r="HQ7" s="584"/>
      <c r="HR7" s="613" t="s">
        <v>62</v>
      </c>
      <c r="HS7" s="583"/>
      <c r="HT7" s="583"/>
      <c r="HU7" s="583"/>
      <c r="HV7" s="583"/>
      <c r="HW7" s="583"/>
      <c r="HX7" s="614"/>
      <c r="HY7" s="596" t="s">
        <v>52</v>
      </c>
      <c r="HZ7" s="573" t="s">
        <v>61</v>
      </c>
      <c r="IA7" s="574"/>
      <c r="IB7" s="575"/>
      <c r="IC7" s="610" t="s">
        <v>62</v>
      </c>
      <c r="ID7" s="574"/>
      <c r="IE7" s="574"/>
      <c r="IF7" s="574"/>
      <c r="IG7" s="574"/>
      <c r="IH7" s="574"/>
      <c r="II7" s="611"/>
      <c r="IJ7" s="577" t="s">
        <v>52</v>
      </c>
      <c r="IK7" s="590" t="s">
        <v>61</v>
      </c>
      <c r="IL7" s="583"/>
      <c r="IM7" s="584"/>
      <c r="IN7" s="613" t="s">
        <v>62</v>
      </c>
      <c r="IO7" s="583"/>
      <c r="IP7" s="583"/>
      <c r="IQ7" s="583"/>
      <c r="IR7" s="583"/>
      <c r="IS7" s="583"/>
      <c r="IT7" s="614"/>
      <c r="IU7" s="596" t="s">
        <v>52</v>
      </c>
      <c r="IV7" s="590" t="s">
        <v>61</v>
      </c>
      <c r="IW7" s="583"/>
      <c r="IX7" s="614"/>
      <c r="IY7" s="613" t="s">
        <v>62</v>
      </c>
      <c r="IZ7" s="583"/>
      <c r="JA7" s="583"/>
      <c r="JB7" s="583"/>
      <c r="JC7" s="583"/>
      <c r="JD7" s="583"/>
      <c r="JE7" s="614"/>
      <c r="JF7" s="596" t="s">
        <v>52</v>
      </c>
      <c r="JG7" s="590" t="s">
        <v>61</v>
      </c>
      <c r="JH7" s="583"/>
      <c r="JI7" s="584"/>
      <c r="JJ7" s="613" t="s">
        <v>62</v>
      </c>
      <c r="JK7" s="583"/>
      <c r="JL7" s="583"/>
      <c r="JM7" s="583"/>
      <c r="JN7" s="583"/>
      <c r="JO7" s="583"/>
      <c r="JP7" s="614"/>
      <c r="JQ7" s="608" t="s">
        <v>52</v>
      </c>
      <c r="JR7" s="590" t="s">
        <v>61</v>
      </c>
      <c r="JS7" s="583"/>
      <c r="JT7" s="584"/>
      <c r="JU7" s="613" t="s">
        <v>62</v>
      </c>
      <c r="JV7" s="583"/>
      <c r="JW7" s="583"/>
      <c r="JX7" s="583"/>
      <c r="JY7" s="583"/>
      <c r="JZ7" s="583"/>
      <c r="KA7" s="614"/>
      <c r="KB7" s="608" t="s">
        <v>52</v>
      </c>
      <c r="KC7" s="590" t="s">
        <v>61</v>
      </c>
      <c r="KD7" s="583"/>
      <c r="KE7" s="584"/>
      <c r="KF7" s="613" t="s">
        <v>62</v>
      </c>
      <c r="KG7" s="583"/>
      <c r="KH7" s="583"/>
      <c r="KI7" s="583"/>
      <c r="KJ7" s="583"/>
      <c r="KK7" s="583"/>
      <c r="KL7" s="614"/>
      <c r="KM7" s="608" t="s">
        <v>52</v>
      </c>
      <c r="KN7" s="590" t="s">
        <v>61</v>
      </c>
      <c r="KO7" s="583"/>
      <c r="KP7" s="584"/>
      <c r="KQ7" s="613" t="s">
        <v>62</v>
      </c>
      <c r="KR7" s="583"/>
      <c r="KS7" s="583"/>
      <c r="KT7" s="583"/>
      <c r="KU7" s="583"/>
      <c r="KV7" s="583"/>
      <c r="KW7" s="614"/>
      <c r="KX7" s="608" t="s">
        <v>52</v>
      </c>
      <c r="KY7" s="590" t="s">
        <v>61</v>
      </c>
      <c r="KZ7" s="583"/>
      <c r="LA7" s="584"/>
      <c r="LB7" s="613" t="s">
        <v>62</v>
      </c>
      <c r="LC7" s="583"/>
      <c r="LD7" s="583"/>
      <c r="LE7" s="583"/>
      <c r="LF7" s="583"/>
      <c r="LG7" s="583"/>
      <c r="LH7" s="614"/>
      <c r="LI7" s="608" t="s">
        <v>52</v>
      </c>
      <c r="LJ7" s="590" t="s">
        <v>61</v>
      </c>
      <c r="LK7" s="583"/>
      <c r="LL7" s="584"/>
      <c r="LM7" s="613" t="s">
        <v>62</v>
      </c>
      <c r="LN7" s="583"/>
      <c r="LO7" s="583"/>
      <c r="LP7" s="583"/>
      <c r="LQ7" s="583"/>
      <c r="LR7" s="583"/>
      <c r="LS7" s="614"/>
      <c r="LT7" s="608" t="s">
        <v>52</v>
      </c>
      <c r="LU7" s="590" t="s">
        <v>61</v>
      </c>
      <c r="LV7" s="583"/>
      <c r="LW7" s="584"/>
      <c r="LX7" s="613" t="s">
        <v>62</v>
      </c>
      <c r="LY7" s="583"/>
      <c r="LZ7" s="583"/>
      <c r="MA7" s="583"/>
      <c r="MB7" s="583"/>
      <c r="MC7" s="583"/>
      <c r="MD7" s="614"/>
      <c r="ME7" s="608" t="s">
        <v>52</v>
      </c>
      <c r="MF7" s="573" t="s">
        <v>61</v>
      </c>
      <c r="MG7" s="574"/>
      <c r="MH7" s="575"/>
      <c r="MI7" s="610" t="s">
        <v>62</v>
      </c>
      <c r="MJ7" s="574"/>
      <c r="MK7" s="574"/>
      <c r="ML7" s="574"/>
      <c r="MM7" s="574"/>
      <c r="MN7" s="574"/>
      <c r="MO7" s="611"/>
      <c r="MP7" s="612" t="s">
        <v>52</v>
      </c>
      <c r="MQ7" s="590" t="s">
        <v>61</v>
      </c>
      <c r="MR7" s="583"/>
      <c r="MS7" s="584"/>
      <c r="MT7" s="613" t="s">
        <v>62</v>
      </c>
      <c r="MU7" s="583"/>
      <c r="MV7" s="583"/>
      <c r="MW7" s="583"/>
      <c r="MX7" s="583"/>
      <c r="MY7" s="583"/>
      <c r="MZ7" s="614"/>
      <c r="NA7" s="608" t="s">
        <v>52</v>
      </c>
      <c r="NB7" s="590" t="s">
        <v>61</v>
      </c>
      <c r="NC7" s="583"/>
      <c r="ND7" s="584"/>
      <c r="NE7" s="613" t="s">
        <v>62</v>
      </c>
      <c r="NF7" s="583"/>
      <c r="NG7" s="583"/>
      <c r="NH7" s="583"/>
      <c r="NI7" s="583"/>
      <c r="NJ7" s="583"/>
      <c r="NK7" s="614"/>
      <c r="NL7" s="608" t="s">
        <v>52</v>
      </c>
      <c r="NM7" s="590" t="s">
        <v>61</v>
      </c>
      <c r="NN7" s="583"/>
      <c r="NO7" s="584"/>
      <c r="NP7" s="613" t="s">
        <v>62</v>
      </c>
      <c r="NQ7" s="583"/>
      <c r="NR7" s="583"/>
      <c r="NS7" s="583"/>
      <c r="NT7" s="583"/>
      <c r="NU7" s="583"/>
      <c r="NV7" s="614"/>
      <c r="NW7" s="608" t="s">
        <v>52</v>
      </c>
      <c r="NX7" s="590" t="s">
        <v>61</v>
      </c>
      <c r="NY7" s="583"/>
      <c r="NZ7" s="584"/>
      <c r="OA7" s="613" t="s">
        <v>62</v>
      </c>
      <c r="OB7" s="583"/>
      <c r="OC7" s="583"/>
      <c r="OD7" s="583"/>
      <c r="OE7" s="583"/>
      <c r="OF7" s="583"/>
      <c r="OG7" s="614"/>
      <c r="OH7" s="608" t="s">
        <v>52</v>
      </c>
      <c r="OI7" s="573" t="s">
        <v>61</v>
      </c>
      <c r="OJ7" s="574"/>
      <c r="OK7" s="575"/>
      <c r="OL7" s="610" t="s">
        <v>62</v>
      </c>
      <c r="OM7" s="574"/>
      <c r="ON7" s="574"/>
      <c r="OO7" s="574"/>
      <c r="OP7" s="574"/>
      <c r="OQ7" s="574"/>
      <c r="OR7" s="611"/>
      <c r="OS7" s="612" t="s">
        <v>52</v>
      </c>
    </row>
    <row r="8" spans="1:409" ht="30" customHeight="1" thickBot="1" x14ac:dyDescent="0.25">
      <c r="B8" s="657"/>
      <c r="C8" s="65" t="s">
        <v>43</v>
      </c>
      <c r="D8" s="16" t="s">
        <v>44</v>
      </c>
      <c r="E8" s="41" t="s">
        <v>45</v>
      </c>
      <c r="F8" s="42" t="s">
        <v>83</v>
      </c>
      <c r="G8" s="16" t="s">
        <v>47</v>
      </c>
      <c r="H8" s="16" t="s">
        <v>48</v>
      </c>
      <c r="I8" s="16" t="s">
        <v>49</v>
      </c>
      <c r="J8" s="16" t="s">
        <v>50</v>
      </c>
      <c r="K8" s="16" t="s">
        <v>51</v>
      </c>
      <c r="L8" s="17" t="s">
        <v>45</v>
      </c>
      <c r="M8" s="670"/>
      <c r="N8" s="40" t="s">
        <v>43</v>
      </c>
      <c r="O8" s="16" t="s">
        <v>44</v>
      </c>
      <c r="P8" s="17" t="s">
        <v>45</v>
      </c>
      <c r="Q8" s="42" t="s">
        <v>83</v>
      </c>
      <c r="R8" s="16" t="s">
        <v>47</v>
      </c>
      <c r="S8" s="16" t="s">
        <v>48</v>
      </c>
      <c r="T8" s="16" t="s">
        <v>49</v>
      </c>
      <c r="U8" s="16" t="s">
        <v>50</v>
      </c>
      <c r="V8" s="16" t="s">
        <v>51</v>
      </c>
      <c r="W8" s="17" t="s">
        <v>45</v>
      </c>
      <c r="X8" s="651"/>
      <c r="Y8" s="40" t="s">
        <v>43</v>
      </c>
      <c r="Z8" s="16" t="s">
        <v>44</v>
      </c>
      <c r="AA8" s="17" t="s">
        <v>45</v>
      </c>
      <c r="AB8" s="42" t="s">
        <v>83</v>
      </c>
      <c r="AC8" s="16" t="s">
        <v>47</v>
      </c>
      <c r="AD8" s="16" t="s">
        <v>48</v>
      </c>
      <c r="AE8" s="16" t="s">
        <v>49</v>
      </c>
      <c r="AF8" s="16" t="s">
        <v>50</v>
      </c>
      <c r="AG8" s="16" t="s">
        <v>51</v>
      </c>
      <c r="AH8" s="17" t="s">
        <v>45</v>
      </c>
      <c r="AI8" s="652"/>
      <c r="AJ8" s="40" t="s">
        <v>43</v>
      </c>
      <c r="AK8" s="16" t="s">
        <v>44</v>
      </c>
      <c r="AL8" s="41" t="s">
        <v>45</v>
      </c>
      <c r="AM8" s="42" t="s">
        <v>83</v>
      </c>
      <c r="AN8" s="16" t="s">
        <v>47</v>
      </c>
      <c r="AO8" s="16" t="s">
        <v>48</v>
      </c>
      <c r="AP8" s="16" t="s">
        <v>49</v>
      </c>
      <c r="AQ8" s="16" t="s">
        <v>50</v>
      </c>
      <c r="AR8" s="16" t="s">
        <v>51</v>
      </c>
      <c r="AS8" s="17" t="s">
        <v>45</v>
      </c>
      <c r="AT8" s="652"/>
      <c r="AU8" s="40" t="s">
        <v>43</v>
      </c>
      <c r="AV8" s="16" t="s">
        <v>44</v>
      </c>
      <c r="AW8" s="41" t="s">
        <v>45</v>
      </c>
      <c r="AX8" s="42" t="s">
        <v>83</v>
      </c>
      <c r="AY8" s="16" t="s">
        <v>47</v>
      </c>
      <c r="AZ8" s="16" t="s">
        <v>48</v>
      </c>
      <c r="BA8" s="16" t="s">
        <v>49</v>
      </c>
      <c r="BB8" s="16" t="s">
        <v>50</v>
      </c>
      <c r="BC8" s="16" t="s">
        <v>51</v>
      </c>
      <c r="BD8" s="17" t="s">
        <v>45</v>
      </c>
      <c r="BE8" s="652"/>
      <c r="BF8" s="61" t="s">
        <v>43</v>
      </c>
      <c r="BG8" s="16" t="s">
        <v>44</v>
      </c>
      <c r="BH8" s="41" t="s">
        <v>45</v>
      </c>
      <c r="BI8" s="42" t="s">
        <v>83</v>
      </c>
      <c r="BJ8" s="16" t="s">
        <v>47</v>
      </c>
      <c r="BK8" s="16" t="s">
        <v>48</v>
      </c>
      <c r="BL8" s="16" t="s">
        <v>49</v>
      </c>
      <c r="BM8" s="16" t="s">
        <v>50</v>
      </c>
      <c r="BN8" s="16" t="s">
        <v>51</v>
      </c>
      <c r="BO8" s="17" t="s">
        <v>45</v>
      </c>
      <c r="BP8" s="652"/>
      <c r="BQ8" s="40" t="s">
        <v>43</v>
      </c>
      <c r="BR8" s="16" t="s">
        <v>44</v>
      </c>
      <c r="BS8" s="41" t="s">
        <v>45</v>
      </c>
      <c r="BT8" s="42" t="s">
        <v>83</v>
      </c>
      <c r="BU8" s="16" t="s">
        <v>47</v>
      </c>
      <c r="BV8" s="16" t="s">
        <v>48</v>
      </c>
      <c r="BW8" s="16" t="s">
        <v>49</v>
      </c>
      <c r="BX8" s="16" t="s">
        <v>50</v>
      </c>
      <c r="BY8" s="16" t="s">
        <v>51</v>
      </c>
      <c r="BZ8" s="17" t="s">
        <v>45</v>
      </c>
      <c r="CA8" s="652"/>
      <c r="CB8" s="40" t="s">
        <v>43</v>
      </c>
      <c r="CC8" s="16" t="s">
        <v>44</v>
      </c>
      <c r="CD8" s="41" t="s">
        <v>45</v>
      </c>
      <c r="CE8" s="42" t="s">
        <v>83</v>
      </c>
      <c r="CF8" s="16" t="s">
        <v>47</v>
      </c>
      <c r="CG8" s="16" t="s">
        <v>48</v>
      </c>
      <c r="CH8" s="16" t="s">
        <v>49</v>
      </c>
      <c r="CI8" s="16" t="s">
        <v>50</v>
      </c>
      <c r="CJ8" s="16" t="s">
        <v>51</v>
      </c>
      <c r="CK8" s="17" t="s">
        <v>45</v>
      </c>
      <c r="CL8" s="651"/>
      <c r="CM8" s="40" t="s">
        <v>43</v>
      </c>
      <c r="CN8" s="16" t="s">
        <v>44</v>
      </c>
      <c r="CO8" s="17" t="s">
        <v>45</v>
      </c>
      <c r="CP8" s="42" t="s">
        <v>83</v>
      </c>
      <c r="CQ8" s="16" t="s">
        <v>47</v>
      </c>
      <c r="CR8" s="16" t="s">
        <v>48</v>
      </c>
      <c r="CS8" s="16" t="s">
        <v>49</v>
      </c>
      <c r="CT8" s="16" t="s">
        <v>50</v>
      </c>
      <c r="CU8" s="16" t="s">
        <v>51</v>
      </c>
      <c r="CV8" s="17" t="s">
        <v>45</v>
      </c>
      <c r="CW8" s="651"/>
      <c r="CX8" s="40" t="s">
        <v>43</v>
      </c>
      <c r="CY8" s="16" t="s">
        <v>44</v>
      </c>
      <c r="CZ8" s="17" t="s">
        <v>45</v>
      </c>
      <c r="DA8" s="42" t="s">
        <v>83</v>
      </c>
      <c r="DB8" s="16" t="s">
        <v>47</v>
      </c>
      <c r="DC8" s="16" t="s">
        <v>48</v>
      </c>
      <c r="DD8" s="16" t="s">
        <v>49</v>
      </c>
      <c r="DE8" s="16" t="s">
        <v>50</v>
      </c>
      <c r="DF8" s="16" t="s">
        <v>51</v>
      </c>
      <c r="DG8" s="17" t="s">
        <v>45</v>
      </c>
      <c r="DH8" s="651"/>
      <c r="DI8" s="40" t="s">
        <v>43</v>
      </c>
      <c r="DJ8" s="16" t="s">
        <v>44</v>
      </c>
      <c r="DK8" s="17" t="s">
        <v>45</v>
      </c>
      <c r="DL8" s="42" t="s">
        <v>83</v>
      </c>
      <c r="DM8" s="16" t="s">
        <v>47</v>
      </c>
      <c r="DN8" s="16" t="s">
        <v>48</v>
      </c>
      <c r="DO8" s="16" t="s">
        <v>49</v>
      </c>
      <c r="DP8" s="16" t="s">
        <v>50</v>
      </c>
      <c r="DQ8" s="16" t="s">
        <v>51</v>
      </c>
      <c r="DR8" s="17" t="s">
        <v>45</v>
      </c>
      <c r="DS8" s="651"/>
      <c r="DT8" s="40" t="s">
        <v>43</v>
      </c>
      <c r="DU8" s="16" t="s">
        <v>44</v>
      </c>
      <c r="DV8" s="41" t="s">
        <v>45</v>
      </c>
      <c r="DW8" s="42" t="s">
        <v>83</v>
      </c>
      <c r="DX8" s="16" t="s">
        <v>47</v>
      </c>
      <c r="DY8" s="16" t="s">
        <v>48</v>
      </c>
      <c r="DZ8" s="16" t="s">
        <v>49</v>
      </c>
      <c r="EA8" s="16" t="s">
        <v>50</v>
      </c>
      <c r="EB8" s="16" t="s">
        <v>51</v>
      </c>
      <c r="EC8" s="17" t="s">
        <v>45</v>
      </c>
      <c r="ED8" s="652"/>
      <c r="EE8" s="40" t="s">
        <v>43</v>
      </c>
      <c r="EF8" s="16" t="s">
        <v>44</v>
      </c>
      <c r="EG8" s="41" t="s">
        <v>45</v>
      </c>
      <c r="EH8" s="42" t="s">
        <v>83</v>
      </c>
      <c r="EI8" s="16" t="s">
        <v>47</v>
      </c>
      <c r="EJ8" s="16" t="s">
        <v>48</v>
      </c>
      <c r="EK8" s="16" t="s">
        <v>49</v>
      </c>
      <c r="EL8" s="16" t="s">
        <v>50</v>
      </c>
      <c r="EM8" s="16" t="s">
        <v>51</v>
      </c>
      <c r="EN8" s="17" t="s">
        <v>45</v>
      </c>
      <c r="EO8" s="652"/>
      <c r="EP8" s="40" t="s">
        <v>43</v>
      </c>
      <c r="EQ8" s="16" t="s">
        <v>44</v>
      </c>
      <c r="ER8" s="41" t="s">
        <v>45</v>
      </c>
      <c r="ES8" s="42" t="s">
        <v>83</v>
      </c>
      <c r="ET8" s="16" t="s">
        <v>47</v>
      </c>
      <c r="EU8" s="16" t="s">
        <v>48</v>
      </c>
      <c r="EV8" s="16" t="s">
        <v>49</v>
      </c>
      <c r="EW8" s="16" t="s">
        <v>50</v>
      </c>
      <c r="EX8" s="16" t="s">
        <v>51</v>
      </c>
      <c r="EY8" s="17" t="s">
        <v>45</v>
      </c>
      <c r="EZ8" s="652"/>
      <c r="FA8" s="40" t="s">
        <v>43</v>
      </c>
      <c r="FB8" s="16" t="s">
        <v>44</v>
      </c>
      <c r="FC8" s="41" t="s">
        <v>45</v>
      </c>
      <c r="FD8" s="42" t="s">
        <v>83</v>
      </c>
      <c r="FE8" s="16" t="s">
        <v>47</v>
      </c>
      <c r="FF8" s="16" t="s">
        <v>48</v>
      </c>
      <c r="FG8" s="16" t="s">
        <v>49</v>
      </c>
      <c r="FH8" s="16" t="s">
        <v>50</v>
      </c>
      <c r="FI8" s="16" t="s">
        <v>51</v>
      </c>
      <c r="FJ8" s="17" t="s">
        <v>45</v>
      </c>
      <c r="FK8" s="652"/>
      <c r="FL8" s="40" t="s">
        <v>43</v>
      </c>
      <c r="FM8" s="16" t="s">
        <v>44</v>
      </c>
      <c r="FN8" s="41" t="s">
        <v>45</v>
      </c>
      <c r="FO8" s="42" t="s">
        <v>83</v>
      </c>
      <c r="FP8" s="16" t="s">
        <v>47</v>
      </c>
      <c r="FQ8" s="16" t="s">
        <v>48</v>
      </c>
      <c r="FR8" s="16" t="s">
        <v>49</v>
      </c>
      <c r="FS8" s="16" t="s">
        <v>50</v>
      </c>
      <c r="FT8" s="16" t="s">
        <v>51</v>
      </c>
      <c r="FU8" s="17" t="s">
        <v>45</v>
      </c>
      <c r="FV8" s="650"/>
      <c r="FW8" s="40" t="s">
        <v>43</v>
      </c>
      <c r="FX8" s="16" t="s">
        <v>44</v>
      </c>
      <c r="FY8" s="41" t="s">
        <v>45</v>
      </c>
      <c r="FZ8" s="42" t="s">
        <v>83</v>
      </c>
      <c r="GA8" s="16" t="s">
        <v>47</v>
      </c>
      <c r="GB8" s="16" t="s">
        <v>48</v>
      </c>
      <c r="GC8" s="16" t="s">
        <v>49</v>
      </c>
      <c r="GD8" s="16" t="s">
        <v>50</v>
      </c>
      <c r="GE8" s="16" t="s">
        <v>51</v>
      </c>
      <c r="GF8" s="17" t="s">
        <v>45</v>
      </c>
      <c r="GG8" s="652"/>
      <c r="GH8" s="40" t="s">
        <v>43</v>
      </c>
      <c r="GI8" s="16" t="s">
        <v>44</v>
      </c>
      <c r="GJ8" s="41" t="s">
        <v>45</v>
      </c>
      <c r="GK8" s="42" t="s">
        <v>83</v>
      </c>
      <c r="GL8" s="16" t="s">
        <v>47</v>
      </c>
      <c r="GM8" s="16" t="s">
        <v>48</v>
      </c>
      <c r="GN8" s="16" t="s">
        <v>49</v>
      </c>
      <c r="GO8" s="16" t="s">
        <v>50</v>
      </c>
      <c r="GP8" s="16" t="s">
        <v>51</v>
      </c>
      <c r="GQ8" s="17" t="s">
        <v>45</v>
      </c>
      <c r="GR8" s="654"/>
      <c r="GS8" s="40" t="s">
        <v>43</v>
      </c>
      <c r="GT8" s="16" t="s">
        <v>44</v>
      </c>
      <c r="GU8" s="41" t="s">
        <v>45</v>
      </c>
      <c r="GV8" s="42" t="s">
        <v>83</v>
      </c>
      <c r="GW8" s="16" t="s">
        <v>47</v>
      </c>
      <c r="GX8" s="16" t="s">
        <v>48</v>
      </c>
      <c r="GY8" s="16" t="s">
        <v>49</v>
      </c>
      <c r="GZ8" s="16" t="s">
        <v>50</v>
      </c>
      <c r="HA8" s="16" t="s">
        <v>51</v>
      </c>
      <c r="HB8" s="17" t="s">
        <v>45</v>
      </c>
      <c r="HC8" s="654"/>
      <c r="HD8" s="40" t="s">
        <v>43</v>
      </c>
      <c r="HE8" s="16" t="s">
        <v>44</v>
      </c>
      <c r="HF8" s="41" t="s">
        <v>45</v>
      </c>
      <c r="HG8" s="42" t="s">
        <v>83</v>
      </c>
      <c r="HH8" s="16" t="s">
        <v>47</v>
      </c>
      <c r="HI8" s="16" t="s">
        <v>48</v>
      </c>
      <c r="HJ8" s="16" t="s">
        <v>49</v>
      </c>
      <c r="HK8" s="16" t="s">
        <v>50</v>
      </c>
      <c r="HL8" s="16" t="s">
        <v>51</v>
      </c>
      <c r="HM8" s="17" t="s">
        <v>45</v>
      </c>
      <c r="HN8" s="652"/>
      <c r="HO8" s="40" t="s">
        <v>43</v>
      </c>
      <c r="HP8" s="16" t="s">
        <v>44</v>
      </c>
      <c r="HQ8" s="41" t="s">
        <v>45</v>
      </c>
      <c r="HR8" s="42" t="s">
        <v>83</v>
      </c>
      <c r="HS8" s="16" t="s">
        <v>47</v>
      </c>
      <c r="HT8" s="16" t="s">
        <v>48</v>
      </c>
      <c r="HU8" s="16" t="s">
        <v>49</v>
      </c>
      <c r="HV8" s="16" t="s">
        <v>50</v>
      </c>
      <c r="HW8" s="16" t="s">
        <v>51</v>
      </c>
      <c r="HX8" s="17" t="s">
        <v>45</v>
      </c>
      <c r="HY8" s="652"/>
      <c r="HZ8" s="366" t="s">
        <v>43</v>
      </c>
      <c r="IA8" s="367" t="s">
        <v>44</v>
      </c>
      <c r="IB8" s="41" t="s">
        <v>45</v>
      </c>
      <c r="IC8" s="42" t="s">
        <v>83</v>
      </c>
      <c r="ID8" s="367" t="s">
        <v>47</v>
      </c>
      <c r="IE8" s="367" t="s">
        <v>48</v>
      </c>
      <c r="IF8" s="367" t="s">
        <v>49</v>
      </c>
      <c r="IG8" s="367" t="s">
        <v>50</v>
      </c>
      <c r="IH8" s="367" t="s">
        <v>51</v>
      </c>
      <c r="II8" s="17" t="s">
        <v>45</v>
      </c>
      <c r="IJ8" s="650"/>
      <c r="IK8" s="366" t="s">
        <v>43</v>
      </c>
      <c r="IL8" s="367" t="s">
        <v>44</v>
      </c>
      <c r="IM8" s="41" t="s">
        <v>45</v>
      </c>
      <c r="IN8" s="42" t="s">
        <v>83</v>
      </c>
      <c r="IO8" s="59" t="s">
        <v>47</v>
      </c>
      <c r="IP8" s="59" t="s">
        <v>48</v>
      </c>
      <c r="IQ8" s="59" t="s">
        <v>49</v>
      </c>
      <c r="IR8" s="59" t="s">
        <v>50</v>
      </c>
      <c r="IS8" s="59" t="s">
        <v>51</v>
      </c>
      <c r="IT8" s="64" t="s">
        <v>45</v>
      </c>
      <c r="IU8" s="649"/>
      <c r="IV8" s="61" t="s">
        <v>43</v>
      </c>
      <c r="IW8" s="59" t="s">
        <v>44</v>
      </c>
      <c r="IX8" s="64" t="s">
        <v>45</v>
      </c>
      <c r="IY8" s="33" t="s">
        <v>83</v>
      </c>
      <c r="IZ8" s="59" t="s">
        <v>47</v>
      </c>
      <c r="JA8" s="59" t="s">
        <v>48</v>
      </c>
      <c r="JB8" s="59" t="s">
        <v>49</v>
      </c>
      <c r="JC8" s="59" t="s">
        <v>50</v>
      </c>
      <c r="JD8" s="59" t="s">
        <v>51</v>
      </c>
      <c r="JE8" s="64" t="s">
        <v>45</v>
      </c>
      <c r="JF8" s="649"/>
      <c r="JG8" s="61" t="s">
        <v>43</v>
      </c>
      <c r="JH8" s="59" t="s">
        <v>44</v>
      </c>
      <c r="JI8" s="60" t="s">
        <v>45</v>
      </c>
      <c r="JJ8" s="33" t="s">
        <v>83</v>
      </c>
      <c r="JK8" s="59" t="s">
        <v>47</v>
      </c>
      <c r="JL8" s="59" t="s">
        <v>48</v>
      </c>
      <c r="JM8" s="59" t="s">
        <v>49</v>
      </c>
      <c r="JN8" s="59" t="s">
        <v>50</v>
      </c>
      <c r="JO8" s="59" t="s">
        <v>51</v>
      </c>
      <c r="JP8" s="64" t="s">
        <v>45</v>
      </c>
      <c r="JQ8" s="609"/>
      <c r="JR8" s="61" t="s">
        <v>43</v>
      </c>
      <c r="JS8" s="59" t="s">
        <v>44</v>
      </c>
      <c r="JT8" s="60" t="s">
        <v>45</v>
      </c>
      <c r="JU8" s="33" t="s">
        <v>83</v>
      </c>
      <c r="JV8" s="59" t="s">
        <v>47</v>
      </c>
      <c r="JW8" s="59" t="s">
        <v>48</v>
      </c>
      <c r="JX8" s="59" t="s">
        <v>49</v>
      </c>
      <c r="JY8" s="59" t="s">
        <v>50</v>
      </c>
      <c r="JZ8" s="59" t="s">
        <v>51</v>
      </c>
      <c r="KA8" s="64" t="s">
        <v>45</v>
      </c>
      <c r="KB8" s="609"/>
      <c r="KC8" s="61" t="s">
        <v>43</v>
      </c>
      <c r="KD8" s="59" t="s">
        <v>44</v>
      </c>
      <c r="KE8" s="60" t="s">
        <v>45</v>
      </c>
      <c r="KF8" s="33" t="s">
        <v>83</v>
      </c>
      <c r="KG8" s="59" t="s">
        <v>47</v>
      </c>
      <c r="KH8" s="59" t="s">
        <v>48</v>
      </c>
      <c r="KI8" s="59" t="s">
        <v>49</v>
      </c>
      <c r="KJ8" s="59" t="s">
        <v>50</v>
      </c>
      <c r="KK8" s="59" t="s">
        <v>51</v>
      </c>
      <c r="KL8" s="64" t="s">
        <v>45</v>
      </c>
      <c r="KM8" s="609"/>
      <c r="KN8" s="61" t="s">
        <v>43</v>
      </c>
      <c r="KO8" s="59" t="s">
        <v>44</v>
      </c>
      <c r="KP8" s="60" t="s">
        <v>45</v>
      </c>
      <c r="KQ8" s="42" t="s">
        <v>83</v>
      </c>
      <c r="KR8" s="59" t="s">
        <v>47</v>
      </c>
      <c r="KS8" s="59" t="s">
        <v>48</v>
      </c>
      <c r="KT8" s="59" t="s">
        <v>49</v>
      </c>
      <c r="KU8" s="59" t="s">
        <v>50</v>
      </c>
      <c r="KV8" s="59" t="s">
        <v>51</v>
      </c>
      <c r="KW8" s="64" t="s">
        <v>45</v>
      </c>
      <c r="KX8" s="609"/>
      <c r="KY8" s="61" t="s">
        <v>43</v>
      </c>
      <c r="KZ8" s="59" t="s">
        <v>44</v>
      </c>
      <c r="LA8" s="60" t="s">
        <v>45</v>
      </c>
      <c r="LB8" s="42" t="s">
        <v>83</v>
      </c>
      <c r="LC8" s="59" t="s">
        <v>47</v>
      </c>
      <c r="LD8" s="59" t="s">
        <v>48</v>
      </c>
      <c r="LE8" s="59" t="s">
        <v>49</v>
      </c>
      <c r="LF8" s="59" t="s">
        <v>50</v>
      </c>
      <c r="LG8" s="59" t="s">
        <v>51</v>
      </c>
      <c r="LH8" s="64" t="s">
        <v>45</v>
      </c>
      <c r="LI8" s="609"/>
      <c r="LJ8" s="61" t="s">
        <v>43</v>
      </c>
      <c r="LK8" s="59" t="s">
        <v>44</v>
      </c>
      <c r="LL8" s="60" t="s">
        <v>45</v>
      </c>
      <c r="LM8" s="42" t="s">
        <v>83</v>
      </c>
      <c r="LN8" s="59" t="s">
        <v>47</v>
      </c>
      <c r="LO8" s="59" t="s">
        <v>48</v>
      </c>
      <c r="LP8" s="59" t="s">
        <v>49</v>
      </c>
      <c r="LQ8" s="59" t="s">
        <v>50</v>
      </c>
      <c r="LR8" s="59" t="s">
        <v>51</v>
      </c>
      <c r="LS8" s="64" t="s">
        <v>45</v>
      </c>
      <c r="LT8" s="609"/>
      <c r="LU8" s="61" t="s">
        <v>43</v>
      </c>
      <c r="LV8" s="59" t="s">
        <v>44</v>
      </c>
      <c r="LW8" s="60" t="s">
        <v>45</v>
      </c>
      <c r="LX8" s="42" t="s">
        <v>83</v>
      </c>
      <c r="LY8" s="59" t="s">
        <v>47</v>
      </c>
      <c r="LZ8" s="59" t="s">
        <v>48</v>
      </c>
      <c r="MA8" s="59" t="s">
        <v>49</v>
      </c>
      <c r="MB8" s="59" t="s">
        <v>50</v>
      </c>
      <c r="MC8" s="59" t="s">
        <v>51</v>
      </c>
      <c r="MD8" s="64" t="s">
        <v>45</v>
      </c>
      <c r="ME8" s="609"/>
      <c r="MF8" s="61" t="s">
        <v>43</v>
      </c>
      <c r="MG8" s="59" t="s">
        <v>44</v>
      </c>
      <c r="MH8" s="60" t="s">
        <v>45</v>
      </c>
      <c r="MI8" s="42" t="s">
        <v>83</v>
      </c>
      <c r="MJ8" s="59" t="s">
        <v>47</v>
      </c>
      <c r="MK8" s="59" t="s">
        <v>48</v>
      </c>
      <c r="ML8" s="59" t="s">
        <v>49</v>
      </c>
      <c r="MM8" s="59" t="s">
        <v>50</v>
      </c>
      <c r="MN8" s="59" t="s">
        <v>51</v>
      </c>
      <c r="MO8" s="64" t="s">
        <v>45</v>
      </c>
      <c r="MP8" s="609"/>
      <c r="MQ8" s="61" t="s">
        <v>43</v>
      </c>
      <c r="MR8" s="59" t="s">
        <v>44</v>
      </c>
      <c r="MS8" s="60" t="s">
        <v>45</v>
      </c>
      <c r="MT8" s="42" t="s">
        <v>83</v>
      </c>
      <c r="MU8" s="59" t="s">
        <v>47</v>
      </c>
      <c r="MV8" s="59" t="s">
        <v>48</v>
      </c>
      <c r="MW8" s="59" t="s">
        <v>49</v>
      </c>
      <c r="MX8" s="59" t="s">
        <v>50</v>
      </c>
      <c r="MY8" s="59" t="s">
        <v>51</v>
      </c>
      <c r="MZ8" s="64" t="s">
        <v>45</v>
      </c>
      <c r="NA8" s="609"/>
      <c r="NB8" s="61" t="s">
        <v>43</v>
      </c>
      <c r="NC8" s="59" t="s">
        <v>44</v>
      </c>
      <c r="ND8" s="60" t="s">
        <v>45</v>
      </c>
      <c r="NE8" s="42" t="s">
        <v>83</v>
      </c>
      <c r="NF8" s="59" t="s">
        <v>47</v>
      </c>
      <c r="NG8" s="59" t="s">
        <v>48</v>
      </c>
      <c r="NH8" s="59" t="s">
        <v>49</v>
      </c>
      <c r="NI8" s="59" t="s">
        <v>50</v>
      </c>
      <c r="NJ8" s="59" t="s">
        <v>51</v>
      </c>
      <c r="NK8" s="64" t="s">
        <v>45</v>
      </c>
      <c r="NL8" s="609"/>
      <c r="NM8" s="61" t="s">
        <v>43</v>
      </c>
      <c r="NN8" s="59" t="s">
        <v>44</v>
      </c>
      <c r="NO8" s="60" t="s">
        <v>45</v>
      </c>
      <c r="NP8" s="42" t="s">
        <v>83</v>
      </c>
      <c r="NQ8" s="59" t="s">
        <v>47</v>
      </c>
      <c r="NR8" s="59" t="s">
        <v>48</v>
      </c>
      <c r="NS8" s="59" t="s">
        <v>49</v>
      </c>
      <c r="NT8" s="59" t="s">
        <v>50</v>
      </c>
      <c r="NU8" s="59" t="s">
        <v>51</v>
      </c>
      <c r="NV8" s="64" t="s">
        <v>45</v>
      </c>
      <c r="NW8" s="609"/>
      <c r="NX8" s="61" t="s">
        <v>43</v>
      </c>
      <c r="NY8" s="59" t="s">
        <v>44</v>
      </c>
      <c r="NZ8" s="60" t="s">
        <v>45</v>
      </c>
      <c r="OA8" s="42" t="s">
        <v>83</v>
      </c>
      <c r="OB8" s="59" t="s">
        <v>47</v>
      </c>
      <c r="OC8" s="59" t="s">
        <v>48</v>
      </c>
      <c r="OD8" s="59" t="s">
        <v>49</v>
      </c>
      <c r="OE8" s="59" t="s">
        <v>50</v>
      </c>
      <c r="OF8" s="59" t="s">
        <v>51</v>
      </c>
      <c r="OG8" s="64" t="s">
        <v>45</v>
      </c>
      <c r="OH8" s="609"/>
      <c r="OI8" s="61" t="s">
        <v>43</v>
      </c>
      <c r="OJ8" s="59" t="s">
        <v>44</v>
      </c>
      <c r="OK8" s="60" t="s">
        <v>45</v>
      </c>
      <c r="OL8" s="33" t="s">
        <v>83</v>
      </c>
      <c r="OM8" s="59" t="s">
        <v>47</v>
      </c>
      <c r="ON8" s="59" t="s">
        <v>48</v>
      </c>
      <c r="OO8" s="59" t="s">
        <v>49</v>
      </c>
      <c r="OP8" s="59" t="s">
        <v>50</v>
      </c>
      <c r="OQ8" s="59" t="s">
        <v>51</v>
      </c>
      <c r="OR8" s="64" t="s">
        <v>45</v>
      </c>
      <c r="OS8" s="609"/>
    </row>
    <row r="9" spans="1:409" s="428" customFormat="1" ht="21" customHeight="1" x14ac:dyDescent="0.2">
      <c r="A9" s="44"/>
      <c r="B9" s="384" t="s">
        <v>4</v>
      </c>
      <c r="C9" s="385">
        <v>396087821</v>
      </c>
      <c r="D9" s="386">
        <v>826686610</v>
      </c>
      <c r="E9" s="387">
        <v>1222774431</v>
      </c>
      <c r="F9" s="388">
        <v>0</v>
      </c>
      <c r="G9" s="386">
        <v>5256515653</v>
      </c>
      <c r="H9" s="386">
        <v>7193711628</v>
      </c>
      <c r="I9" s="386">
        <v>6134655015</v>
      </c>
      <c r="J9" s="386">
        <v>5867433084</v>
      </c>
      <c r="K9" s="386">
        <v>4397530082</v>
      </c>
      <c r="L9" s="389">
        <v>28849845462</v>
      </c>
      <c r="M9" s="390">
        <v>30072619893</v>
      </c>
      <c r="N9" s="385">
        <v>94564512</v>
      </c>
      <c r="O9" s="386">
        <v>243604190</v>
      </c>
      <c r="P9" s="391">
        <v>338168702</v>
      </c>
      <c r="Q9" s="385">
        <v>0</v>
      </c>
      <c r="R9" s="386">
        <v>1504476212</v>
      </c>
      <c r="S9" s="386">
        <v>2330141294</v>
      </c>
      <c r="T9" s="386">
        <v>2036132910</v>
      </c>
      <c r="U9" s="386">
        <v>2240840100</v>
      </c>
      <c r="V9" s="386">
        <v>2262310495</v>
      </c>
      <c r="W9" s="391">
        <v>10373901011</v>
      </c>
      <c r="X9" s="390">
        <v>10712069713</v>
      </c>
      <c r="Y9" s="385">
        <v>0</v>
      </c>
      <c r="Z9" s="386">
        <v>0</v>
      </c>
      <c r="AA9" s="391">
        <v>0</v>
      </c>
      <c r="AB9" s="392">
        <v>0</v>
      </c>
      <c r="AC9" s="393">
        <v>731742600</v>
      </c>
      <c r="AD9" s="393">
        <v>1169073196</v>
      </c>
      <c r="AE9" s="393">
        <v>1152864283</v>
      </c>
      <c r="AF9" s="393">
        <v>1314785953</v>
      </c>
      <c r="AG9" s="393">
        <v>1334328503</v>
      </c>
      <c r="AH9" s="391">
        <v>5702794535</v>
      </c>
      <c r="AI9" s="390">
        <v>5702794535</v>
      </c>
      <c r="AJ9" s="394">
        <v>18494</v>
      </c>
      <c r="AK9" s="393">
        <v>610830</v>
      </c>
      <c r="AL9" s="391">
        <v>629324</v>
      </c>
      <c r="AM9" s="392">
        <v>0</v>
      </c>
      <c r="AN9" s="393">
        <v>5381762</v>
      </c>
      <c r="AO9" s="389">
        <v>27283880</v>
      </c>
      <c r="AP9" s="393">
        <v>50290880</v>
      </c>
      <c r="AQ9" s="393">
        <v>128984500</v>
      </c>
      <c r="AR9" s="393">
        <v>251243609</v>
      </c>
      <c r="AS9" s="391">
        <v>463184631</v>
      </c>
      <c r="AT9" s="390">
        <v>463813955</v>
      </c>
      <c r="AU9" s="394">
        <v>52701094</v>
      </c>
      <c r="AV9" s="393">
        <v>174754538</v>
      </c>
      <c r="AW9" s="391">
        <v>227455632</v>
      </c>
      <c r="AX9" s="392">
        <v>0</v>
      </c>
      <c r="AY9" s="393">
        <v>471037437</v>
      </c>
      <c r="AZ9" s="393">
        <v>752560569</v>
      </c>
      <c r="BA9" s="393">
        <v>497257038</v>
      </c>
      <c r="BB9" s="393">
        <v>464991242</v>
      </c>
      <c r="BC9" s="393">
        <v>427144402</v>
      </c>
      <c r="BD9" s="391">
        <v>2612990688</v>
      </c>
      <c r="BE9" s="395">
        <v>2840446320</v>
      </c>
      <c r="BF9" s="394">
        <v>6057334</v>
      </c>
      <c r="BG9" s="389">
        <v>24205786</v>
      </c>
      <c r="BH9" s="396">
        <v>30263120</v>
      </c>
      <c r="BI9" s="392">
        <v>0</v>
      </c>
      <c r="BJ9" s="393">
        <v>38708688</v>
      </c>
      <c r="BK9" s="393">
        <v>68423526</v>
      </c>
      <c r="BL9" s="393">
        <v>43758360</v>
      </c>
      <c r="BM9" s="393">
        <v>40326487</v>
      </c>
      <c r="BN9" s="393">
        <v>23790037</v>
      </c>
      <c r="BO9" s="391">
        <v>215007098</v>
      </c>
      <c r="BP9" s="390">
        <v>245270218</v>
      </c>
      <c r="BQ9" s="394">
        <v>35787590</v>
      </c>
      <c r="BR9" s="393">
        <v>44033036</v>
      </c>
      <c r="BS9" s="391">
        <v>79820626</v>
      </c>
      <c r="BT9" s="392">
        <v>0</v>
      </c>
      <c r="BU9" s="393">
        <v>257605725</v>
      </c>
      <c r="BV9" s="393">
        <v>312800123</v>
      </c>
      <c r="BW9" s="393">
        <v>291962349</v>
      </c>
      <c r="BX9" s="393">
        <v>291751918</v>
      </c>
      <c r="BY9" s="393">
        <v>225803944</v>
      </c>
      <c r="BZ9" s="391">
        <v>1379924059</v>
      </c>
      <c r="CA9" s="390">
        <v>1459744685</v>
      </c>
      <c r="CB9" s="394">
        <v>36966136</v>
      </c>
      <c r="CC9" s="393">
        <v>111033876</v>
      </c>
      <c r="CD9" s="391">
        <v>148000012</v>
      </c>
      <c r="CE9" s="392">
        <v>0</v>
      </c>
      <c r="CF9" s="393">
        <v>1483027083</v>
      </c>
      <c r="CG9" s="393">
        <v>1970176765</v>
      </c>
      <c r="CH9" s="397">
        <v>1429066403</v>
      </c>
      <c r="CI9" s="393">
        <v>971084313</v>
      </c>
      <c r="CJ9" s="393">
        <v>477889340</v>
      </c>
      <c r="CK9" s="391">
        <v>6331243904</v>
      </c>
      <c r="CL9" s="390">
        <v>6479243916</v>
      </c>
      <c r="CM9" s="385">
        <v>0</v>
      </c>
      <c r="CN9" s="386">
        <v>0</v>
      </c>
      <c r="CO9" s="391">
        <v>0</v>
      </c>
      <c r="CP9" s="392">
        <v>0</v>
      </c>
      <c r="CQ9" s="393">
        <v>1253929214</v>
      </c>
      <c r="CR9" s="393">
        <v>1536470336</v>
      </c>
      <c r="CS9" s="393">
        <v>1111789098</v>
      </c>
      <c r="CT9" s="393">
        <v>740854393</v>
      </c>
      <c r="CU9" s="393">
        <v>383542331</v>
      </c>
      <c r="CV9" s="398">
        <v>5026585372</v>
      </c>
      <c r="CW9" s="390">
        <v>5026585372</v>
      </c>
      <c r="CX9" s="394">
        <v>36966136</v>
      </c>
      <c r="CY9" s="393">
        <v>111033876</v>
      </c>
      <c r="CZ9" s="391">
        <v>148000012</v>
      </c>
      <c r="DA9" s="392">
        <v>0</v>
      </c>
      <c r="DB9" s="393">
        <v>229097869</v>
      </c>
      <c r="DC9" s="393">
        <v>433706429</v>
      </c>
      <c r="DD9" s="393">
        <v>317277305</v>
      </c>
      <c r="DE9" s="393">
        <v>230229920</v>
      </c>
      <c r="DF9" s="393">
        <v>94347009</v>
      </c>
      <c r="DG9" s="391">
        <v>1304658532</v>
      </c>
      <c r="DH9" s="390">
        <v>1452658544</v>
      </c>
      <c r="DI9" s="394">
        <v>1808319</v>
      </c>
      <c r="DJ9" s="393">
        <v>10106196</v>
      </c>
      <c r="DK9" s="396">
        <v>11914515</v>
      </c>
      <c r="DL9" s="392">
        <v>0</v>
      </c>
      <c r="DM9" s="393">
        <v>138321304</v>
      </c>
      <c r="DN9" s="393">
        <v>300284339</v>
      </c>
      <c r="DO9" s="393">
        <v>567022968</v>
      </c>
      <c r="DP9" s="393">
        <v>487662830</v>
      </c>
      <c r="DQ9" s="393">
        <v>269179603</v>
      </c>
      <c r="DR9" s="399">
        <v>1762471044</v>
      </c>
      <c r="DS9" s="390">
        <v>1774385559</v>
      </c>
      <c r="DT9" s="394">
        <v>1761073</v>
      </c>
      <c r="DU9" s="393">
        <v>8803122</v>
      </c>
      <c r="DV9" s="391">
        <v>10564195</v>
      </c>
      <c r="DW9" s="392">
        <v>0</v>
      </c>
      <c r="DX9" s="393">
        <v>126064157</v>
      </c>
      <c r="DY9" s="393">
        <v>265487717</v>
      </c>
      <c r="DZ9" s="393">
        <v>511815113</v>
      </c>
      <c r="EA9" s="393">
        <v>428774263</v>
      </c>
      <c r="EB9" s="393">
        <v>232218715</v>
      </c>
      <c r="EC9" s="391">
        <v>1564359965</v>
      </c>
      <c r="ED9" s="390">
        <v>1574924160</v>
      </c>
      <c r="EE9" s="394">
        <v>47246</v>
      </c>
      <c r="EF9" s="389">
        <v>1303074</v>
      </c>
      <c r="EG9" s="391">
        <v>1350320</v>
      </c>
      <c r="EH9" s="395">
        <v>0</v>
      </c>
      <c r="EI9" s="393">
        <v>12257147</v>
      </c>
      <c r="EJ9" s="393">
        <v>34730713</v>
      </c>
      <c r="EK9" s="393">
        <v>55207855</v>
      </c>
      <c r="EL9" s="393">
        <v>58888567</v>
      </c>
      <c r="EM9" s="397">
        <v>36960888</v>
      </c>
      <c r="EN9" s="389">
        <v>198045170</v>
      </c>
      <c r="EO9" s="390">
        <v>199395490</v>
      </c>
      <c r="EP9" s="394">
        <v>0</v>
      </c>
      <c r="EQ9" s="393">
        <v>0</v>
      </c>
      <c r="ER9" s="389">
        <v>0</v>
      </c>
      <c r="ES9" s="392">
        <v>0</v>
      </c>
      <c r="ET9" s="393">
        <v>0</v>
      </c>
      <c r="EU9" s="393">
        <v>65909</v>
      </c>
      <c r="EV9" s="393">
        <v>0</v>
      </c>
      <c r="EW9" s="393">
        <v>0</v>
      </c>
      <c r="EX9" s="393">
        <v>0</v>
      </c>
      <c r="EY9" s="398">
        <v>65909</v>
      </c>
      <c r="EZ9" s="390">
        <v>65909</v>
      </c>
      <c r="FA9" s="394">
        <v>0</v>
      </c>
      <c r="FB9" s="393">
        <v>0</v>
      </c>
      <c r="FC9" s="389">
        <v>0</v>
      </c>
      <c r="FD9" s="400"/>
      <c r="FE9" s="393">
        <v>0</v>
      </c>
      <c r="FF9" s="393">
        <v>0</v>
      </c>
      <c r="FG9" s="393">
        <v>0</v>
      </c>
      <c r="FH9" s="393">
        <v>0</v>
      </c>
      <c r="FI9" s="393">
        <v>0</v>
      </c>
      <c r="FJ9" s="398">
        <v>0</v>
      </c>
      <c r="FK9" s="390">
        <v>0</v>
      </c>
      <c r="FL9" s="394">
        <v>93527903</v>
      </c>
      <c r="FM9" s="393">
        <v>197875945</v>
      </c>
      <c r="FN9" s="391">
        <v>291403848</v>
      </c>
      <c r="FO9" s="392">
        <v>0</v>
      </c>
      <c r="FP9" s="393">
        <v>254156274</v>
      </c>
      <c r="FQ9" s="393">
        <v>648033851</v>
      </c>
      <c r="FR9" s="393">
        <v>462033156</v>
      </c>
      <c r="FS9" s="393">
        <v>424057443</v>
      </c>
      <c r="FT9" s="393">
        <v>307564525</v>
      </c>
      <c r="FU9" s="391">
        <v>2095845249</v>
      </c>
      <c r="FV9" s="390">
        <v>2387249097</v>
      </c>
      <c r="FW9" s="394">
        <v>53283747</v>
      </c>
      <c r="FX9" s="393">
        <v>146727310</v>
      </c>
      <c r="FY9" s="389">
        <v>200011057</v>
      </c>
      <c r="FZ9" s="395">
        <v>0</v>
      </c>
      <c r="GA9" s="393">
        <v>199474599</v>
      </c>
      <c r="GB9" s="401">
        <v>593045502</v>
      </c>
      <c r="GC9" s="393">
        <v>429773843</v>
      </c>
      <c r="GD9" s="401">
        <v>396452851</v>
      </c>
      <c r="GE9" s="393">
        <v>297127881</v>
      </c>
      <c r="GF9" s="398">
        <v>1915874676</v>
      </c>
      <c r="GG9" s="402">
        <v>2115885733</v>
      </c>
      <c r="GH9" s="403">
        <v>4925376</v>
      </c>
      <c r="GI9" s="393">
        <v>10453471</v>
      </c>
      <c r="GJ9" s="401">
        <v>15378847</v>
      </c>
      <c r="GK9" s="388">
        <v>0</v>
      </c>
      <c r="GL9" s="393">
        <v>13030560</v>
      </c>
      <c r="GM9" s="389">
        <v>17934640</v>
      </c>
      <c r="GN9" s="393">
        <v>11434270</v>
      </c>
      <c r="GO9" s="389">
        <v>11717682</v>
      </c>
      <c r="GP9" s="393">
        <v>4467427</v>
      </c>
      <c r="GQ9" s="399">
        <v>58584579</v>
      </c>
      <c r="GR9" s="390">
        <v>73963426</v>
      </c>
      <c r="GS9" s="389">
        <v>35318780</v>
      </c>
      <c r="GT9" s="393">
        <v>40695164</v>
      </c>
      <c r="GU9" s="391">
        <v>76013944</v>
      </c>
      <c r="GV9" s="389">
        <v>0</v>
      </c>
      <c r="GW9" s="393">
        <v>41651115</v>
      </c>
      <c r="GX9" s="389">
        <v>37053709</v>
      </c>
      <c r="GY9" s="393">
        <v>20825043</v>
      </c>
      <c r="GZ9" s="389">
        <v>15886910</v>
      </c>
      <c r="HA9" s="393">
        <v>5969217</v>
      </c>
      <c r="HB9" s="389">
        <v>121385994</v>
      </c>
      <c r="HC9" s="390">
        <v>197399938</v>
      </c>
      <c r="HD9" s="389">
        <v>99065157</v>
      </c>
      <c r="HE9" s="393">
        <v>125423021</v>
      </c>
      <c r="HF9" s="389">
        <v>224488178</v>
      </c>
      <c r="HG9" s="395">
        <v>0</v>
      </c>
      <c r="HH9" s="393">
        <v>1026814963</v>
      </c>
      <c r="HI9" s="401">
        <v>1034612802</v>
      </c>
      <c r="HJ9" s="393">
        <v>1038067250</v>
      </c>
      <c r="HK9" s="401">
        <v>1321408730</v>
      </c>
      <c r="HL9" s="393">
        <v>825251010</v>
      </c>
      <c r="HM9" s="398">
        <v>5246154755</v>
      </c>
      <c r="HN9" s="389">
        <v>5470642933</v>
      </c>
      <c r="HO9" s="403">
        <v>70155794</v>
      </c>
      <c r="HP9" s="393">
        <v>138643382</v>
      </c>
      <c r="HQ9" s="398">
        <v>208799176</v>
      </c>
      <c r="HR9" s="389">
        <v>0</v>
      </c>
      <c r="HS9" s="393">
        <v>849719817</v>
      </c>
      <c r="HT9" s="389">
        <v>910462577</v>
      </c>
      <c r="HU9" s="393">
        <v>602332328</v>
      </c>
      <c r="HV9" s="389">
        <v>422379668</v>
      </c>
      <c r="HW9" s="393">
        <v>255335109</v>
      </c>
      <c r="HX9" s="389">
        <v>3040229499</v>
      </c>
      <c r="HY9" s="390">
        <v>3249028675</v>
      </c>
      <c r="HZ9" s="404">
        <v>8981359</v>
      </c>
      <c r="IA9" s="405">
        <v>33964449</v>
      </c>
      <c r="IB9" s="406">
        <v>42945808</v>
      </c>
      <c r="IC9" s="407">
        <v>0</v>
      </c>
      <c r="ID9" s="405">
        <v>1661706271</v>
      </c>
      <c r="IE9" s="408">
        <v>2203197951</v>
      </c>
      <c r="IF9" s="409">
        <v>2380638824</v>
      </c>
      <c r="IG9" s="405">
        <v>1763026758</v>
      </c>
      <c r="IH9" s="409">
        <v>1324051645</v>
      </c>
      <c r="II9" s="410">
        <v>9332621449</v>
      </c>
      <c r="IJ9" s="411">
        <v>9375567257</v>
      </c>
      <c r="IK9" s="412">
        <v>0</v>
      </c>
      <c r="IL9" s="413">
        <v>0</v>
      </c>
      <c r="IM9" s="414">
        <v>0</v>
      </c>
      <c r="IN9" s="415"/>
      <c r="IO9" s="416">
        <v>24442069</v>
      </c>
      <c r="IP9" s="416">
        <v>48237237</v>
      </c>
      <c r="IQ9" s="416">
        <v>69548533</v>
      </c>
      <c r="IR9" s="416">
        <v>100236079</v>
      </c>
      <c r="IS9" s="416">
        <v>113729961</v>
      </c>
      <c r="IT9" s="417">
        <v>356193879</v>
      </c>
      <c r="IU9" s="418">
        <v>356193879</v>
      </c>
      <c r="IV9" s="419">
        <v>0</v>
      </c>
      <c r="IW9" s="416">
        <v>0</v>
      </c>
      <c r="IX9" s="420">
        <v>0</v>
      </c>
      <c r="IY9" s="421"/>
      <c r="IZ9" s="416">
        <v>3642440</v>
      </c>
      <c r="JA9" s="416">
        <v>11305412</v>
      </c>
      <c r="JB9" s="416">
        <v>11473593</v>
      </c>
      <c r="JC9" s="416">
        <v>15836292</v>
      </c>
      <c r="JD9" s="416">
        <v>18435549</v>
      </c>
      <c r="JE9" s="420">
        <v>60693286</v>
      </c>
      <c r="JF9" s="422">
        <v>60693286</v>
      </c>
      <c r="JG9" s="419">
        <v>0</v>
      </c>
      <c r="JH9" s="416">
        <v>0</v>
      </c>
      <c r="JI9" s="417">
        <v>0</v>
      </c>
      <c r="JJ9" s="423">
        <v>0</v>
      </c>
      <c r="JK9" s="416">
        <v>657651923</v>
      </c>
      <c r="JL9" s="416">
        <v>775565315</v>
      </c>
      <c r="JM9" s="416">
        <v>599010993</v>
      </c>
      <c r="JN9" s="416">
        <v>365295142</v>
      </c>
      <c r="JO9" s="416">
        <v>183120163</v>
      </c>
      <c r="JP9" s="420">
        <v>2580643536</v>
      </c>
      <c r="JQ9" s="418">
        <v>2580643536</v>
      </c>
      <c r="JR9" s="419">
        <v>218754</v>
      </c>
      <c r="JS9" s="416">
        <v>303002</v>
      </c>
      <c r="JT9" s="417">
        <v>521756</v>
      </c>
      <c r="JU9" s="423">
        <v>0</v>
      </c>
      <c r="JV9" s="416">
        <v>72736369</v>
      </c>
      <c r="JW9" s="416">
        <v>111229445</v>
      </c>
      <c r="JX9" s="416">
        <v>159667100</v>
      </c>
      <c r="JY9" s="416">
        <v>96094964</v>
      </c>
      <c r="JZ9" s="416">
        <v>81012631</v>
      </c>
      <c r="KA9" s="420">
        <v>520740509</v>
      </c>
      <c r="KB9" s="418">
        <v>521262265</v>
      </c>
      <c r="KC9" s="424">
        <v>8762605</v>
      </c>
      <c r="KD9" s="425">
        <v>24347375</v>
      </c>
      <c r="KE9" s="420">
        <v>33109980</v>
      </c>
      <c r="KF9" s="423">
        <v>0</v>
      </c>
      <c r="KG9" s="416">
        <v>189604890</v>
      </c>
      <c r="KH9" s="416">
        <v>301430470</v>
      </c>
      <c r="KI9" s="416">
        <v>362834758</v>
      </c>
      <c r="KJ9" s="416">
        <v>277873706</v>
      </c>
      <c r="KK9" s="416">
        <v>173071218</v>
      </c>
      <c r="KL9" s="420">
        <v>1304815042</v>
      </c>
      <c r="KM9" s="426">
        <v>1337925022</v>
      </c>
      <c r="KN9" s="412">
        <v>0</v>
      </c>
      <c r="KO9" s="413">
        <v>9314072</v>
      </c>
      <c r="KP9" s="414">
        <v>9314072</v>
      </c>
      <c r="KQ9" s="415"/>
      <c r="KR9" s="416">
        <v>673925131</v>
      </c>
      <c r="KS9" s="416">
        <v>877046651</v>
      </c>
      <c r="KT9" s="416">
        <v>1026830604</v>
      </c>
      <c r="KU9" s="416">
        <v>682155792</v>
      </c>
      <c r="KV9" s="416">
        <v>501162605</v>
      </c>
      <c r="KW9" s="420">
        <v>3761120783</v>
      </c>
      <c r="KX9" s="418">
        <v>3770434855</v>
      </c>
      <c r="KY9" s="419">
        <v>0</v>
      </c>
      <c r="KZ9" s="416">
        <v>0</v>
      </c>
      <c r="LA9" s="420">
        <v>0</v>
      </c>
      <c r="LB9" s="427"/>
      <c r="LC9" s="416">
        <v>7089846</v>
      </c>
      <c r="LD9" s="416">
        <v>7829167</v>
      </c>
      <c r="LE9" s="416">
        <v>14766060</v>
      </c>
      <c r="LF9" s="416">
        <v>15208673</v>
      </c>
      <c r="LG9" s="416">
        <v>13558096</v>
      </c>
      <c r="LH9" s="420">
        <v>58451842</v>
      </c>
      <c r="LI9" s="422">
        <v>58451842</v>
      </c>
      <c r="LJ9" s="419">
        <v>0</v>
      </c>
      <c r="LK9" s="416">
        <v>0</v>
      </c>
      <c r="LL9" s="420">
        <v>0</v>
      </c>
      <c r="LM9" s="427"/>
      <c r="LN9" s="416">
        <v>2470182</v>
      </c>
      <c r="LO9" s="416">
        <v>6785168</v>
      </c>
      <c r="LP9" s="416">
        <v>58710394</v>
      </c>
      <c r="LQ9" s="416">
        <v>96048288</v>
      </c>
      <c r="LR9" s="416">
        <v>75472598</v>
      </c>
      <c r="LS9" s="420">
        <v>239486630</v>
      </c>
      <c r="LT9" s="418">
        <v>239486630</v>
      </c>
      <c r="LU9" s="419">
        <v>0</v>
      </c>
      <c r="LV9" s="416">
        <v>0</v>
      </c>
      <c r="LW9" s="420">
        <v>0</v>
      </c>
      <c r="LX9" s="427"/>
      <c r="LY9" s="416">
        <v>30143421</v>
      </c>
      <c r="LZ9" s="416">
        <v>63769086</v>
      </c>
      <c r="MA9" s="416">
        <v>77796789</v>
      </c>
      <c r="MB9" s="416">
        <v>114277822</v>
      </c>
      <c r="MC9" s="416">
        <v>164488824</v>
      </c>
      <c r="MD9" s="420">
        <v>450475942</v>
      </c>
      <c r="ME9" s="422">
        <v>450475942</v>
      </c>
      <c r="MF9" s="419">
        <v>0</v>
      </c>
      <c r="MG9" s="416">
        <v>0</v>
      </c>
      <c r="MH9" s="420">
        <v>0</v>
      </c>
      <c r="MI9" s="427"/>
      <c r="MJ9" s="416">
        <v>537156748</v>
      </c>
      <c r="MK9" s="416">
        <v>1333459030</v>
      </c>
      <c r="ML9" s="416">
        <v>4093860819</v>
      </c>
      <c r="MM9" s="416">
        <v>6258049956</v>
      </c>
      <c r="MN9" s="416">
        <v>4440797770</v>
      </c>
      <c r="MO9" s="420">
        <v>16663324323</v>
      </c>
      <c r="MP9" s="426">
        <v>16663324323</v>
      </c>
      <c r="MQ9" s="419">
        <v>0</v>
      </c>
      <c r="MR9" s="416">
        <v>0</v>
      </c>
      <c r="MS9" s="420">
        <v>0</v>
      </c>
      <c r="MT9" s="427"/>
      <c r="MU9" s="416">
        <v>95679762</v>
      </c>
      <c r="MV9" s="416">
        <v>372733984</v>
      </c>
      <c r="MW9" s="416">
        <v>2640563312</v>
      </c>
      <c r="MX9" s="416">
        <v>4259862176</v>
      </c>
      <c r="MY9" s="416">
        <v>3187621785</v>
      </c>
      <c r="MZ9" s="420">
        <v>10556461019</v>
      </c>
      <c r="NA9" s="426">
        <v>10556461019</v>
      </c>
      <c r="NB9" s="419">
        <v>0</v>
      </c>
      <c r="NC9" s="416">
        <v>0</v>
      </c>
      <c r="ND9" s="420">
        <v>0</v>
      </c>
      <c r="NE9" s="427"/>
      <c r="NF9" s="416">
        <v>438366577</v>
      </c>
      <c r="NG9" s="416">
        <v>953027842</v>
      </c>
      <c r="NH9" s="416">
        <v>1427512884</v>
      </c>
      <c r="NI9" s="416">
        <v>1836560890</v>
      </c>
      <c r="NJ9" s="416">
        <v>1014613472</v>
      </c>
      <c r="NK9" s="420">
        <v>5670081665</v>
      </c>
      <c r="NL9" s="418">
        <v>5670081665</v>
      </c>
      <c r="NM9" s="419">
        <v>0</v>
      </c>
      <c r="NN9" s="416">
        <v>0</v>
      </c>
      <c r="NO9" s="420">
        <v>0</v>
      </c>
      <c r="NP9" s="427"/>
      <c r="NQ9" s="416">
        <v>0</v>
      </c>
      <c r="NR9" s="416">
        <v>512553</v>
      </c>
      <c r="NS9" s="416">
        <v>3842203</v>
      </c>
      <c r="NT9" s="416">
        <v>38514931</v>
      </c>
      <c r="NU9" s="416">
        <v>55414116</v>
      </c>
      <c r="NV9" s="420">
        <v>98283803</v>
      </c>
      <c r="NW9" s="422">
        <v>98283803</v>
      </c>
      <c r="NX9" s="419">
        <v>0</v>
      </c>
      <c r="NY9" s="416">
        <v>0</v>
      </c>
      <c r="NZ9" s="420">
        <v>0</v>
      </c>
      <c r="OA9" s="427"/>
      <c r="OB9" s="416">
        <v>3110409</v>
      </c>
      <c r="OC9" s="416">
        <v>7184651</v>
      </c>
      <c r="OD9" s="416">
        <v>21942420</v>
      </c>
      <c r="OE9" s="416">
        <v>123111959</v>
      </c>
      <c r="OF9" s="416">
        <v>183148397</v>
      </c>
      <c r="OG9" s="420">
        <v>338497836</v>
      </c>
      <c r="OH9" s="422">
        <v>338497836</v>
      </c>
      <c r="OI9" s="419">
        <v>405069180</v>
      </c>
      <c r="OJ9" s="416">
        <v>860651059</v>
      </c>
      <c r="OK9" s="417">
        <v>1265720239</v>
      </c>
      <c r="OL9" s="423">
        <v>0</v>
      </c>
      <c r="OM9" s="416">
        <v>7455378672</v>
      </c>
      <c r="ON9" s="416">
        <v>10730368609</v>
      </c>
      <c r="OO9" s="416">
        <v>12609154658</v>
      </c>
      <c r="OP9" s="416">
        <v>13888509798</v>
      </c>
      <c r="OQ9" s="416">
        <v>10162379497</v>
      </c>
      <c r="OR9" s="420">
        <v>54845791234</v>
      </c>
      <c r="OS9" s="426">
        <v>56111511473</v>
      </c>
    </row>
    <row r="10" spans="1:409" s="428" customFormat="1" ht="21" customHeight="1" x14ac:dyDescent="0.2">
      <c r="A10" s="44"/>
      <c r="B10" s="429" t="s">
        <v>5</v>
      </c>
      <c r="C10" s="430">
        <v>160461258</v>
      </c>
      <c r="D10" s="431">
        <v>393372323</v>
      </c>
      <c r="E10" s="432">
        <v>553833581</v>
      </c>
      <c r="F10" s="433">
        <v>0</v>
      </c>
      <c r="G10" s="431">
        <v>1832702338</v>
      </c>
      <c r="H10" s="431">
        <v>3232564094</v>
      </c>
      <c r="I10" s="431">
        <v>2530212041</v>
      </c>
      <c r="J10" s="431">
        <v>2386756196</v>
      </c>
      <c r="K10" s="431">
        <v>1793851906</v>
      </c>
      <c r="L10" s="433">
        <v>11776086575</v>
      </c>
      <c r="M10" s="434">
        <v>12329920156</v>
      </c>
      <c r="N10" s="430">
        <v>40984191</v>
      </c>
      <c r="O10" s="431">
        <v>129816160</v>
      </c>
      <c r="P10" s="432">
        <v>170800351</v>
      </c>
      <c r="Q10" s="430">
        <v>0</v>
      </c>
      <c r="R10" s="431">
        <v>544686693</v>
      </c>
      <c r="S10" s="431">
        <v>1096156318</v>
      </c>
      <c r="T10" s="431">
        <v>853791070</v>
      </c>
      <c r="U10" s="431">
        <v>899302613</v>
      </c>
      <c r="V10" s="431">
        <v>920476423</v>
      </c>
      <c r="W10" s="432">
        <v>4314413117</v>
      </c>
      <c r="X10" s="434">
        <v>4485213468</v>
      </c>
      <c r="Y10" s="430">
        <v>0</v>
      </c>
      <c r="Z10" s="431">
        <v>0</v>
      </c>
      <c r="AA10" s="432">
        <v>0</v>
      </c>
      <c r="AB10" s="430">
        <v>0</v>
      </c>
      <c r="AC10" s="431">
        <v>258990537</v>
      </c>
      <c r="AD10" s="431">
        <v>525629419</v>
      </c>
      <c r="AE10" s="431">
        <v>446457754</v>
      </c>
      <c r="AF10" s="431">
        <v>489148701</v>
      </c>
      <c r="AG10" s="431">
        <v>511956834</v>
      </c>
      <c r="AH10" s="432">
        <v>2232183245</v>
      </c>
      <c r="AI10" s="434">
        <v>2232183245</v>
      </c>
      <c r="AJ10" s="430">
        <v>0</v>
      </c>
      <c r="AK10" s="431">
        <v>231068</v>
      </c>
      <c r="AL10" s="432">
        <v>231068</v>
      </c>
      <c r="AM10" s="430">
        <v>0</v>
      </c>
      <c r="AN10" s="431">
        <v>876966</v>
      </c>
      <c r="AO10" s="431">
        <v>9065660</v>
      </c>
      <c r="AP10" s="431">
        <v>19525196</v>
      </c>
      <c r="AQ10" s="431">
        <v>51818943</v>
      </c>
      <c r="AR10" s="431">
        <v>109702971</v>
      </c>
      <c r="AS10" s="432">
        <v>190989736</v>
      </c>
      <c r="AT10" s="434">
        <v>191220804</v>
      </c>
      <c r="AU10" s="430">
        <v>23511683</v>
      </c>
      <c r="AV10" s="431">
        <v>94812915</v>
      </c>
      <c r="AW10" s="432">
        <v>118324598</v>
      </c>
      <c r="AX10" s="430">
        <v>0</v>
      </c>
      <c r="AY10" s="431">
        <v>177932446</v>
      </c>
      <c r="AZ10" s="431">
        <v>396469923</v>
      </c>
      <c r="BA10" s="431">
        <v>248834553</v>
      </c>
      <c r="BB10" s="431">
        <v>219821891</v>
      </c>
      <c r="BC10" s="431">
        <v>196149268</v>
      </c>
      <c r="BD10" s="432">
        <v>1239208081</v>
      </c>
      <c r="BE10" s="434">
        <v>1357532679</v>
      </c>
      <c r="BF10" s="430">
        <v>2450619</v>
      </c>
      <c r="BG10" s="431">
        <v>13001428</v>
      </c>
      <c r="BH10" s="435">
        <v>15452047</v>
      </c>
      <c r="BI10" s="436">
        <v>0</v>
      </c>
      <c r="BJ10" s="431">
        <v>9421240</v>
      </c>
      <c r="BK10" s="431">
        <v>28055545</v>
      </c>
      <c r="BL10" s="431">
        <v>19191980</v>
      </c>
      <c r="BM10" s="431">
        <v>16906957</v>
      </c>
      <c r="BN10" s="431">
        <v>9165313</v>
      </c>
      <c r="BO10" s="432">
        <v>82741035</v>
      </c>
      <c r="BP10" s="434">
        <v>98193082</v>
      </c>
      <c r="BQ10" s="430">
        <v>15021889</v>
      </c>
      <c r="BR10" s="431">
        <v>21770749</v>
      </c>
      <c r="BS10" s="432">
        <v>36792638</v>
      </c>
      <c r="BT10" s="430">
        <v>0</v>
      </c>
      <c r="BU10" s="431">
        <v>97465504</v>
      </c>
      <c r="BV10" s="431">
        <v>136935771</v>
      </c>
      <c r="BW10" s="431">
        <v>119781587</v>
      </c>
      <c r="BX10" s="431">
        <v>121606121</v>
      </c>
      <c r="BY10" s="431">
        <v>93502037</v>
      </c>
      <c r="BZ10" s="432">
        <v>569291020</v>
      </c>
      <c r="CA10" s="434">
        <v>606083658</v>
      </c>
      <c r="CB10" s="430">
        <v>16626590</v>
      </c>
      <c r="CC10" s="431">
        <v>52368720</v>
      </c>
      <c r="CD10" s="432">
        <v>68995310</v>
      </c>
      <c r="CE10" s="430">
        <v>0</v>
      </c>
      <c r="CF10" s="431">
        <v>472952082</v>
      </c>
      <c r="CG10" s="431">
        <v>815685698</v>
      </c>
      <c r="CH10" s="431">
        <v>537100986</v>
      </c>
      <c r="CI10" s="431">
        <v>356323760</v>
      </c>
      <c r="CJ10" s="431">
        <v>173742844</v>
      </c>
      <c r="CK10" s="432">
        <v>2355805370</v>
      </c>
      <c r="CL10" s="434">
        <v>2424800680</v>
      </c>
      <c r="CM10" s="430">
        <v>0</v>
      </c>
      <c r="CN10" s="431">
        <v>0</v>
      </c>
      <c r="CO10" s="432">
        <v>0</v>
      </c>
      <c r="CP10" s="436">
        <v>0</v>
      </c>
      <c r="CQ10" s="431">
        <v>401729922</v>
      </c>
      <c r="CR10" s="431">
        <v>617982541</v>
      </c>
      <c r="CS10" s="431">
        <v>396361856</v>
      </c>
      <c r="CT10" s="431">
        <v>253451363</v>
      </c>
      <c r="CU10" s="431">
        <v>131054137</v>
      </c>
      <c r="CV10" s="432">
        <v>1800579819</v>
      </c>
      <c r="CW10" s="434">
        <v>1800579819</v>
      </c>
      <c r="CX10" s="430">
        <v>16626590</v>
      </c>
      <c r="CY10" s="431">
        <v>52368720</v>
      </c>
      <c r="CZ10" s="432">
        <v>68995310</v>
      </c>
      <c r="DA10" s="430">
        <v>0</v>
      </c>
      <c r="DB10" s="431">
        <v>71222160</v>
      </c>
      <c r="DC10" s="431">
        <v>197703157</v>
      </c>
      <c r="DD10" s="431">
        <v>140739130</v>
      </c>
      <c r="DE10" s="431">
        <v>102872397</v>
      </c>
      <c r="DF10" s="431">
        <v>42688707</v>
      </c>
      <c r="DG10" s="432">
        <v>555225551</v>
      </c>
      <c r="DH10" s="434">
        <v>624220861</v>
      </c>
      <c r="DI10" s="430">
        <v>672823</v>
      </c>
      <c r="DJ10" s="431">
        <v>4265884</v>
      </c>
      <c r="DK10" s="435">
        <v>4938707</v>
      </c>
      <c r="DL10" s="436">
        <v>0</v>
      </c>
      <c r="DM10" s="431">
        <v>41302171</v>
      </c>
      <c r="DN10" s="431">
        <v>125556959</v>
      </c>
      <c r="DO10" s="431">
        <v>239259509</v>
      </c>
      <c r="DP10" s="431">
        <v>196098039</v>
      </c>
      <c r="DQ10" s="431">
        <v>111819917</v>
      </c>
      <c r="DR10" s="432">
        <v>714036595</v>
      </c>
      <c r="DS10" s="434">
        <v>718975302</v>
      </c>
      <c r="DT10" s="430">
        <v>672823</v>
      </c>
      <c r="DU10" s="431">
        <v>3284920</v>
      </c>
      <c r="DV10" s="432">
        <v>3957743</v>
      </c>
      <c r="DW10" s="430">
        <v>0</v>
      </c>
      <c r="DX10" s="431">
        <v>36234579</v>
      </c>
      <c r="DY10" s="431">
        <v>105096176</v>
      </c>
      <c r="DZ10" s="431">
        <v>206304133</v>
      </c>
      <c r="EA10" s="431">
        <v>163608381</v>
      </c>
      <c r="EB10" s="431">
        <v>89143464</v>
      </c>
      <c r="EC10" s="432">
        <v>600386733</v>
      </c>
      <c r="ED10" s="434">
        <v>604344476</v>
      </c>
      <c r="EE10" s="430">
        <v>0</v>
      </c>
      <c r="EF10" s="435">
        <v>980964</v>
      </c>
      <c r="EG10" s="432">
        <v>980964</v>
      </c>
      <c r="EH10" s="430">
        <v>0</v>
      </c>
      <c r="EI10" s="431">
        <v>5067592</v>
      </c>
      <c r="EJ10" s="431">
        <v>20460783</v>
      </c>
      <c r="EK10" s="431">
        <v>32955376</v>
      </c>
      <c r="EL10" s="431">
        <v>32489658</v>
      </c>
      <c r="EM10" s="431">
        <v>22676453</v>
      </c>
      <c r="EN10" s="435">
        <v>113649862</v>
      </c>
      <c r="EO10" s="434">
        <v>114630826</v>
      </c>
      <c r="EP10" s="430">
        <v>0</v>
      </c>
      <c r="EQ10" s="431">
        <v>0</v>
      </c>
      <c r="ER10" s="435">
        <v>0</v>
      </c>
      <c r="ES10" s="436">
        <v>0</v>
      </c>
      <c r="ET10" s="431">
        <v>0</v>
      </c>
      <c r="EU10" s="431">
        <v>0</v>
      </c>
      <c r="EV10" s="431">
        <v>0</v>
      </c>
      <c r="EW10" s="431">
        <v>0</v>
      </c>
      <c r="EX10" s="431">
        <v>0</v>
      </c>
      <c r="EY10" s="432">
        <v>0</v>
      </c>
      <c r="EZ10" s="434">
        <v>0</v>
      </c>
      <c r="FA10" s="430">
        <v>0</v>
      </c>
      <c r="FB10" s="431">
        <v>0</v>
      </c>
      <c r="FC10" s="435">
        <v>0</v>
      </c>
      <c r="FD10" s="437"/>
      <c r="FE10" s="431">
        <v>0</v>
      </c>
      <c r="FF10" s="431">
        <v>0</v>
      </c>
      <c r="FG10" s="431">
        <v>0</v>
      </c>
      <c r="FH10" s="431">
        <v>0</v>
      </c>
      <c r="FI10" s="431">
        <v>0</v>
      </c>
      <c r="FJ10" s="432">
        <v>0</v>
      </c>
      <c r="FK10" s="434">
        <v>0</v>
      </c>
      <c r="FL10" s="430">
        <v>33310975</v>
      </c>
      <c r="FM10" s="431">
        <v>88062608</v>
      </c>
      <c r="FN10" s="432">
        <v>121373583</v>
      </c>
      <c r="FO10" s="430">
        <v>0</v>
      </c>
      <c r="FP10" s="431">
        <v>70435343</v>
      </c>
      <c r="FQ10" s="431">
        <v>281951576</v>
      </c>
      <c r="FR10" s="431">
        <v>187310289</v>
      </c>
      <c r="FS10" s="431">
        <v>167539259</v>
      </c>
      <c r="FT10" s="431">
        <v>123154702</v>
      </c>
      <c r="FU10" s="432">
        <v>830391169</v>
      </c>
      <c r="FV10" s="434">
        <v>951764752</v>
      </c>
      <c r="FW10" s="438">
        <v>17059910</v>
      </c>
      <c r="FX10" s="431">
        <v>61606904</v>
      </c>
      <c r="FY10" s="435">
        <v>78666814</v>
      </c>
      <c r="FZ10" s="436">
        <v>0</v>
      </c>
      <c r="GA10" s="431">
        <v>52977314</v>
      </c>
      <c r="GB10" s="431">
        <v>256824848</v>
      </c>
      <c r="GC10" s="431">
        <v>172211933</v>
      </c>
      <c r="GD10" s="431">
        <v>154814667</v>
      </c>
      <c r="GE10" s="431">
        <v>118402455</v>
      </c>
      <c r="GF10" s="432">
        <v>755231217</v>
      </c>
      <c r="GG10" s="439">
        <v>833898031</v>
      </c>
      <c r="GH10" s="438">
        <v>1693275</v>
      </c>
      <c r="GI10" s="431">
        <v>5058962</v>
      </c>
      <c r="GJ10" s="435">
        <v>6752237</v>
      </c>
      <c r="GK10" s="436">
        <v>0</v>
      </c>
      <c r="GL10" s="431">
        <v>3921372</v>
      </c>
      <c r="GM10" s="431">
        <v>7953320</v>
      </c>
      <c r="GN10" s="431">
        <v>5062521</v>
      </c>
      <c r="GO10" s="431">
        <v>5260583</v>
      </c>
      <c r="GP10" s="431">
        <v>2270978</v>
      </c>
      <c r="GQ10" s="432">
        <v>24468774</v>
      </c>
      <c r="GR10" s="434">
        <v>31221011</v>
      </c>
      <c r="GS10" s="430">
        <v>14557790</v>
      </c>
      <c r="GT10" s="431">
        <v>21396742</v>
      </c>
      <c r="GU10" s="432">
        <v>35954532</v>
      </c>
      <c r="GV10" s="430">
        <v>0</v>
      </c>
      <c r="GW10" s="431">
        <v>13536657</v>
      </c>
      <c r="GX10" s="431">
        <v>17173408</v>
      </c>
      <c r="GY10" s="431">
        <v>10035835</v>
      </c>
      <c r="GZ10" s="431">
        <v>7464009</v>
      </c>
      <c r="HA10" s="431">
        <v>2481269</v>
      </c>
      <c r="HB10" s="435">
        <v>50691178</v>
      </c>
      <c r="HC10" s="434">
        <v>86645710</v>
      </c>
      <c r="HD10" s="430">
        <v>42631369</v>
      </c>
      <c r="HE10" s="431">
        <v>55882378</v>
      </c>
      <c r="HF10" s="435">
        <v>98513747</v>
      </c>
      <c r="HG10" s="436">
        <v>0</v>
      </c>
      <c r="HH10" s="431">
        <v>415969544</v>
      </c>
      <c r="HI10" s="431">
        <v>491234463</v>
      </c>
      <c r="HJ10" s="431">
        <v>455689147</v>
      </c>
      <c r="HK10" s="431">
        <v>589847509</v>
      </c>
      <c r="HL10" s="431">
        <v>357958811</v>
      </c>
      <c r="HM10" s="432">
        <v>2310699474</v>
      </c>
      <c r="HN10" s="433">
        <v>2409213221</v>
      </c>
      <c r="HO10" s="438">
        <v>26235310</v>
      </c>
      <c r="HP10" s="431">
        <v>62976573</v>
      </c>
      <c r="HQ10" s="432">
        <v>89211883</v>
      </c>
      <c r="HR10" s="430">
        <v>0</v>
      </c>
      <c r="HS10" s="431">
        <v>287356505</v>
      </c>
      <c r="HT10" s="431">
        <v>421979080</v>
      </c>
      <c r="HU10" s="431">
        <v>257061040</v>
      </c>
      <c r="HV10" s="431">
        <v>177645016</v>
      </c>
      <c r="HW10" s="431">
        <v>106699209</v>
      </c>
      <c r="HX10" s="435">
        <v>1250740850</v>
      </c>
      <c r="HY10" s="434">
        <v>1339952733</v>
      </c>
      <c r="HZ10" s="440">
        <v>3923017</v>
      </c>
      <c r="IA10" s="441">
        <v>13622157</v>
      </c>
      <c r="IB10" s="442">
        <v>17545174</v>
      </c>
      <c r="IC10" s="443">
        <v>0</v>
      </c>
      <c r="ID10" s="444">
        <v>654159360</v>
      </c>
      <c r="IE10" s="445">
        <v>997948581</v>
      </c>
      <c r="IF10" s="446">
        <v>1032952147</v>
      </c>
      <c r="IG10" s="444">
        <v>760939187</v>
      </c>
      <c r="IH10" s="446">
        <v>589392838</v>
      </c>
      <c r="II10" s="447">
        <v>4035392113</v>
      </c>
      <c r="IJ10" s="448">
        <v>4052937287</v>
      </c>
      <c r="IK10" s="449">
        <v>0</v>
      </c>
      <c r="IL10" s="450">
        <v>0</v>
      </c>
      <c r="IM10" s="451">
        <v>0</v>
      </c>
      <c r="IN10" s="452"/>
      <c r="IO10" s="453">
        <v>9247776</v>
      </c>
      <c r="IP10" s="453">
        <v>21780751</v>
      </c>
      <c r="IQ10" s="453">
        <v>34425489</v>
      </c>
      <c r="IR10" s="453">
        <v>49557404</v>
      </c>
      <c r="IS10" s="453">
        <v>57022442</v>
      </c>
      <c r="IT10" s="454">
        <v>172033862</v>
      </c>
      <c r="IU10" s="455">
        <v>172033862</v>
      </c>
      <c r="IV10" s="456">
        <v>0</v>
      </c>
      <c r="IW10" s="453">
        <v>0</v>
      </c>
      <c r="IX10" s="457">
        <v>0</v>
      </c>
      <c r="IY10" s="458"/>
      <c r="IZ10" s="453">
        <v>1911021</v>
      </c>
      <c r="JA10" s="453">
        <v>8529871</v>
      </c>
      <c r="JB10" s="453">
        <v>8328791</v>
      </c>
      <c r="JC10" s="453">
        <v>11940001</v>
      </c>
      <c r="JD10" s="453">
        <v>13712172</v>
      </c>
      <c r="JE10" s="457">
        <v>44421856</v>
      </c>
      <c r="JF10" s="459">
        <v>44421856</v>
      </c>
      <c r="JG10" s="456">
        <v>0</v>
      </c>
      <c r="JH10" s="453">
        <v>0</v>
      </c>
      <c r="JI10" s="454">
        <v>0</v>
      </c>
      <c r="JJ10" s="460">
        <v>0</v>
      </c>
      <c r="JK10" s="453">
        <v>229235832</v>
      </c>
      <c r="JL10" s="453">
        <v>363763756</v>
      </c>
      <c r="JM10" s="453">
        <v>272881178</v>
      </c>
      <c r="JN10" s="453">
        <v>168953708</v>
      </c>
      <c r="JO10" s="453">
        <v>82026221</v>
      </c>
      <c r="JP10" s="457">
        <v>1116860695</v>
      </c>
      <c r="JQ10" s="455">
        <v>1116860695</v>
      </c>
      <c r="JR10" s="456">
        <v>85336</v>
      </c>
      <c r="JS10" s="453">
        <v>137997</v>
      </c>
      <c r="JT10" s="454">
        <v>223333</v>
      </c>
      <c r="JU10" s="460">
        <v>0</v>
      </c>
      <c r="JV10" s="453">
        <v>36624427</v>
      </c>
      <c r="JW10" s="453">
        <v>58803511</v>
      </c>
      <c r="JX10" s="453">
        <v>83938657</v>
      </c>
      <c r="JY10" s="453">
        <v>54138717</v>
      </c>
      <c r="JZ10" s="453">
        <v>44548288</v>
      </c>
      <c r="KA10" s="457">
        <v>278053600</v>
      </c>
      <c r="KB10" s="455">
        <v>278276933</v>
      </c>
      <c r="KC10" s="461">
        <v>3837681</v>
      </c>
      <c r="KD10" s="462">
        <v>10411963</v>
      </c>
      <c r="KE10" s="457">
        <v>14249644</v>
      </c>
      <c r="KF10" s="460">
        <v>0</v>
      </c>
      <c r="KG10" s="453">
        <v>70104231</v>
      </c>
      <c r="KH10" s="453">
        <v>138948918</v>
      </c>
      <c r="KI10" s="453">
        <v>154010532</v>
      </c>
      <c r="KJ10" s="453">
        <v>123751977</v>
      </c>
      <c r="KK10" s="453">
        <v>88029388</v>
      </c>
      <c r="KL10" s="457">
        <v>574845046</v>
      </c>
      <c r="KM10" s="463">
        <v>589094690</v>
      </c>
      <c r="KN10" s="449">
        <v>0</v>
      </c>
      <c r="KO10" s="450">
        <v>3072197</v>
      </c>
      <c r="KP10" s="451">
        <v>3072197</v>
      </c>
      <c r="KQ10" s="452"/>
      <c r="KR10" s="453">
        <v>300328526</v>
      </c>
      <c r="KS10" s="453">
        <v>389122029</v>
      </c>
      <c r="KT10" s="453">
        <v>450757065</v>
      </c>
      <c r="KU10" s="453">
        <v>307530841</v>
      </c>
      <c r="KV10" s="453">
        <v>229553125</v>
      </c>
      <c r="KW10" s="457">
        <v>1677291586</v>
      </c>
      <c r="KX10" s="455">
        <v>1680363783</v>
      </c>
      <c r="KY10" s="456">
        <v>0</v>
      </c>
      <c r="KZ10" s="453">
        <v>0</v>
      </c>
      <c r="LA10" s="457">
        <v>0</v>
      </c>
      <c r="LB10" s="464"/>
      <c r="LC10" s="453">
        <v>0</v>
      </c>
      <c r="LD10" s="453">
        <v>394158</v>
      </c>
      <c r="LE10" s="453">
        <v>1318398</v>
      </c>
      <c r="LF10" s="453">
        <v>240765</v>
      </c>
      <c r="LG10" s="453">
        <v>789300</v>
      </c>
      <c r="LH10" s="457">
        <v>2742621</v>
      </c>
      <c r="LI10" s="459">
        <v>2742621</v>
      </c>
      <c r="LJ10" s="456">
        <v>0</v>
      </c>
      <c r="LK10" s="453">
        <v>0</v>
      </c>
      <c r="LL10" s="457">
        <v>0</v>
      </c>
      <c r="LM10" s="464"/>
      <c r="LN10" s="453">
        <v>1325572</v>
      </c>
      <c r="LO10" s="453">
        <v>2468010</v>
      </c>
      <c r="LP10" s="453">
        <v>7646268</v>
      </c>
      <c r="LQ10" s="453">
        <v>12922167</v>
      </c>
      <c r="LR10" s="453">
        <v>11292206</v>
      </c>
      <c r="LS10" s="457">
        <v>35654223</v>
      </c>
      <c r="LT10" s="455">
        <v>35654223</v>
      </c>
      <c r="LU10" s="456">
        <v>0</v>
      </c>
      <c r="LV10" s="453">
        <v>0</v>
      </c>
      <c r="LW10" s="457">
        <v>0</v>
      </c>
      <c r="LX10" s="464"/>
      <c r="LY10" s="453">
        <v>5381975</v>
      </c>
      <c r="LZ10" s="453">
        <v>14137577</v>
      </c>
      <c r="MA10" s="453">
        <v>19645769</v>
      </c>
      <c r="MB10" s="453">
        <v>31903607</v>
      </c>
      <c r="MC10" s="453">
        <v>62419696</v>
      </c>
      <c r="MD10" s="457">
        <v>133488624</v>
      </c>
      <c r="ME10" s="459">
        <v>133488624</v>
      </c>
      <c r="MF10" s="456">
        <v>0</v>
      </c>
      <c r="MG10" s="453">
        <v>0</v>
      </c>
      <c r="MH10" s="457">
        <v>0</v>
      </c>
      <c r="MI10" s="464"/>
      <c r="MJ10" s="453">
        <v>216580258</v>
      </c>
      <c r="MK10" s="453">
        <v>679476475</v>
      </c>
      <c r="ML10" s="453">
        <v>1770720675</v>
      </c>
      <c r="MM10" s="453">
        <v>2658688927</v>
      </c>
      <c r="MN10" s="453">
        <v>1939031505</v>
      </c>
      <c r="MO10" s="457">
        <v>7264497840</v>
      </c>
      <c r="MP10" s="463">
        <v>7264497840</v>
      </c>
      <c r="MQ10" s="456">
        <v>0</v>
      </c>
      <c r="MR10" s="453">
        <v>0</v>
      </c>
      <c r="MS10" s="457">
        <v>0</v>
      </c>
      <c r="MT10" s="464"/>
      <c r="MU10" s="453">
        <v>55832360</v>
      </c>
      <c r="MV10" s="453">
        <v>244548778</v>
      </c>
      <c r="MW10" s="453">
        <v>1147503836</v>
      </c>
      <c r="MX10" s="453">
        <v>1773773304</v>
      </c>
      <c r="MY10" s="453">
        <v>1384054850</v>
      </c>
      <c r="MZ10" s="457">
        <v>4605713128</v>
      </c>
      <c r="NA10" s="463">
        <v>4605713128</v>
      </c>
      <c r="NB10" s="456">
        <v>0</v>
      </c>
      <c r="NC10" s="453">
        <v>0</v>
      </c>
      <c r="ND10" s="457">
        <v>0</v>
      </c>
      <c r="NE10" s="464"/>
      <c r="NF10" s="453">
        <v>160513682</v>
      </c>
      <c r="NG10" s="453">
        <v>433142066</v>
      </c>
      <c r="NH10" s="453">
        <v>617519011</v>
      </c>
      <c r="NI10" s="453">
        <v>841198318</v>
      </c>
      <c r="NJ10" s="453">
        <v>495622370</v>
      </c>
      <c r="NK10" s="457">
        <v>2547995447</v>
      </c>
      <c r="NL10" s="455">
        <v>2547995447</v>
      </c>
      <c r="NM10" s="456">
        <v>0</v>
      </c>
      <c r="NN10" s="453">
        <v>0</v>
      </c>
      <c r="NO10" s="457">
        <v>0</v>
      </c>
      <c r="NP10" s="464"/>
      <c r="NQ10" s="453">
        <v>0</v>
      </c>
      <c r="NR10" s="453">
        <v>0</v>
      </c>
      <c r="NS10" s="453">
        <v>996735</v>
      </c>
      <c r="NT10" s="453">
        <v>12105630</v>
      </c>
      <c r="NU10" s="453">
        <v>17725867</v>
      </c>
      <c r="NV10" s="457">
        <v>30828232</v>
      </c>
      <c r="NW10" s="459">
        <v>30828232</v>
      </c>
      <c r="NX10" s="456">
        <v>0</v>
      </c>
      <c r="NY10" s="453">
        <v>0</v>
      </c>
      <c r="NZ10" s="457">
        <v>0</v>
      </c>
      <c r="OA10" s="464"/>
      <c r="OB10" s="453">
        <v>234216</v>
      </c>
      <c r="OC10" s="453">
        <v>1785631</v>
      </c>
      <c r="OD10" s="453">
        <v>4701093</v>
      </c>
      <c r="OE10" s="453">
        <v>31611675</v>
      </c>
      <c r="OF10" s="453">
        <v>41628418</v>
      </c>
      <c r="OG10" s="457">
        <v>79961033</v>
      </c>
      <c r="OH10" s="459">
        <v>79961033</v>
      </c>
      <c r="OI10" s="456">
        <v>164384275</v>
      </c>
      <c r="OJ10" s="453">
        <v>406994480</v>
      </c>
      <c r="OK10" s="454">
        <v>571378755</v>
      </c>
      <c r="OL10" s="460">
        <v>0</v>
      </c>
      <c r="OM10" s="453">
        <v>2703441956</v>
      </c>
      <c r="ON10" s="453">
        <v>4909989150</v>
      </c>
      <c r="OO10" s="453">
        <v>5333884863</v>
      </c>
      <c r="OP10" s="453">
        <v>5806384310</v>
      </c>
      <c r="OQ10" s="453">
        <v>4322276249</v>
      </c>
      <c r="OR10" s="457">
        <v>23075976528</v>
      </c>
      <c r="OS10" s="463">
        <v>23647355283</v>
      </c>
    </row>
    <row r="11" spans="1:409" ht="21" customHeight="1" x14ac:dyDescent="0.2">
      <c r="B11" s="62" t="s">
        <v>6</v>
      </c>
      <c r="C11" s="110">
        <v>52265374</v>
      </c>
      <c r="D11" s="114">
        <v>96629802</v>
      </c>
      <c r="E11" s="113">
        <v>148895176</v>
      </c>
      <c r="F11" s="109">
        <v>0</v>
      </c>
      <c r="G11" s="114">
        <v>869561160</v>
      </c>
      <c r="H11" s="114">
        <v>946700152</v>
      </c>
      <c r="I11" s="114">
        <v>858910726</v>
      </c>
      <c r="J11" s="114">
        <v>882493399</v>
      </c>
      <c r="K11" s="114">
        <v>693493582</v>
      </c>
      <c r="L11" s="109">
        <v>4251159019</v>
      </c>
      <c r="M11" s="116">
        <v>4400054195</v>
      </c>
      <c r="N11" s="110">
        <v>14250585</v>
      </c>
      <c r="O11" s="114">
        <v>29945252</v>
      </c>
      <c r="P11" s="113">
        <v>44195837</v>
      </c>
      <c r="Q11" s="110">
        <v>0</v>
      </c>
      <c r="R11" s="114">
        <v>276594184</v>
      </c>
      <c r="S11" s="114">
        <v>330437995</v>
      </c>
      <c r="T11" s="114">
        <v>304806576</v>
      </c>
      <c r="U11" s="114">
        <v>356126279</v>
      </c>
      <c r="V11" s="114">
        <v>367549692</v>
      </c>
      <c r="W11" s="113">
        <v>1635514726</v>
      </c>
      <c r="X11" s="116">
        <v>1679710563</v>
      </c>
      <c r="Y11" s="110">
        <v>0</v>
      </c>
      <c r="Z11" s="114">
        <v>0</v>
      </c>
      <c r="AA11" s="113">
        <v>0</v>
      </c>
      <c r="AB11" s="110">
        <v>0</v>
      </c>
      <c r="AC11" s="114">
        <v>135504584</v>
      </c>
      <c r="AD11" s="114">
        <v>171343606</v>
      </c>
      <c r="AE11" s="114">
        <v>177987134</v>
      </c>
      <c r="AF11" s="114">
        <v>215761134</v>
      </c>
      <c r="AG11" s="114">
        <v>222841889</v>
      </c>
      <c r="AH11" s="113">
        <v>923438347</v>
      </c>
      <c r="AI11" s="116">
        <v>923438347</v>
      </c>
      <c r="AJ11" s="110">
        <v>18494</v>
      </c>
      <c r="AK11" s="114">
        <v>85897</v>
      </c>
      <c r="AL11" s="113">
        <v>104391</v>
      </c>
      <c r="AM11" s="110">
        <v>0</v>
      </c>
      <c r="AN11" s="114">
        <v>847828</v>
      </c>
      <c r="AO11" s="114">
        <v>3839499</v>
      </c>
      <c r="AP11" s="114">
        <v>6528850</v>
      </c>
      <c r="AQ11" s="114">
        <v>17790263</v>
      </c>
      <c r="AR11" s="114">
        <v>38417692</v>
      </c>
      <c r="AS11" s="113">
        <v>67424132</v>
      </c>
      <c r="AT11" s="116">
        <v>67528523</v>
      </c>
      <c r="AU11" s="110">
        <v>7982483</v>
      </c>
      <c r="AV11" s="114">
        <v>22082844</v>
      </c>
      <c r="AW11" s="113">
        <v>30065327</v>
      </c>
      <c r="AX11" s="110">
        <v>0</v>
      </c>
      <c r="AY11" s="114">
        <v>85555506</v>
      </c>
      <c r="AZ11" s="114">
        <v>95546896</v>
      </c>
      <c r="BA11" s="114">
        <v>68138579</v>
      </c>
      <c r="BB11" s="114">
        <v>67971943</v>
      </c>
      <c r="BC11" s="114">
        <v>62383632</v>
      </c>
      <c r="BD11" s="113">
        <v>379596556</v>
      </c>
      <c r="BE11" s="116">
        <v>409661883</v>
      </c>
      <c r="BF11" s="110">
        <v>266129</v>
      </c>
      <c r="BG11" s="114">
        <v>1074201</v>
      </c>
      <c r="BH11" s="112">
        <v>1340330</v>
      </c>
      <c r="BI11" s="111">
        <v>0</v>
      </c>
      <c r="BJ11" s="114">
        <v>5805752</v>
      </c>
      <c r="BK11" s="114">
        <v>7550585</v>
      </c>
      <c r="BL11" s="114">
        <v>3528820</v>
      </c>
      <c r="BM11" s="114">
        <v>6110686</v>
      </c>
      <c r="BN11" s="114">
        <v>3074599</v>
      </c>
      <c r="BO11" s="113">
        <v>26070442</v>
      </c>
      <c r="BP11" s="116">
        <v>27410772</v>
      </c>
      <c r="BQ11" s="110">
        <v>5983479</v>
      </c>
      <c r="BR11" s="114">
        <v>6702310</v>
      </c>
      <c r="BS11" s="113">
        <v>12685789</v>
      </c>
      <c r="BT11" s="110">
        <v>0</v>
      </c>
      <c r="BU11" s="114">
        <v>48880514</v>
      </c>
      <c r="BV11" s="114">
        <v>52157409</v>
      </c>
      <c r="BW11" s="114">
        <v>48623193</v>
      </c>
      <c r="BX11" s="114">
        <v>48492253</v>
      </c>
      <c r="BY11" s="114">
        <v>40831880</v>
      </c>
      <c r="BZ11" s="113">
        <v>238985249</v>
      </c>
      <c r="CA11" s="116">
        <v>251671038</v>
      </c>
      <c r="CB11" s="110">
        <v>2786890</v>
      </c>
      <c r="CC11" s="114">
        <v>8894073</v>
      </c>
      <c r="CD11" s="113">
        <v>11680963</v>
      </c>
      <c r="CE11" s="110">
        <v>0</v>
      </c>
      <c r="CF11" s="114">
        <v>237406478</v>
      </c>
      <c r="CG11" s="114">
        <v>250633483</v>
      </c>
      <c r="CH11" s="114">
        <v>191657701</v>
      </c>
      <c r="CI11" s="114">
        <v>149058228</v>
      </c>
      <c r="CJ11" s="114">
        <v>73199445</v>
      </c>
      <c r="CK11" s="113">
        <v>901955335</v>
      </c>
      <c r="CL11" s="116">
        <v>913636298</v>
      </c>
      <c r="CM11" s="110">
        <v>0</v>
      </c>
      <c r="CN11" s="114">
        <v>0</v>
      </c>
      <c r="CO11" s="113">
        <v>0</v>
      </c>
      <c r="CP11" s="111">
        <v>0</v>
      </c>
      <c r="CQ11" s="114">
        <v>205561423</v>
      </c>
      <c r="CR11" s="114">
        <v>200599904</v>
      </c>
      <c r="CS11" s="114">
        <v>151599696</v>
      </c>
      <c r="CT11" s="114">
        <v>116011742</v>
      </c>
      <c r="CU11" s="114">
        <v>59699955</v>
      </c>
      <c r="CV11" s="113">
        <v>733472720</v>
      </c>
      <c r="CW11" s="116">
        <v>733472720</v>
      </c>
      <c r="CX11" s="110">
        <v>2786890</v>
      </c>
      <c r="CY11" s="114">
        <v>8894073</v>
      </c>
      <c r="CZ11" s="113">
        <v>11680963</v>
      </c>
      <c r="DA11" s="110">
        <v>0</v>
      </c>
      <c r="DB11" s="114">
        <v>31845055</v>
      </c>
      <c r="DC11" s="114">
        <v>50033579</v>
      </c>
      <c r="DD11" s="114">
        <v>40058005</v>
      </c>
      <c r="DE11" s="114">
        <v>33046486</v>
      </c>
      <c r="DF11" s="114">
        <v>13499490</v>
      </c>
      <c r="DG11" s="113">
        <v>168482615</v>
      </c>
      <c r="DH11" s="116">
        <v>180163578</v>
      </c>
      <c r="DI11" s="110">
        <v>172788</v>
      </c>
      <c r="DJ11" s="114">
        <v>985476</v>
      </c>
      <c r="DK11" s="112">
        <v>1158264</v>
      </c>
      <c r="DL11" s="111">
        <v>0</v>
      </c>
      <c r="DM11" s="114">
        <v>18730557</v>
      </c>
      <c r="DN11" s="114">
        <v>33970579</v>
      </c>
      <c r="DO11" s="114">
        <v>61076836</v>
      </c>
      <c r="DP11" s="114">
        <v>57484779</v>
      </c>
      <c r="DQ11" s="114">
        <v>33408850</v>
      </c>
      <c r="DR11" s="113">
        <v>204671601</v>
      </c>
      <c r="DS11" s="116">
        <v>205829865</v>
      </c>
      <c r="DT11" s="110">
        <v>172788</v>
      </c>
      <c r="DU11" s="114">
        <v>863189</v>
      </c>
      <c r="DV11" s="113">
        <v>1035977</v>
      </c>
      <c r="DW11" s="110">
        <v>0</v>
      </c>
      <c r="DX11" s="114">
        <v>17020503</v>
      </c>
      <c r="DY11" s="114">
        <v>30293142</v>
      </c>
      <c r="DZ11" s="114">
        <v>53662052</v>
      </c>
      <c r="EA11" s="114">
        <v>47793552</v>
      </c>
      <c r="EB11" s="114">
        <v>28932294</v>
      </c>
      <c r="EC11" s="113">
        <v>177701543</v>
      </c>
      <c r="ED11" s="116">
        <v>178737520</v>
      </c>
      <c r="EE11" s="110">
        <v>0</v>
      </c>
      <c r="EF11" s="112">
        <v>122287</v>
      </c>
      <c r="EG11" s="113">
        <v>122287</v>
      </c>
      <c r="EH11" s="110">
        <v>0</v>
      </c>
      <c r="EI11" s="114">
        <v>1710054</v>
      </c>
      <c r="EJ11" s="114">
        <v>3677437</v>
      </c>
      <c r="EK11" s="114">
        <v>7414784</v>
      </c>
      <c r="EL11" s="114">
        <v>9691227</v>
      </c>
      <c r="EM11" s="114">
        <v>4476556</v>
      </c>
      <c r="EN11" s="112">
        <v>26970058</v>
      </c>
      <c r="EO11" s="116">
        <v>27092345</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5"/>
      <c r="FE11" s="114">
        <v>0</v>
      </c>
      <c r="FF11" s="114">
        <v>0</v>
      </c>
      <c r="FG11" s="114">
        <v>0</v>
      </c>
      <c r="FH11" s="114">
        <v>0</v>
      </c>
      <c r="FI11" s="114">
        <v>0</v>
      </c>
      <c r="FJ11" s="113">
        <v>0</v>
      </c>
      <c r="FK11" s="116">
        <v>0</v>
      </c>
      <c r="FL11" s="110">
        <v>11200258</v>
      </c>
      <c r="FM11" s="114">
        <v>22265010</v>
      </c>
      <c r="FN11" s="113">
        <v>33465268</v>
      </c>
      <c r="FO11" s="110">
        <v>0</v>
      </c>
      <c r="FP11" s="114">
        <v>46050294</v>
      </c>
      <c r="FQ11" s="114">
        <v>84113866</v>
      </c>
      <c r="FR11" s="114">
        <v>67870362</v>
      </c>
      <c r="FS11" s="114">
        <v>66342372</v>
      </c>
      <c r="FT11" s="114">
        <v>48789358</v>
      </c>
      <c r="FU11" s="113">
        <v>313166252</v>
      </c>
      <c r="FV11" s="116">
        <v>346631520</v>
      </c>
      <c r="FW11" s="115">
        <v>7589307</v>
      </c>
      <c r="FX11" s="114">
        <v>17735012</v>
      </c>
      <c r="FY11" s="112">
        <v>25324319</v>
      </c>
      <c r="FZ11" s="111">
        <v>0</v>
      </c>
      <c r="GA11" s="114">
        <v>38128898</v>
      </c>
      <c r="GB11" s="114">
        <v>77020341</v>
      </c>
      <c r="GC11" s="114">
        <v>63802064</v>
      </c>
      <c r="GD11" s="114">
        <v>62556973</v>
      </c>
      <c r="GE11" s="114">
        <v>47206402</v>
      </c>
      <c r="GF11" s="113">
        <v>288714678</v>
      </c>
      <c r="GG11" s="316">
        <v>314038997</v>
      </c>
      <c r="GH11" s="115">
        <v>610872</v>
      </c>
      <c r="GI11" s="114">
        <v>1536765</v>
      </c>
      <c r="GJ11" s="112">
        <v>2147637</v>
      </c>
      <c r="GK11" s="111">
        <v>0</v>
      </c>
      <c r="GL11" s="114">
        <v>2351308</v>
      </c>
      <c r="GM11" s="114">
        <v>2218939</v>
      </c>
      <c r="GN11" s="114">
        <v>1969990</v>
      </c>
      <c r="GO11" s="114">
        <v>2005771</v>
      </c>
      <c r="GP11" s="114">
        <v>676809</v>
      </c>
      <c r="GQ11" s="113">
        <v>9222817</v>
      </c>
      <c r="GR11" s="116">
        <v>11370454</v>
      </c>
      <c r="GS11" s="110">
        <v>3000079</v>
      </c>
      <c r="GT11" s="114">
        <v>2993233</v>
      </c>
      <c r="GU11" s="113">
        <v>5993312</v>
      </c>
      <c r="GV11" s="110">
        <v>0</v>
      </c>
      <c r="GW11" s="114">
        <v>5570088</v>
      </c>
      <c r="GX11" s="114">
        <v>4874586</v>
      </c>
      <c r="GY11" s="114">
        <v>2098308</v>
      </c>
      <c r="GZ11" s="114">
        <v>1779628</v>
      </c>
      <c r="HA11" s="114">
        <v>906147</v>
      </c>
      <c r="HB11" s="112">
        <v>15228757</v>
      </c>
      <c r="HC11" s="116">
        <v>21222069</v>
      </c>
      <c r="HD11" s="110">
        <v>14123935</v>
      </c>
      <c r="HE11" s="114">
        <v>17355130</v>
      </c>
      <c r="HF11" s="112">
        <v>31479065</v>
      </c>
      <c r="HG11" s="111">
        <v>0</v>
      </c>
      <c r="HH11" s="114">
        <v>152369277</v>
      </c>
      <c r="HI11" s="114">
        <v>135515191</v>
      </c>
      <c r="HJ11" s="114">
        <v>150798229</v>
      </c>
      <c r="HK11" s="114">
        <v>190656219</v>
      </c>
      <c r="HL11" s="114">
        <v>131175419</v>
      </c>
      <c r="HM11" s="113">
        <v>760514335</v>
      </c>
      <c r="HN11" s="109">
        <v>791993400</v>
      </c>
      <c r="HO11" s="115">
        <v>9730918</v>
      </c>
      <c r="HP11" s="114">
        <v>17184861</v>
      </c>
      <c r="HQ11" s="113">
        <v>26915779</v>
      </c>
      <c r="HR11" s="110">
        <v>0</v>
      </c>
      <c r="HS11" s="114">
        <v>138410370</v>
      </c>
      <c r="HT11" s="114">
        <v>112029038</v>
      </c>
      <c r="HU11" s="114">
        <v>82701022</v>
      </c>
      <c r="HV11" s="114">
        <v>62825522</v>
      </c>
      <c r="HW11" s="114">
        <v>39370818</v>
      </c>
      <c r="HX11" s="112">
        <v>435336770</v>
      </c>
      <c r="HY11" s="116">
        <v>462252549</v>
      </c>
      <c r="HZ11" s="131">
        <v>1362922</v>
      </c>
      <c r="IA11" s="132">
        <v>3962048</v>
      </c>
      <c r="IB11" s="133">
        <v>5324970</v>
      </c>
      <c r="IC11" s="146">
        <v>0</v>
      </c>
      <c r="ID11" s="132">
        <v>286417674</v>
      </c>
      <c r="IE11" s="147">
        <v>333975838</v>
      </c>
      <c r="IF11" s="133">
        <v>367011537</v>
      </c>
      <c r="IG11" s="132">
        <v>297515507</v>
      </c>
      <c r="IH11" s="133">
        <v>245224181</v>
      </c>
      <c r="II11" s="148">
        <v>1530144737</v>
      </c>
      <c r="IJ11" s="139">
        <v>1535469707</v>
      </c>
      <c r="IK11" s="232">
        <v>0</v>
      </c>
      <c r="IL11" s="236">
        <v>0</v>
      </c>
      <c r="IM11" s="237">
        <v>0</v>
      </c>
      <c r="IN11" s="140"/>
      <c r="IO11" s="119">
        <v>4851910</v>
      </c>
      <c r="IP11" s="119">
        <v>10247690</v>
      </c>
      <c r="IQ11" s="119">
        <v>13846842</v>
      </c>
      <c r="IR11" s="119">
        <v>23414191</v>
      </c>
      <c r="IS11" s="119">
        <v>30090340</v>
      </c>
      <c r="IT11" s="141">
        <v>82450973</v>
      </c>
      <c r="IU11" s="318">
        <v>82450973</v>
      </c>
      <c r="IV11" s="142">
        <v>0</v>
      </c>
      <c r="IW11" s="119">
        <v>0</v>
      </c>
      <c r="IX11" s="120">
        <v>0</v>
      </c>
      <c r="IY11" s="144"/>
      <c r="IZ11" s="119">
        <v>1272286</v>
      </c>
      <c r="JA11" s="119">
        <v>2330314</v>
      </c>
      <c r="JB11" s="119">
        <v>2654444</v>
      </c>
      <c r="JC11" s="119">
        <v>3153161</v>
      </c>
      <c r="JD11" s="119">
        <v>4012993</v>
      </c>
      <c r="JE11" s="120">
        <v>13423198</v>
      </c>
      <c r="JF11" s="121">
        <v>13423198</v>
      </c>
      <c r="JG11" s="142">
        <v>0</v>
      </c>
      <c r="JH11" s="119">
        <v>0</v>
      </c>
      <c r="JI11" s="141">
        <v>0</v>
      </c>
      <c r="JJ11" s="118">
        <v>0</v>
      </c>
      <c r="JK11" s="119">
        <v>95326283</v>
      </c>
      <c r="JL11" s="119">
        <v>80259249</v>
      </c>
      <c r="JM11" s="119">
        <v>72635160</v>
      </c>
      <c r="JN11" s="119">
        <v>48494485</v>
      </c>
      <c r="JO11" s="119">
        <v>28149505</v>
      </c>
      <c r="JP11" s="120">
        <v>324864682</v>
      </c>
      <c r="JQ11" s="318">
        <v>324864682</v>
      </c>
      <c r="JR11" s="142">
        <v>0</v>
      </c>
      <c r="JS11" s="119">
        <v>22824</v>
      </c>
      <c r="JT11" s="141">
        <v>22824</v>
      </c>
      <c r="JU11" s="118">
        <v>0</v>
      </c>
      <c r="JV11" s="119">
        <v>16517936</v>
      </c>
      <c r="JW11" s="119">
        <v>24673634</v>
      </c>
      <c r="JX11" s="119">
        <v>34315464</v>
      </c>
      <c r="JY11" s="119">
        <v>20031630</v>
      </c>
      <c r="JZ11" s="119">
        <v>17623524</v>
      </c>
      <c r="KA11" s="120">
        <v>113162188</v>
      </c>
      <c r="KB11" s="318">
        <v>113185012</v>
      </c>
      <c r="KC11" s="234">
        <v>1362922</v>
      </c>
      <c r="KD11" s="230">
        <v>2469909</v>
      </c>
      <c r="KE11" s="120">
        <v>3832831</v>
      </c>
      <c r="KF11" s="118">
        <v>0</v>
      </c>
      <c r="KG11" s="119">
        <v>29593188</v>
      </c>
      <c r="KH11" s="119">
        <v>39528130</v>
      </c>
      <c r="KI11" s="119">
        <v>49121715</v>
      </c>
      <c r="KJ11" s="119">
        <v>44429070</v>
      </c>
      <c r="KK11" s="119">
        <v>22049364</v>
      </c>
      <c r="KL11" s="120">
        <v>184721467</v>
      </c>
      <c r="KM11" s="143">
        <v>188554298</v>
      </c>
      <c r="KN11" s="232">
        <v>0</v>
      </c>
      <c r="KO11" s="236">
        <v>1469315</v>
      </c>
      <c r="KP11" s="237">
        <v>1469315</v>
      </c>
      <c r="KQ11" s="140"/>
      <c r="KR11" s="119">
        <v>127816785</v>
      </c>
      <c r="KS11" s="119">
        <v>155516186</v>
      </c>
      <c r="KT11" s="119">
        <v>157125116</v>
      </c>
      <c r="KU11" s="119">
        <v>103142502</v>
      </c>
      <c r="KV11" s="119">
        <v>83291208</v>
      </c>
      <c r="KW11" s="120">
        <v>626891797</v>
      </c>
      <c r="KX11" s="318">
        <v>628361112</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960542</v>
      </c>
      <c r="LO11" s="119">
        <v>804120</v>
      </c>
      <c r="LP11" s="119">
        <v>18343555</v>
      </c>
      <c r="LQ11" s="119">
        <v>25785550</v>
      </c>
      <c r="LR11" s="119">
        <v>22177914</v>
      </c>
      <c r="LS11" s="120">
        <v>68071681</v>
      </c>
      <c r="LT11" s="318">
        <v>68071681</v>
      </c>
      <c r="LU11" s="142">
        <v>0</v>
      </c>
      <c r="LV11" s="119">
        <v>0</v>
      </c>
      <c r="LW11" s="120">
        <v>0</v>
      </c>
      <c r="LX11" s="145"/>
      <c r="LY11" s="119">
        <v>10078744</v>
      </c>
      <c r="LZ11" s="119">
        <v>20616515</v>
      </c>
      <c r="MA11" s="119">
        <v>18969241</v>
      </c>
      <c r="MB11" s="119">
        <v>29064918</v>
      </c>
      <c r="MC11" s="119">
        <v>37829333</v>
      </c>
      <c r="MD11" s="120">
        <v>116558751</v>
      </c>
      <c r="ME11" s="121">
        <v>116558751</v>
      </c>
      <c r="MF11" s="142">
        <v>0</v>
      </c>
      <c r="MG11" s="119">
        <v>0</v>
      </c>
      <c r="MH11" s="120">
        <v>0</v>
      </c>
      <c r="MI11" s="145"/>
      <c r="MJ11" s="119">
        <v>70456528</v>
      </c>
      <c r="MK11" s="119">
        <v>132775700</v>
      </c>
      <c r="ML11" s="119">
        <v>480253865</v>
      </c>
      <c r="MM11" s="119">
        <v>778557839</v>
      </c>
      <c r="MN11" s="119">
        <v>564197690</v>
      </c>
      <c r="MO11" s="120">
        <v>2026241622</v>
      </c>
      <c r="MP11" s="143">
        <v>2026241622</v>
      </c>
      <c r="MQ11" s="142">
        <v>0</v>
      </c>
      <c r="MR11" s="119">
        <v>0</v>
      </c>
      <c r="MS11" s="120">
        <v>0</v>
      </c>
      <c r="MT11" s="145"/>
      <c r="MU11" s="119">
        <v>15756696</v>
      </c>
      <c r="MV11" s="119">
        <v>44012936</v>
      </c>
      <c r="MW11" s="119">
        <v>334417664</v>
      </c>
      <c r="MX11" s="119">
        <v>520569717</v>
      </c>
      <c r="MY11" s="119">
        <v>400724031</v>
      </c>
      <c r="MZ11" s="120">
        <v>1315481044</v>
      </c>
      <c r="NA11" s="143">
        <v>1315481044</v>
      </c>
      <c r="NB11" s="142">
        <v>0</v>
      </c>
      <c r="NC11" s="119">
        <v>0</v>
      </c>
      <c r="ND11" s="120">
        <v>0</v>
      </c>
      <c r="NE11" s="145"/>
      <c r="NF11" s="119">
        <v>54428777</v>
      </c>
      <c r="NG11" s="119">
        <v>88023086</v>
      </c>
      <c r="NH11" s="119">
        <v>142540955</v>
      </c>
      <c r="NI11" s="119">
        <v>226249997</v>
      </c>
      <c r="NJ11" s="119">
        <v>111281822</v>
      </c>
      <c r="NK11" s="120">
        <v>622524637</v>
      </c>
      <c r="NL11" s="318">
        <v>622524637</v>
      </c>
      <c r="NM11" s="142">
        <v>0</v>
      </c>
      <c r="NN11" s="119">
        <v>0</v>
      </c>
      <c r="NO11" s="120">
        <v>0</v>
      </c>
      <c r="NP11" s="145"/>
      <c r="NQ11" s="119">
        <v>0</v>
      </c>
      <c r="NR11" s="119">
        <v>481918</v>
      </c>
      <c r="NS11" s="119">
        <v>2099779</v>
      </c>
      <c r="NT11" s="119">
        <v>15297960</v>
      </c>
      <c r="NU11" s="119">
        <v>24442523</v>
      </c>
      <c r="NV11" s="120">
        <v>42322180</v>
      </c>
      <c r="NW11" s="121">
        <v>42322180</v>
      </c>
      <c r="NX11" s="142">
        <v>0</v>
      </c>
      <c r="NY11" s="119">
        <v>0</v>
      </c>
      <c r="NZ11" s="120">
        <v>0</v>
      </c>
      <c r="OA11" s="145"/>
      <c r="OB11" s="119">
        <v>271055</v>
      </c>
      <c r="OC11" s="119">
        <v>257760</v>
      </c>
      <c r="OD11" s="119">
        <v>1195467</v>
      </c>
      <c r="OE11" s="119">
        <v>16440165</v>
      </c>
      <c r="OF11" s="119">
        <v>27749314</v>
      </c>
      <c r="OG11" s="120">
        <v>45913761</v>
      </c>
      <c r="OH11" s="121">
        <v>45913761</v>
      </c>
      <c r="OI11" s="142">
        <v>53628296</v>
      </c>
      <c r="OJ11" s="119">
        <v>100591850</v>
      </c>
      <c r="OK11" s="141">
        <v>154220146</v>
      </c>
      <c r="OL11" s="118">
        <v>0</v>
      </c>
      <c r="OM11" s="119">
        <v>1226435362</v>
      </c>
      <c r="ON11" s="119">
        <v>1413451690</v>
      </c>
      <c r="OO11" s="119">
        <v>1706176128</v>
      </c>
      <c r="OP11" s="119">
        <v>1958566745</v>
      </c>
      <c r="OQ11" s="119">
        <v>1502915453</v>
      </c>
      <c r="OR11" s="120">
        <v>7807545378</v>
      </c>
      <c r="OS11" s="143">
        <v>7961765524</v>
      </c>
    </row>
    <row r="12" spans="1:409" ht="21" customHeight="1" x14ac:dyDescent="0.2">
      <c r="B12" s="62" t="s">
        <v>14</v>
      </c>
      <c r="C12" s="110">
        <v>25300395</v>
      </c>
      <c r="D12" s="114">
        <v>70052350</v>
      </c>
      <c r="E12" s="113">
        <v>95352745</v>
      </c>
      <c r="F12" s="109">
        <v>0</v>
      </c>
      <c r="G12" s="114">
        <v>327709192</v>
      </c>
      <c r="H12" s="114">
        <v>533279230</v>
      </c>
      <c r="I12" s="114">
        <v>513092158</v>
      </c>
      <c r="J12" s="114">
        <v>428408995</v>
      </c>
      <c r="K12" s="114">
        <v>303176332</v>
      </c>
      <c r="L12" s="112">
        <v>2105665907</v>
      </c>
      <c r="M12" s="116">
        <v>2201018652</v>
      </c>
      <c r="N12" s="110">
        <v>4833444</v>
      </c>
      <c r="O12" s="114">
        <v>17328889</v>
      </c>
      <c r="P12" s="113">
        <v>22162333</v>
      </c>
      <c r="Q12" s="110">
        <v>0</v>
      </c>
      <c r="R12" s="114">
        <v>90684220</v>
      </c>
      <c r="S12" s="114">
        <v>169540146</v>
      </c>
      <c r="T12" s="114">
        <v>168626282</v>
      </c>
      <c r="U12" s="114">
        <v>158676055</v>
      </c>
      <c r="V12" s="114">
        <v>150364654</v>
      </c>
      <c r="W12" s="113">
        <v>737891357</v>
      </c>
      <c r="X12" s="116">
        <v>760053690</v>
      </c>
      <c r="Y12" s="110">
        <v>0</v>
      </c>
      <c r="Z12" s="114">
        <v>0</v>
      </c>
      <c r="AA12" s="113">
        <v>0</v>
      </c>
      <c r="AB12" s="110">
        <v>0</v>
      </c>
      <c r="AC12" s="114">
        <v>47117364</v>
      </c>
      <c r="AD12" s="114">
        <v>90932780</v>
      </c>
      <c r="AE12" s="114">
        <v>100952370</v>
      </c>
      <c r="AF12" s="114">
        <v>93275301</v>
      </c>
      <c r="AG12" s="114">
        <v>90566909</v>
      </c>
      <c r="AH12" s="113">
        <v>422844724</v>
      </c>
      <c r="AI12" s="116">
        <v>422844724</v>
      </c>
      <c r="AJ12" s="110">
        <v>0</v>
      </c>
      <c r="AK12" s="114">
        <v>93104</v>
      </c>
      <c r="AL12" s="113">
        <v>93104</v>
      </c>
      <c r="AM12" s="110">
        <v>0</v>
      </c>
      <c r="AN12" s="114">
        <v>133245</v>
      </c>
      <c r="AO12" s="114">
        <v>1231611</v>
      </c>
      <c r="AP12" s="114">
        <v>3001195</v>
      </c>
      <c r="AQ12" s="114">
        <v>9283946</v>
      </c>
      <c r="AR12" s="114">
        <v>14775493</v>
      </c>
      <c r="AS12" s="113">
        <v>28425490</v>
      </c>
      <c r="AT12" s="116">
        <v>28518594</v>
      </c>
      <c r="AU12" s="110">
        <v>2350838</v>
      </c>
      <c r="AV12" s="114">
        <v>12432508</v>
      </c>
      <c r="AW12" s="113">
        <v>14783346</v>
      </c>
      <c r="AX12" s="110">
        <v>0</v>
      </c>
      <c r="AY12" s="114">
        <v>25530441</v>
      </c>
      <c r="AZ12" s="114">
        <v>50614937</v>
      </c>
      <c r="BA12" s="114">
        <v>36553938</v>
      </c>
      <c r="BB12" s="114">
        <v>33270746</v>
      </c>
      <c r="BC12" s="114">
        <v>28591491</v>
      </c>
      <c r="BD12" s="113">
        <v>174561553</v>
      </c>
      <c r="BE12" s="116">
        <v>189344899</v>
      </c>
      <c r="BF12" s="110">
        <v>154209</v>
      </c>
      <c r="BG12" s="114">
        <v>1310362</v>
      </c>
      <c r="BH12" s="112">
        <v>1464571</v>
      </c>
      <c r="BI12" s="111">
        <v>0</v>
      </c>
      <c r="BJ12" s="114">
        <v>848009</v>
      </c>
      <c r="BK12" s="114">
        <v>3126665</v>
      </c>
      <c r="BL12" s="114">
        <v>2105353</v>
      </c>
      <c r="BM12" s="114">
        <v>2103159</v>
      </c>
      <c r="BN12" s="114">
        <v>558703</v>
      </c>
      <c r="BO12" s="113">
        <v>8741889</v>
      </c>
      <c r="BP12" s="116">
        <v>10206460</v>
      </c>
      <c r="BQ12" s="110">
        <v>2328397</v>
      </c>
      <c r="BR12" s="114">
        <v>3492915</v>
      </c>
      <c r="BS12" s="113">
        <v>5821312</v>
      </c>
      <c r="BT12" s="110">
        <v>0</v>
      </c>
      <c r="BU12" s="114">
        <v>17055161</v>
      </c>
      <c r="BV12" s="114">
        <v>23634153</v>
      </c>
      <c r="BW12" s="114">
        <v>26013426</v>
      </c>
      <c r="BX12" s="114">
        <v>20742903</v>
      </c>
      <c r="BY12" s="114">
        <v>15872058</v>
      </c>
      <c r="BZ12" s="113">
        <v>103317701</v>
      </c>
      <c r="CA12" s="116">
        <v>109139013</v>
      </c>
      <c r="CB12" s="110">
        <v>1259088</v>
      </c>
      <c r="CC12" s="114">
        <v>6361551</v>
      </c>
      <c r="CD12" s="113">
        <v>7620639</v>
      </c>
      <c r="CE12" s="110">
        <v>0</v>
      </c>
      <c r="CF12" s="114">
        <v>100000402</v>
      </c>
      <c r="CG12" s="114">
        <v>164205329</v>
      </c>
      <c r="CH12" s="114">
        <v>144231068</v>
      </c>
      <c r="CI12" s="114">
        <v>85132472</v>
      </c>
      <c r="CJ12" s="114">
        <v>45444809</v>
      </c>
      <c r="CK12" s="113">
        <v>539014080</v>
      </c>
      <c r="CL12" s="116">
        <v>546634719</v>
      </c>
      <c r="CM12" s="110">
        <v>0</v>
      </c>
      <c r="CN12" s="114">
        <v>0</v>
      </c>
      <c r="CO12" s="113">
        <v>0</v>
      </c>
      <c r="CP12" s="111">
        <v>0</v>
      </c>
      <c r="CQ12" s="114">
        <v>93285822</v>
      </c>
      <c r="CR12" s="114">
        <v>139532806</v>
      </c>
      <c r="CS12" s="114">
        <v>123796351</v>
      </c>
      <c r="CT12" s="114">
        <v>70286706</v>
      </c>
      <c r="CU12" s="114">
        <v>39858547</v>
      </c>
      <c r="CV12" s="113">
        <v>466760232</v>
      </c>
      <c r="CW12" s="116">
        <v>466760232</v>
      </c>
      <c r="CX12" s="110">
        <v>1259088</v>
      </c>
      <c r="CY12" s="114">
        <v>6361551</v>
      </c>
      <c r="CZ12" s="113">
        <v>7620639</v>
      </c>
      <c r="DA12" s="110">
        <v>0</v>
      </c>
      <c r="DB12" s="114">
        <v>6714580</v>
      </c>
      <c r="DC12" s="114">
        <v>24672523</v>
      </c>
      <c r="DD12" s="114">
        <v>20434717</v>
      </c>
      <c r="DE12" s="114">
        <v>14845766</v>
      </c>
      <c r="DF12" s="114">
        <v>5586262</v>
      </c>
      <c r="DG12" s="113">
        <v>72253848</v>
      </c>
      <c r="DH12" s="116">
        <v>79874487</v>
      </c>
      <c r="DI12" s="110">
        <v>28119</v>
      </c>
      <c r="DJ12" s="114">
        <v>464777</v>
      </c>
      <c r="DK12" s="112">
        <v>492896</v>
      </c>
      <c r="DL12" s="111">
        <v>0</v>
      </c>
      <c r="DM12" s="114">
        <v>7618140</v>
      </c>
      <c r="DN12" s="114">
        <v>18154503</v>
      </c>
      <c r="DO12" s="114">
        <v>43570286</v>
      </c>
      <c r="DP12" s="114">
        <v>42153772</v>
      </c>
      <c r="DQ12" s="114">
        <v>24344046</v>
      </c>
      <c r="DR12" s="113">
        <v>135840747</v>
      </c>
      <c r="DS12" s="116">
        <v>136333643</v>
      </c>
      <c r="DT12" s="110">
        <v>28119</v>
      </c>
      <c r="DU12" s="114">
        <v>464777</v>
      </c>
      <c r="DV12" s="113">
        <v>492896</v>
      </c>
      <c r="DW12" s="110">
        <v>0</v>
      </c>
      <c r="DX12" s="114">
        <v>7423346</v>
      </c>
      <c r="DY12" s="114">
        <v>17544642</v>
      </c>
      <c r="DZ12" s="114">
        <v>42744266</v>
      </c>
      <c r="EA12" s="114">
        <v>41277461</v>
      </c>
      <c r="EB12" s="114">
        <v>23576055</v>
      </c>
      <c r="EC12" s="113">
        <v>132565770</v>
      </c>
      <c r="ED12" s="116">
        <v>133058666</v>
      </c>
      <c r="EE12" s="110">
        <v>0</v>
      </c>
      <c r="EF12" s="112">
        <v>0</v>
      </c>
      <c r="EG12" s="113">
        <v>0</v>
      </c>
      <c r="EH12" s="110">
        <v>0</v>
      </c>
      <c r="EI12" s="114">
        <v>194794</v>
      </c>
      <c r="EJ12" s="114">
        <v>609861</v>
      </c>
      <c r="EK12" s="114">
        <v>826020</v>
      </c>
      <c r="EL12" s="114">
        <v>876311</v>
      </c>
      <c r="EM12" s="114">
        <v>767991</v>
      </c>
      <c r="EN12" s="112">
        <v>3274977</v>
      </c>
      <c r="EO12" s="116">
        <v>3274977</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5"/>
      <c r="FE12" s="114">
        <v>0</v>
      </c>
      <c r="FF12" s="114">
        <v>0</v>
      </c>
      <c r="FG12" s="114">
        <v>0</v>
      </c>
      <c r="FH12" s="114">
        <v>0</v>
      </c>
      <c r="FI12" s="114">
        <v>0</v>
      </c>
      <c r="FJ12" s="113">
        <v>0</v>
      </c>
      <c r="FK12" s="116">
        <v>0</v>
      </c>
      <c r="FL12" s="110">
        <v>7673129</v>
      </c>
      <c r="FM12" s="114">
        <v>21957060</v>
      </c>
      <c r="FN12" s="113">
        <v>29630189</v>
      </c>
      <c r="FO12" s="110">
        <v>0</v>
      </c>
      <c r="FP12" s="114">
        <v>16070591</v>
      </c>
      <c r="FQ12" s="114">
        <v>54024408</v>
      </c>
      <c r="FR12" s="114">
        <v>41337195</v>
      </c>
      <c r="FS12" s="114">
        <v>34082733</v>
      </c>
      <c r="FT12" s="114">
        <v>22820954</v>
      </c>
      <c r="FU12" s="113">
        <v>168335881</v>
      </c>
      <c r="FV12" s="116">
        <v>197966070</v>
      </c>
      <c r="FW12" s="115">
        <v>4929955</v>
      </c>
      <c r="FX12" s="114">
        <v>17757029</v>
      </c>
      <c r="FY12" s="112">
        <v>22686984</v>
      </c>
      <c r="FZ12" s="111">
        <v>0</v>
      </c>
      <c r="GA12" s="114">
        <v>14331031</v>
      </c>
      <c r="GB12" s="114">
        <v>50093641</v>
      </c>
      <c r="GC12" s="114">
        <v>39180561</v>
      </c>
      <c r="GD12" s="114">
        <v>32143273</v>
      </c>
      <c r="GE12" s="114">
        <v>22056416</v>
      </c>
      <c r="GF12" s="113">
        <v>157804922</v>
      </c>
      <c r="GG12" s="316">
        <v>180491906</v>
      </c>
      <c r="GH12" s="115">
        <v>265113</v>
      </c>
      <c r="GI12" s="114">
        <v>930032</v>
      </c>
      <c r="GJ12" s="112">
        <v>1195145</v>
      </c>
      <c r="GK12" s="111">
        <v>0</v>
      </c>
      <c r="GL12" s="114">
        <v>807373</v>
      </c>
      <c r="GM12" s="114">
        <v>1428759</v>
      </c>
      <c r="GN12" s="114">
        <v>640840</v>
      </c>
      <c r="GO12" s="114">
        <v>775515</v>
      </c>
      <c r="GP12" s="114">
        <v>310698</v>
      </c>
      <c r="GQ12" s="113">
        <v>3963185</v>
      </c>
      <c r="GR12" s="116">
        <v>5158330</v>
      </c>
      <c r="GS12" s="110">
        <v>2478061</v>
      </c>
      <c r="GT12" s="114">
        <v>3269999</v>
      </c>
      <c r="GU12" s="113">
        <v>5748060</v>
      </c>
      <c r="GV12" s="110">
        <v>0</v>
      </c>
      <c r="GW12" s="114">
        <v>932187</v>
      </c>
      <c r="GX12" s="114">
        <v>2502008</v>
      </c>
      <c r="GY12" s="114">
        <v>1515794</v>
      </c>
      <c r="GZ12" s="114">
        <v>1163945</v>
      </c>
      <c r="HA12" s="114">
        <v>453840</v>
      </c>
      <c r="HB12" s="112">
        <v>6567774</v>
      </c>
      <c r="HC12" s="116">
        <v>12315834</v>
      </c>
      <c r="HD12" s="110">
        <v>6726583</v>
      </c>
      <c r="HE12" s="114">
        <v>11160421</v>
      </c>
      <c r="HF12" s="112">
        <v>17887004</v>
      </c>
      <c r="HG12" s="111">
        <v>0</v>
      </c>
      <c r="HH12" s="114">
        <v>57351166</v>
      </c>
      <c r="HI12" s="114">
        <v>53724297</v>
      </c>
      <c r="HJ12" s="114">
        <v>63017285</v>
      </c>
      <c r="HK12" s="114">
        <v>74979278</v>
      </c>
      <c r="HL12" s="114">
        <v>41025895</v>
      </c>
      <c r="HM12" s="113">
        <v>290097921</v>
      </c>
      <c r="HN12" s="109">
        <v>307984925</v>
      </c>
      <c r="HO12" s="115">
        <v>4780032</v>
      </c>
      <c r="HP12" s="114">
        <v>12779652</v>
      </c>
      <c r="HQ12" s="113">
        <v>17559684</v>
      </c>
      <c r="HR12" s="110">
        <v>0</v>
      </c>
      <c r="HS12" s="114">
        <v>55984673</v>
      </c>
      <c r="HT12" s="114">
        <v>73630547</v>
      </c>
      <c r="HU12" s="114">
        <v>52310042</v>
      </c>
      <c r="HV12" s="114">
        <v>33384685</v>
      </c>
      <c r="HW12" s="114">
        <v>19175974</v>
      </c>
      <c r="HX12" s="112">
        <v>234485921</v>
      </c>
      <c r="HY12" s="116">
        <v>252045605</v>
      </c>
      <c r="HZ12" s="131">
        <v>807573</v>
      </c>
      <c r="IA12" s="132">
        <v>2703241</v>
      </c>
      <c r="IB12" s="133">
        <v>3510814</v>
      </c>
      <c r="IC12" s="134">
        <v>0</v>
      </c>
      <c r="ID12" s="135">
        <v>117297410</v>
      </c>
      <c r="IE12" s="136">
        <v>180843589</v>
      </c>
      <c r="IF12" s="137">
        <v>208236125</v>
      </c>
      <c r="IG12" s="135">
        <v>135539002</v>
      </c>
      <c r="IH12" s="137">
        <v>87624817</v>
      </c>
      <c r="II12" s="138">
        <v>729540943</v>
      </c>
      <c r="IJ12" s="139">
        <v>733051757</v>
      </c>
      <c r="IK12" s="232">
        <v>0</v>
      </c>
      <c r="IL12" s="236">
        <v>0</v>
      </c>
      <c r="IM12" s="237">
        <v>0</v>
      </c>
      <c r="IN12" s="140"/>
      <c r="IO12" s="119">
        <v>2741024</v>
      </c>
      <c r="IP12" s="119">
        <v>3819244</v>
      </c>
      <c r="IQ12" s="119">
        <v>6110567</v>
      </c>
      <c r="IR12" s="119">
        <v>5068780</v>
      </c>
      <c r="IS12" s="119">
        <v>8012413</v>
      </c>
      <c r="IT12" s="141">
        <v>25752028</v>
      </c>
      <c r="IU12" s="318">
        <v>25752028</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45014418</v>
      </c>
      <c r="JL12" s="119">
        <v>68500790</v>
      </c>
      <c r="JM12" s="119">
        <v>52551178</v>
      </c>
      <c r="JN12" s="119">
        <v>32411407</v>
      </c>
      <c r="JO12" s="119">
        <v>17797590</v>
      </c>
      <c r="JP12" s="120">
        <v>216275383</v>
      </c>
      <c r="JQ12" s="318">
        <v>216275383</v>
      </c>
      <c r="JR12" s="142">
        <v>43009</v>
      </c>
      <c r="JS12" s="119">
        <v>0</v>
      </c>
      <c r="JT12" s="141">
        <v>43009</v>
      </c>
      <c r="JU12" s="118">
        <v>0</v>
      </c>
      <c r="JV12" s="119">
        <v>1403153</v>
      </c>
      <c r="JW12" s="119">
        <v>2260699</v>
      </c>
      <c r="JX12" s="119">
        <v>6193262</v>
      </c>
      <c r="JY12" s="119">
        <v>4219256</v>
      </c>
      <c r="JZ12" s="119">
        <v>3474224</v>
      </c>
      <c r="KA12" s="120">
        <v>17550594</v>
      </c>
      <c r="KB12" s="318">
        <v>17593603</v>
      </c>
      <c r="KC12" s="234">
        <v>764564</v>
      </c>
      <c r="KD12" s="230">
        <v>2213064</v>
      </c>
      <c r="KE12" s="120">
        <v>2977628</v>
      </c>
      <c r="KF12" s="118">
        <v>0</v>
      </c>
      <c r="KG12" s="119">
        <v>13558092</v>
      </c>
      <c r="KH12" s="119">
        <v>25609139</v>
      </c>
      <c r="KI12" s="119">
        <v>29683142</v>
      </c>
      <c r="KJ12" s="119">
        <v>19545725</v>
      </c>
      <c r="KK12" s="119">
        <v>5109547</v>
      </c>
      <c r="KL12" s="120">
        <v>93505645</v>
      </c>
      <c r="KM12" s="143">
        <v>96483273</v>
      </c>
      <c r="KN12" s="232">
        <v>0</v>
      </c>
      <c r="KO12" s="236">
        <v>490177</v>
      </c>
      <c r="KP12" s="237">
        <v>490177</v>
      </c>
      <c r="KQ12" s="140"/>
      <c r="KR12" s="119">
        <v>53108767</v>
      </c>
      <c r="KS12" s="119">
        <v>75160631</v>
      </c>
      <c r="KT12" s="119">
        <v>102323810</v>
      </c>
      <c r="KU12" s="119">
        <v>57564536</v>
      </c>
      <c r="KV12" s="119">
        <v>40857125</v>
      </c>
      <c r="KW12" s="120">
        <v>329014869</v>
      </c>
      <c r="KX12" s="318">
        <v>329505046</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16135</v>
      </c>
      <c r="LP12" s="119">
        <v>4331488</v>
      </c>
      <c r="LQ12" s="119">
        <v>7673115</v>
      </c>
      <c r="LR12" s="119">
        <v>3821647</v>
      </c>
      <c r="LS12" s="120">
        <v>16242385</v>
      </c>
      <c r="LT12" s="318">
        <v>16242385</v>
      </c>
      <c r="LU12" s="142">
        <v>0</v>
      </c>
      <c r="LV12" s="119">
        <v>0</v>
      </c>
      <c r="LW12" s="120">
        <v>0</v>
      </c>
      <c r="LX12" s="145"/>
      <c r="LY12" s="119">
        <v>1471956</v>
      </c>
      <c r="LZ12" s="119">
        <v>5076951</v>
      </c>
      <c r="MA12" s="119">
        <v>7042678</v>
      </c>
      <c r="MB12" s="119">
        <v>9056183</v>
      </c>
      <c r="MC12" s="119">
        <v>8552271</v>
      </c>
      <c r="MD12" s="120">
        <v>31200039</v>
      </c>
      <c r="ME12" s="121">
        <v>31200039</v>
      </c>
      <c r="MF12" s="142">
        <v>0</v>
      </c>
      <c r="MG12" s="119">
        <v>0</v>
      </c>
      <c r="MH12" s="120">
        <v>0</v>
      </c>
      <c r="MI12" s="145"/>
      <c r="MJ12" s="119">
        <v>22787900</v>
      </c>
      <c r="MK12" s="119">
        <v>62217956</v>
      </c>
      <c r="ML12" s="119">
        <v>313221853</v>
      </c>
      <c r="MM12" s="119">
        <v>545339667</v>
      </c>
      <c r="MN12" s="119">
        <v>354167198</v>
      </c>
      <c r="MO12" s="120">
        <v>1297734574</v>
      </c>
      <c r="MP12" s="143">
        <v>1297734574</v>
      </c>
      <c r="MQ12" s="142">
        <v>0</v>
      </c>
      <c r="MR12" s="119">
        <v>0</v>
      </c>
      <c r="MS12" s="120">
        <v>0</v>
      </c>
      <c r="MT12" s="145"/>
      <c r="MU12" s="119">
        <v>1977873</v>
      </c>
      <c r="MV12" s="119">
        <v>10260773</v>
      </c>
      <c r="MW12" s="119">
        <v>222577501</v>
      </c>
      <c r="MX12" s="119">
        <v>379163544</v>
      </c>
      <c r="MY12" s="119">
        <v>248696229</v>
      </c>
      <c r="MZ12" s="120">
        <v>862675920</v>
      </c>
      <c r="NA12" s="143">
        <v>862675920</v>
      </c>
      <c r="NB12" s="142">
        <v>0</v>
      </c>
      <c r="NC12" s="119">
        <v>0</v>
      </c>
      <c r="ND12" s="120">
        <v>0</v>
      </c>
      <c r="NE12" s="145"/>
      <c r="NF12" s="119">
        <v>20810027</v>
      </c>
      <c r="NG12" s="119">
        <v>51888548</v>
      </c>
      <c r="NH12" s="119">
        <v>87826968</v>
      </c>
      <c r="NI12" s="119">
        <v>128748793</v>
      </c>
      <c r="NJ12" s="119">
        <v>67432680</v>
      </c>
      <c r="NK12" s="120">
        <v>356707016</v>
      </c>
      <c r="NL12" s="318">
        <v>356707016</v>
      </c>
      <c r="NM12" s="142">
        <v>0</v>
      </c>
      <c r="NN12" s="119">
        <v>0</v>
      </c>
      <c r="NO12" s="120">
        <v>0</v>
      </c>
      <c r="NP12" s="145"/>
      <c r="NQ12" s="119">
        <v>0</v>
      </c>
      <c r="NR12" s="119">
        <v>30635</v>
      </c>
      <c r="NS12" s="119">
        <v>383615</v>
      </c>
      <c r="NT12" s="119">
        <v>8005013</v>
      </c>
      <c r="NU12" s="119">
        <v>6175368</v>
      </c>
      <c r="NV12" s="120">
        <v>14594631</v>
      </c>
      <c r="NW12" s="121">
        <v>14594631</v>
      </c>
      <c r="NX12" s="142">
        <v>0</v>
      </c>
      <c r="NY12" s="119">
        <v>0</v>
      </c>
      <c r="NZ12" s="120">
        <v>0</v>
      </c>
      <c r="OA12" s="145"/>
      <c r="OB12" s="119">
        <v>0</v>
      </c>
      <c r="OC12" s="119">
        <v>38000</v>
      </c>
      <c r="OD12" s="119">
        <v>2433769</v>
      </c>
      <c r="OE12" s="119">
        <v>29422317</v>
      </c>
      <c r="OF12" s="119">
        <v>31862921</v>
      </c>
      <c r="OG12" s="120">
        <v>63757007</v>
      </c>
      <c r="OH12" s="121">
        <v>63757007</v>
      </c>
      <c r="OI12" s="142">
        <v>26107968</v>
      </c>
      <c r="OJ12" s="119">
        <v>72755591</v>
      </c>
      <c r="OK12" s="141">
        <v>98863559</v>
      </c>
      <c r="OL12" s="118">
        <v>0</v>
      </c>
      <c r="OM12" s="119">
        <v>467794502</v>
      </c>
      <c r="ON12" s="119">
        <v>776340775</v>
      </c>
      <c r="OO12" s="119">
        <v>1034550136</v>
      </c>
      <c r="OP12" s="119">
        <v>1109287664</v>
      </c>
      <c r="OQ12" s="119">
        <v>744968347</v>
      </c>
      <c r="OR12" s="120">
        <v>4132941424</v>
      </c>
      <c r="OS12" s="143">
        <v>4231804983</v>
      </c>
    </row>
    <row r="13" spans="1:409" ht="21" customHeight="1" x14ac:dyDescent="0.2">
      <c r="B13" s="62" t="s">
        <v>7</v>
      </c>
      <c r="C13" s="110">
        <v>14690568</v>
      </c>
      <c r="D13" s="114">
        <v>18676191</v>
      </c>
      <c r="E13" s="113">
        <v>33366759</v>
      </c>
      <c r="F13" s="109">
        <v>0</v>
      </c>
      <c r="G13" s="114">
        <v>369230449</v>
      </c>
      <c r="H13" s="114">
        <v>340240394</v>
      </c>
      <c r="I13" s="114">
        <v>285942838</v>
      </c>
      <c r="J13" s="114">
        <v>286520854</v>
      </c>
      <c r="K13" s="114">
        <v>208954490</v>
      </c>
      <c r="L13" s="109">
        <v>1490889025</v>
      </c>
      <c r="M13" s="116">
        <v>1524255784</v>
      </c>
      <c r="N13" s="110">
        <v>2083501</v>
      </c>
      <c r="O13" s="114">
        <v>2109207</v>
      </c>
      <c r="P13" s="113">
        <v>4192708</v>
      </c>
      <c r="Q13" s="110">
        <v>0</v>
      </c>
      <c r="R13" s="114">
        <v>87649974</v>
      </c>
      <c r="S13" s="114">
        <v>96908381</v>
      </c>
      <c r="T13" s="114">
        <v>92831736</v>
      </c>
      <c r="U13" s="114">
        <v>120956596</v>
      </c>
      <c r="V13" s="114">
        <v>114543621</v>
      </c>
      <c r="W13" s="113">
        <v>512890308</v>
      </c>
      <c r="X13" s="116">
        <v>517083016</v>
      </c>
      <c r="Y13" s="110">
        <v>0</v>
      </c>
      <c r="Z13" s="114">
        <v>0</v>
      </c>
      <c r="AA13" s="113">
        <v>0</v>
      </c>
      <c r="AB13" s="110">
        <v>0</v>
      </c>
      <c r="AC13" s="114">
        <v>48406051</v>
      </c>
      <c r="AD13" s="114">
        <v>52813447</v>
      </c>
      <c r="AE13" s="114">
        <v>58112878</v>
      </c>
      <c r="AF13" s="114">
        <v>78403712</v>
      </c>
      <c r="AG13" s="114">
        <v>72611172</v>
      </c>
      <c r="AH13" s="113">
        <v>310347260</v>
      </c>
      <c r="AI13" s="116">
        <v>310347260</v>
      </c>
      <c r="AJ13" s="110">
        <v>0</v>
      </c>
      <c r="AK13" s="114">
        <v>0</v>
      </c>
      <c r="AL13" s="113">
        <v>0</v>
      </c>
      <c r="AM13" s="110">
        <v>0</v>
      </c>
      <c r="AN13" s="114">
        <v>517336</v>
      </c>
      <c r="AO13" s="114">
        <v>2662460</v>
      </c>
      <c r="AP13" s="114">
        <v>3550133</v>
      </c>
      <c r="AQ13" s="114">
        <v>8357350</v>
      </c>
      <c r="AR13" s="114">
        <v>12840768</v>
      </c>
      <c r="AS13" s="113">
        <v>27928047</v>
      </c>
      <c r="AT13" s="116">
        <v>27928047</v>
      </c>
      <c r="AU13" s="110">
        <v>450103</v>
      </c>
      <c r="AV13" s="114">
        <v>745362</v>
      </c>
      <c r="AW13" s="113">
        <v>1195465</v>
      </c>
      <c r="AX13" s="110">
        <v>0</v>
      </c>
      <c r="AY13" s="114">
        <v>20484533</v>
      </c>
      <c r="AZ13" s="114">
        <v>24645394</v>
      </c>
      <c r="BA13" s="114">
        <v>16333812</v>
      </c>
      <c r="BB13" s="114">
        <v>18634511</v>
      </c>
      <c r="BC13" s="114">
        <v>18288183</v>
      </c>
      <c r="BD13" s="113">
        <v>98386433</v>
      </c>
      <c r="BE13" s="116">
        <v>99581898</v>
      </c>
      <c r="BF13" s="110">
        <v>70128</v>
      </c>
      <c r="BG13" s="114">
        <v>162313</v>
      </c>
      <c r="BH13" s="112">
        <v>232441</v>
      </c>
      <c r="BI13" s="111">
        <v>0</v>
      </c>
      <c r="BJ13" s="114">
        <v>2249841</v>
      </c>
      <c r="BK13" s="114">
        <v>2777729</v>
      </c>
      <c r="BL13" s="114">
        <v>1929719</v>
      </c>
      <c r="BM13" s="114">
        <v>2155233</v>
      </c>
      <c r="BN13" s="114">
        <v>1462643</v>
      </c>
      <c r="BO13" s="113">
        <v>10575165</v>
      </c>
      <c r="BP13" s="116">
        <v>10807606</v>
      </c>
      <c r="BQ13" s="110">
        <v>1563270</v>
      </c>
      <c r="BR13" s="114">
        <v>1201532</v>
      </c>
      <c r="BS13" s="113">
        <v>2764802</v>
      </c>
      <c r="BT13" s="110">
        <v>0</v>
      </c>
      <c r="BU13" s="114">
        <v>15992213</v>
      </c>
      <c r="BV13" s="114">
        <v>14009351</v>
      </c>
      <c r="BW13" s="114">
        <v>12905194</v>
      </c>
      <c r="BX13" s="114">
        <v>13405790</v>
      </c>
      <c r="BY13" s="114">
        <v>9340855</v>
      </c>
      <c r="BZ13" s="113">
        <v>65653403</v>
      </c>
      <c r="CA13" s="116">
        <v>68418205</v>
      </c>
      <c r="CB13" s="110">
        <v>820726</v>
      </c>
      <c r="CC13" s="114">
        <v>2388793</v>
      </c>
      <c r="CD13" s="113">
        <v>3209519</v>
      </c>
      <c r="CE13" s="110">
        <v>0</v>
      </c>
      <c r="CF13" s="114">
        <v>103765980</v>
      </c>
      <c r="CG13" s="114">
        <v>89663618</v>
      </c>
      <c r="CH13" s="114">
        <v>59996719</v>
      </c>
      <c r="CI13" s="114">
        <v>37742142</v>
      </c>
      <c r="CJ13" s="114">
        <v>20015653</v>
      </c>
      <c r="CK13" s="113">
        <v>311184112</v>
      </c>
      <c r="CL13" s="116">
        <v>314393631</v>
      </c>
      <c r="CM13" s="110">
        <v>0</v>
      </c>
      <c r="CN13" s="114">
        <v>0</v>
      </c>
      <c r="CO13" s="113">
        <v>0</v>
      </c>
      <c r="CP13" s="111">
        <v>0</v>
      </c>
      <c r="CQ13" s="114">
        <v>89064713</v>
      </c>
      <c r="CR13" s="114">
        <v>74636726</v>
      </c>
      <c r="CS13" s="114">
        <v>47635590</v>
      </c>
      <c r="CT13" s="114">
        <v>30116199</v>
      </c>
      <c r="CU13" s="114">
        <v>16676279</v>
      </c>
      <c r="CV13" s="113">
        <v>258129507</v>
      </c>
      <c r="CW13" s="116">
        <v>258129507</v>
      </c>
      <c r="CX13" s="110">
        <v>820726</v>
      </c>
      <c r="CY13" s="114">
        <v>2388793</v>
      </c>
      <c r="CZ13" s="113">
        <v>3209519</v>
      </c>
      <c r="DA13" s="110">
        <v>0</v>
      </c>
      <c r="DB13" s="114">
        <v>14701267</v>
      </c>
      <c r="DC13" s="114">
        <v>15026892</v>
      </c>
      <c r="DD13" s="114">
        <v>12361129</v>
      </c>
      <c r="DE13" s="114">
        <v>7625943</v>
      </c>
      <c r="DF13" s="114">
        <v>3339374</v>
      </c>
      <c r="DG13" s="113">
        <v>53054605</v>
      </c>
      <c r="DH13" s="116">
        <v>56264124</v>
      </c>
      <c r="DI13" s="110">
        <v>33070</v>
      </c>
      <c r="DJ13" s="114">
        <v>236417</v>
      </c>
      <c r="DK13" s="112">
        <v>269487</v>
      </c>
      <c r="DL13" s="111">
        <v>0</v>
      </c>
      <c r="DM13" s="114">
        <v>13442914</v>
      </c>
      <c r="DN13" s="114">
        <v>19817371</v>
      </c>
      <c r="DO13" s="114">
        <v>29301294</v>
      </c>
      <c r="DP13" s="114">
        <v>24366821</v>
      </c>
      <c r="DQ13" s="114">
        <v>11496243</v>
      </c>
      <c r="DR13" s="113">
        <v>98424643</v>
      </c>
      <c r="DS13" s="116">
        <v>98694130</v>
      </c>
      <c r="DT13" s="110">
        <v>33070</v>
      </c>
      <c r="DU13" s="114">
        <v>217199</v>
      </c>
      <c r="DV13" s="113">
        <v>250269</v>
      </c>
      <c r="DW13" s="110">
        <v>0</v>
      </c>
      <c r="DX13" s="114">
        <v>12467814</v>
      </c>
      <c r="DY13" s="114">
        <v>18786617</v>
      </c>
      <c r="DZ13" s="114">
        <v>26937229</v>
      </c>
      <c r="EA13" s="114">
        <v>22154996</v>
      </c>
      <c r="EB13" s="114">
        <v>11217692</v>
      </c>
      <c r="EC13" s="113">
        <v>91564348</v>
      </c>
      <c r="ED13" s="116">
        <v>91814617</v>
      </c>
      <c r="EE13" s="110">
        <v>0</v>
      </c>
      <c r="EF13" s="112">
        <v>19218</v>
      </c>
      <c r="EG13" s="113">
        <v>19218</v>
      </c>
      <c r="EH13" s="110">
        <v>0</v>
      </c>
      <c r="EI13" s="114">
        <v>975100</v>
      </c>
      <c r="EJ13" s="114">
        <v>1030754</v>
      </c>
      <c r="EK13" s="114">
        <v>2364065</v>
      </c>
      <c r="EL13" s="114">
        <v>2211825</v>
      </c>
      <c r="EM13" s="114">
        <v>278551</v>
      </c>
      <c r="EN13" s="112">
        <v>6860295</v>
      </c>
      <c r="EO13" s="116">
        <v>6879513</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5"/>
      <c r="FE13" s="114">
        <v>0</v>
      </c>
      <c r="FF13" s="114">
        <v>0</v>
      </c>
      <c r="FG13" s="114">
        <v>0</v>
      </c>
      <c r="FH13" s="114">
        <v>0</v>
      </c>
      <c r="FI13" s="114">
        <v>0</v>
      </c>
      <c r="FJ13" s="113">
        <v>0</v>
      </c>
      <c r="FK13" s="116">
        <v>0</v>
      </c>
      <c r="FL13" s="110">
        <v>4107073</v>
      </c>
      <c r="FM13" s="114">
        <v>6013322</v>
      </c>
      <c r="FN13" s="113">
        <v>10120395</v>
      </c>
      <c r="FO13" s="110">
        <v>0</v>
      </c>
      <c r="FP13" s="114">
        <v>16333996</v>
      </c>
      <c r="FQ13" s="114">
        <v>32444819</v>
      </c>
      <c r="FR13" s="114">
        <v>21735372</v>
      </c>
      <c r="FS13" s="114">
        <v>19227290</v>
      </c>
      <c r="FT13" s="114">
        <v>13154652</v>
      </c>
      <c r="FU13" s="113">
        <v>102896129</v>
      </c>
      <c r="FV13" s="116">
        <v>113016524</v>
      </c>
      <c r="FW13" s="115">
        <v>1434304</v>
      </c>
      <c r="FX13" s="114">
        <v>3312198</v>
      </c>
      <c r="FY13" s="112">
        <v>4746502</v>
      </c>
      <c r="FZ13" s="111">
        <v>0</v>
      </c>
      <c r="GA13" s="114">
        <v>11829283</v>
      </c>
      <c r="GB13" s="114">
        <v>29783365</v>
      </c>
      <c r="GC13" s="114">
        <v>19954411</v>
      </c>
      <c r="GD13" s="114">
        <v>18697945</v>
      </c>
      <c r="GE13" s="114">
        <v>12958103</v>
      </c>
      <c r="GF13" s="113">
        <v>93223107</v>
      </c>
      <c r="GG13" s="316">
        <v>97969609</v>
      </c>
      <c r="GH13" s="115">
        <v>275281</v>
      </c>
      <c r="GI13" s="114">
        <v>226528</v>
      </c>
      <c r="GJ13" s="112">
        <v>501809</v>
      </c>
      <c r="GK13" s="111">
        <v>0</v>
      </c>
      <c r="GL13" s="114">
        <v>731253</v>
      </c>
      <c r="GM13" s="114">
        <v>949768</v>
      </c>
      <c r="GN13" s="114">
        <v>365363</v>
      </c>
      <c r="GO13" s="114">
        <v>148980</v>
      </c>
      <c r="GP13" s="114">
        <v>130129</v>
      </c>
      <c r="GQ13" s="113">
        <v>2325493</v>
      </c>
      <c r="GR13" s="116">
        <v>2827302</v>
      </c>
      <c r="GS13" s="110">
        <v>2397488</v>
      </c>
      <c r="GT13" s="114">
        <v>2474596</v>
      </c>
      <c r="GU13" s="113">
        <v>4872084</v>
      </c>
      <c r="GV13" s="110">
        <v>0</v>
      </c>
      <c r="GW13" s="114">
        <v>3773460</v>
      </c>
      <c r="GX13" s="114">
        <v>1711686</v>
      </c>
      <c r="GY13" s="114">
        <v>1415598</v>
      </c>
      <c r="GZ13" s="114">
        <v>380365</v>
      </c>
      <c r="HA13" s="114">
        <v>66420</v>
      </c>
      <c r="HB13" s="112">
        <v>7347529</v>
      </c>
      <c r="HC13" s="116">
        <v>12219613</v>
      </c>
      <c r="HD13" s="110">
        <v>5671296</v>
      </c>
      <c r="HE13" s="114">
        <v>4240952</v>
      </c>
      <c r="HF13" s="112">
        <v>9912248</v>
      </c>
      <c r="HG13" s="111">
        <v>0</v>
      </c>
      <c r="HH13" s="114">
        <v>81200767</v>
      </c>
      <c r="HI13" s="114">
        <v>55037660</v>
      </c>
      <c r="HJ13" s="114">
        <v>52443290</v>
      </c>
      <c r="HK13" s="114">
        <v>63792237</v>
      </c>
      <c r="HL13" s="114">
        <v>37603113</v>
      </c>
      <c r="HM13" s="113">
        <v>290077067</v>
      </c>
      <c r="HN13" s="109">
        <v>299989315</v>
      </c>
      <c r="HO13" s="115">
        <v>1974902</v>
      </c>
      <c r="HP13" s="114">
        <v>3687500</v>
      </c>
      <c r="HQ13" s="113">
        <v>5662402</v>
      </c>
      <c r="HR13" s="110">
        <v>0</v>
      </c>
      <c r="HS13" s="114">
        <v>66836818</v>
      </c>
      <c r="HT13" s="114">
        <v>46368545</v>
      </c>
      <c r="HU13" s="114">
        <v>29634427</v>
      </c>
      <c r="HV13" s="114">
        <v>20435768</v>
      </c>
      <c r="HW13" s="114">
        <v>12141208</v>
      </c>
      <c r="HX13" s="112">
        <v>175416766</v>
      </c>
      <c r="HY13" s="116">
        <v>181079168</v>
      </c>
      <c r="HZ13" s="131">
        <v>78719</v>
      </c>
      <c r="IA13" s="132">
        <v>837579</v>
      </c>
      <c r="IB13" s="133">
        <v>916298</v>
      </c>
      <c r="IC13" s="146">
        <v>0</v>
      </c>
      <c r="ID13" s="132">
        <v>103122337</v>
      </c>
      <c r="IE13" s="147">
        <v>103547214</v>
      </c>
      <c r="IF13" s="133">
        <v>99307606</v>
      </c>
      <c r="IG13" s="132">
        <v>69669483</v>
      </c>
      <c r="IH13" s="133">
        <v>43433073</v>
      </c>
      <c r="II13" s="148">
        <v>419079713</v>
      </c>
      <c r="IJ13" s="139">
        <v>419996011</v>
      </c>
      <c r="IK13" s="232">
        <v>0</v>
      </c>
      <c r="IL13" s="236">
        <v>0</v>
      </c>
      <c r="IM13" s="237">
        <v>0</v>
      </c>
      <c r="IN13" s="140"/>
      <c r="IO13" s="119">
        <v>662694</v>
      </c>
      <c r="IP13" s="119">
        <v>866088</v>
      </c>
      <c r="IQ13" s="119">
        <v>1604780</v>
      </c>
      <c r="IR13" s="119">
        <v>2610333</v>
      </c>
      <c r="IS13" s="119">
        <v>2049393</v>
      </c>
      <c r="IT13" s="141">
        <v>7793288</v>
      </c>
      <c r="IU13" s="318">
        <v>7793288</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52315007</v>
      </c>
      <c r="JL13" s="119">
        <v>41839918</v>
      </c>
      <c r="JM13" s="119">
        <v>27030987</v>
      </c>
      <c r="JN13" s="119">
        <v>13309411</v>
      </c>
      <c r="JO13" s="119">
        <v>5337281</v>
      </c>
      <c r="JP13" s="120">
        <v>139832604</v>
      </c>
      <c r="JQ13" s="318">
        <v>139832604</v>
      </c>
      <c r="JR13" s="142">
        <v>0</v>
      </c>
      <c r="JS13" s="119">
        <v>0</v>
      </c>
      <c r="JT13" s="141">
        <v>0</v>
      </c>
      <c r="JU13" s="118">
        <v>0</v>
      </c>
      <c r="JV13" s="119">
        <v>8484566</v>
      </c>
      <c r="JW13" s="119">
        <v>12087701</v>
      </c>
      <c r="JX13" s="119">
        <v>13858887</v>
      </c>
      <c r="JY13" s="119">
        <v>7146516</v>
      </c>
      <c r="JZ13" s="119">
        <v>3328160</v>
      </c>
      <c r="KA13" s="120">
        <v>44905830</v>
      </c>
      <c r="KB13" s="318">
        <v>44905830</v>
      </c>
      <c r="KC13" s="234">
        <v>78719</v>
      </c>
      <c r="KD13" s="230">
        <v>574249</v>
      </c>
      <c r="KE13" s="120">
        <v>652968</v>
      </c>
      <c r="KF13" s="118">
        <v>0</v>
      </c>
      <c r="KG13" s="119">
        <v>6360847</v>
      </c>
      <c r="KH13" s="119">
        <v>5700064</v>
      </c>
      <c r="KI13" s="119">
        <v>9781475</v>
      </c>
      <c r="KJ13" s="119">
        <v>5749500</v>
      </c>
      <c r="KK13" s="119">
        <v>1575196</v>
      </c>
      <c r="KL13" s="120">
        <v>29167082</v>
      </c>
      <c r="KM13" s="143">
        <v>29820050</v>
      </c>
      <c r="KN13" s="232">
        <v>0</v>
      </c>
      <c r="KO13" s="236">
        <v>263330</v>
      </c>
      <c r="KP13" s="237">
        <v>263330</v>
      </c>
      <c r="KQ13" s="140"/>
      <c r="KR13" s="119">
        <v>33664693</v>
      </c>
      <c r="KS13" s="119">
        <v>41474821</v>
      </c>
      <c r="KT13" s="119">
        <v>45588623</v>
      </c>
      <c r="KU13" s="119">
        <v>36264217</v>
      </c>
      <c r="KV13" s="119">
        <v>21646164</v>
      </c>
      <c r="KW13" s="120">
        <v>178638518</v>
      </c>
      <c r="KX13" s="318">
        <v>178901848</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18">
        <v>0</v>
      </c>
      <c r="LU13" s="142">
        <v>0</v>
      </c>
      <c r="LV13" s="119">
        <v>0</v>
      </c>
      <c r="LW13" s="120">
        <v>0</v>
      </c>
      <c r="LX13" s="145"/>
      <c r="LY13" s="119">
        <v>1634530</v>
      </c>
      <c r="LZ13" s="119">
        <v>1578622</v>
      </c>
      <c r="MA13" s="119">
        <v>1442854</v>
      </c>
      <c r="MB13" s="119">
        <v>4589506</v>
      </c>
      <c r="MC13" s="119">
        <v>9496879</v>
      </c>
      <c r="MD13" s="120">
        <v>18742391</v>
      </c>
      <c r="ME13" s="121">
        <v>18742391</v>
      </c>
      <c r="MF13" s="142">
        <v>0</v>
      </c>
      <c r="MG13" s="119">
        <v>0</v>
      </c>
      <c r="MH13" s="120">
        <v>0</v>
      </c>
      <c r="MI13" s="145"/>
      <c r="MJ13" s="119">
        <v>44229484</v>
      </c>
      <c r="MK13" s="119">
        <v>68748917</v>
      </c>
      <c r="ML13" s="119">
        <v>231680243</v>
      </c>
      <c r="MM13" s="119">
        <v>350272092</v>
      </c>
      <c r="MN13" s="119">
        <v>207968943</v>
      </c>
      <c r="MO13" s="120">
        <v>902899679</v>
      </c>
      <c r="MP13" s="143">
        <v>902899679</v>
      </c>
      <c r="MQ13" s="142">
        <v>0</v>
      </c>
      <c r="MR13" s="119">
        <v>0</v>
      </c>
      <c r="MS13" s="120">
        <v>0</v>
      </c>
      <c r="MT13" s="145"/>
      <c r="MU13" s="119">
        <v>4409696</v>
      </c>
      <c r="MV13" s="119">
        <v>9763904</v>
      </c>
      <c r="MW13" s="119">
        <v>149024608</v>
      </c>
      <c r="MX13" s="119">
        <v>260106271</v>
      </c>
      <c r="MY13" s="119">
        <v>169794088</v>
      </c>
      <c r="MZ13" s="120">
        <v>593098567</v>
      </c>
      <c r="NA13" s="143">
        <v>593098567</v>
      </c>
      <c r="NB13" s="142">
        <v>0</v>
      </c>
      <c r="NC13" s="119">
        <v>0</v>
      </c>
      <c r="ND13" s="120">
        <v>0</v>
      </c>
      <c r="NE13" s="145"/>
      <c r="NF13" s="119">
        <v>39819788</v>
      </c>
      <c r="NG13" s="119">
        <v>58985013</v>
      </c>
      <c r="NH13" s="119">
        <v>81933277</v>
      </c>
      <c r="NI13" s="119">
        <v>88914607</v>
      </c>
      <c r="NJ13" s="119">
        <v>36278780</v>
      </c>
      <c r="NK13" s="120">
        <v>305931465</v>
      </c>
      <c r="NL13" s="318">
        <v>305931465</v>
      </c>
      <c r="NM13" s="142">
        <v>0</v>
      </c>
      <c r="NN13" s="119">
        <v>0</v>
      </c>
      <c r="NO13" s="120">
        <v>0</v>
      </c>
      <c r="NP13" s="145"/>
      <c r="NQ13" s="119">
        <v>0</v>
      </c>
      <c r="NR13" s="119">
        <v>0</v>
      </c>
      <c r="NS13" s="119">
        <v>0</v>
      </c>
      <c r="NT13" s="119">
        <v>468999</v>
      </c>
      <c r="NU13" s="119">
        <v>1118997</v>
      </c>
      <c r="NV13" s="120">
        <v>1587996</v>
      </c>
      <c r="NW13" s="121">
        <v>1587996</v>
      </c>
      <c r="NX13" s="142">
        <v>0</v>
      </c>
      <c r="NY13" s="119">
        <v>0</v>
      </c>
      <c r="NZ13" s="120">
        <v>0</v>
      </c>
      <c r="OA13" s="145"/>
      <c r="OB13" s="119">
        <v>0</v>
      </c>
      <c r="OC13" s="119">
        <v>0</v>
      </c>
      <c r="OD13" s="119">
        <v>722358</v>
      </c>
      <c r="OE13" s="119">
        <v>782215</v>
      </c>
      <c r="OF13" s="119">
        <v>777078</v>
      </c>
      <c r="OG13" s="120">
        <v>2281651</v>
      </c>
      <c r="OH13" s="121">
        <v>2281651</v>
      </c>
      <c r="OI13" s="142">
        <v>14769287</v>
      </c>
      <c r="OJ13" s="119">
        <v>19513770</v>
      </c>
      <c r="OK13" s="141">
        <v>34283057</v>
      </c>
      <c r="OL13" s="118">
        <v>0</v>
      </c>
      <c r="OM13" s="119">
        <v>516582270</v>
      </c>
      <c r="ON13" s="119">
        <v>512536525</v>
      </c>
      <c r="OO13" s="119">
        <v>616930687</v>
      </c>
      <c r="OP13" s="119">
        <v>706462429</v>
      </c>
      <c r="OQ13" s="119">
        <v>460356506</v>
      </c>
      <c r="OR13" s="120">
        <v>2812868417</v>
      </c>
      <c r="OS13" s="143">
        <v>2847151474</v>
      </c>
    </row>
    <row r="14" spans="1:409" ht="21" customHeight="1" x14ac:dyDescent="0.2">
      <c r="B14" s="62" t="s">
        <v>8</v>
      </c>
      <c r="C14" s="110">
        <v>12376027</v>
      </c>
      <c r="D14" s="114">
        <v>15317394</v>
      </c>
      <c r="E14" s="113">
        <v>27693421</v>
      </c>
      <c r="F14" s="109">
        <v>0</v>
      </c>
      <c r="G14" s="114">
        <v>148048622</v>
      </c>
      <c r="H14" s="114">
        <v>208820972</v>
      </c>
      <c r="I14" s="114">
        <v>193729608</v>
      </c>
      <c r="J14" s="114">
        <v>169753374</v>
      </c>
      <c r="K14" s="114">
        <v>128274293</v>
      </c>
      <c r="L14" s="109">
        <v>848626869</v>
      </c>
      <c r="M14" s="116">
        <v>876320290</v>
      </c>
      <c r="N14" s="110">
        <v>2270146</v>
      </c>
      <c r="O14" s="114">
        <v>3068765</v>
      </c>
      <c r="P14" s="113">
        <v>5338911</v>
      </c>
      <c r="Q14" s="110">
        <v>0</v>
      </c>
      <c r="R14" s="114">
        <v>40245079</v>
      </c>
      <c r="S14" s="114">
        <v>64290667</v>
      </c>
      <c r="T14" s="114">
        <v>64558086</v>
      </c>
      <c r="U14" s="114">
        <v>69139957</v>
      </c>
      <c r="V14" s="114">
        <v>68745393</v>
      </c>
      <c r="W14" s="113">
        <v>306979182</v>
      </c>
      <c r="X14" s="116">
        <v>312318093</v>
      </c>
      <c r="Y14" s="110">
        <v>0</v>
      </c>
      <c r="Z14" s="114">
        <v>0</v>
      </c>
      <c r="AA14" s="113">
        <v>0</v>
      </c>
      <c r="AB14" s="110">
        <v>0</v>
      </c>
      <c r="AC14" s="114">
        <v>21302910</v>
      </c>
      <c r="AD14" s="114">
        <v>37108258</v>
      </c>
      <c r="AE14" s="114">
        <v>42620241</v>
      </c>
      <c r="AF14" s="114">
        <v>45181022</v>
      </c>
      <c r="AG14" s="114">
        <v>44424918</v>
      </c>
      <c r="AH14" s="113">
        <v>190637349</v>
      </c>
      <c r="AI14" s="116">
        <v>190637349</v>
      </c>
      <c r="AJ14" s="110">
        <v>0</v>
      </c>
      <c r="AK14" s="114">
        <v>0</v>
      </c>
      <c r="AL14" s="113">
        <v>0</v>
      </c>
      <c r="AM14" s="110">
        <v>0</v>
      </c>
      <c r="AN14" s="114">
        <v>425410</v>
      </c>
      <c r="AO14" s="114">
        <v>1088080</v>
      </c>
      <c r="AP14" s="114">
        <v>1256073</v>
      </c>
      <c r="AQ14" s="114">
        <v>3961785</v>
      </c>
      <c r="AR14" s="114">
        <v>7343596</v>
      </c>
      <c r="AS14" s="113">
        <v>14074944</v>
      </c>
      <c r="AT14" s="116">
        <v>14074944</v>
      </c>
      <c r="AU14" s="110">
        <v>1240080</v>
      </c>
      <c r="AV14" s="114">
        <v>2001516</v>
      </c>
      <c r="AW14" s="113">
        <v>3241596</v>
      </c>
      <c r="AX14" s="110">
        <v>0</v>
      </c>
      <c r="AY14" s="114">
        <v>9808540</v>
      </c>
      <c r="AZ14" s="114">
        <v>15260381</v>
      </c>
      <c r="BA14" s="114">
        <v>11398133</v>
      </c>
      <c r="BB14" s="114">
        <v>11414776</v>
      </c>
      <c r="BC14" s="114">
        <v>10863233</v>
      </c>
      <c r="BD14" s="113">
        <v>58745063</v>
      </c>
      <c r="BE14" s="116">
        <v>61986659</v>
      </c>
      <c r="BF14" s="110">
        <v>201420</v>
      </c>
      <c r="BG14" s="114">
        <v>494604</v>
      </c>
      <c r="BH14" s="112">
        <v>696024</v>
      </c>
      <c r="BI14" s="111">
        <v>0</v>
      </c>
      <c r="BJ14" s="114">
        <v>2721840</v>
      </c>
      <c r="BK14" s="114">
        <v>3438735</v>
      </c>
      <c r="BL14" s="114">
        <v>2137897</v>
      </c>
      <c r="BM14" s="114">
        <v>1576185</v>
      </c>
      <c r="BN14" s="114">
        <v>727616</v>
      </c>
      <c r="BO14" s="113">
        <v>10602273</v>
      </c>
      <c r="BP14" s="116">
        <v>11298297</v>
      </c>
      <c r="BQ14" s="110">
        <v>828646</v>
      </c>
      <c r="BR14" s="114">
        <v>572645</v>
      </c>
      <c r="BS14" s="113">
        <v>1401291</v>
      </c>
      <c r="BT14" s="110">
        <v>0</v>
      </c>
      <c r="BU14" s="114">
        <v>5986379</v>
      </c>
      <c r="BV14" s="114">
        <v>7395213</v>
      </c>
      <c r="BW14" s="114">
        <v>7145742</v>
      </c>
      <c r="BX14" s="114">
        <v>7006189</v>
      </c>
      <c r="BY14" s="114">
        <v>5386030</v>
      </c>
      <c r="BZ14" s="113">
        <v>32919553</v>
      </c>
      <c r="CA14" s="116">
        <v>34320844</v>
      </c>
      <c r="CB14" s="110">
        <v>1213899</v>
      </c>
      <c r="CC14" s="114">
        <v>2568854</v>
      </c>
      <c r="CD14" s="113">
        <v>3782753</v>
      </c>
      <c r="CE14" s="110">
        <v>0</v>
      </c>
      <c r="CF14" s="114">
        <v>41444081</v>
      </c>
      <c r="CG14" s="114">
        <v>61641573</v>
      </c>
      <c r="CH14" s="114">
        <v>48301578</v>
      </c>
      <c r="CI14" s="114">
        <v>30583598</v>
      </c>
      <c r="CJ14" s="114">
        <v>17501958</v>
      </c>
      <c r="CK14" s="113">
        <v>199472788</v>
      </c>
      <c r="CL14" s="116">
        <v>203255541</v>
      </c>
      <c r="CM14" s="110">
        <v>0</v>
      </c>
      <c r="CN14" s="114">
        <v>0</v>
      </c>
      <c r="CO14" s="113">
        <v>0</v>
      </c>
      <c r="CP14" s="111">
        <v>0</v>
      </c>
      <c r="CQ14" s="114">
        <v>35796784</v>
      </c>
      <c r="CR14" s="114">
        <v>51014850</v>
      </c>
      <c r="CS14" s="114">
        <v>39522181</v>
      </c>
      <c r="CT14" s="114">
        <v>25351942</v>
      </c>
      <c r="CU14" s="114">
        <v>15466332</v>
      </c>
      <c r="CV14" s="113">
        <v>167152089</v>
      </c>
      <c r="CW14" s="116">
        <v>167152089</v>
      </c>
      <c r="CX14" s="110">
        <v>1213899</v>
      </c>
      <c r="CY14" s="114">
        <v>2568854</v>
      </c>
      <c r="CZ14" s="113">
        <v>3782753</v>
      </c>
      <c r="DA14" s="110">
        <v>0</v>
      </c>
      <c r="DB14" s="114">
        <v>5647297</v>
      </c>
      <c r="DC14" s="114">
        <v>10626723</v>
      </c>
      <c r="DD14" s="114">
        <v>8779397</v>
      </c>
      <c r="DE14" s="114">
        <v>5231656</v>
      </c>
      <c r="DF14" s="114">
        <v>2035626</v>
      </c>
      <c r="DG14" s="113">
        <v>32320699</v>
      </c>
      <c r="DH14" s="116">
        <v>36103452</v>
      </c>
      <c r="DI14" s="110">
        <v>51353</v>
      </c>
      <c r="DJ14" s="114">
        <v>516441</v>
      </c>
      <c r="DK14" s="112">
        <v>567794</v>
      </c>
      <c r="DL14" s="111">
        <v>0</v>
      </c>
      <c r="DM14" s="114">
        <v>3960960</v>
      </c>
      <c r="DN14" s="114">
        <v>10565968</v>
      </c>
      <c r="DO14" s="114">
        <v>25120866</v>
      </c>
      <c r="DP14" s="114">
        <v>17059649</v>
      </c>
      <c r="DQ14" s="114">
        <v>7336571</v>
      </c>
      <c r="DR14" s="113">
        <v>64044014</v>
      </c>
      <c r="DS14" s="116">
        <v>64611808</v>
      </c>
      <c r="DT14" s="110">
        <v>51353</v>
      </c>
      <c r="DU14" s="114">
        <v>516441</v>
      </c>
      <c r="DV14" s="113">
        <v>567794</v>
      </c>
      <c r="DW14" s="110">
        <v>0</v>
      </c>
      <c r="DX14" s="114">
        <v>3960960</v>
      </c>
      <c r="DY14" s="114">
        <v>10105587</v>
      </c>
      <c r="DZ14" s="114">
        <v>24874363</v>
      </c>
      <c r="EA14" s="114">
        <v>16871578</v>
      </c>
      <c r="EB14" s="114">
        <v>7281261</v>
      </c>
      <c r="EC14" s="113">
        <v>63093749</v>
      </c>
      <c r="ED14" s="116">
        <v>63661543</v>
      </c>
      <c r="EE14" s="110">
        <v>0</v>
      </c>
      <c r="EF14" s="112">
        <v>0</v>
      </c>
      <c r="EG14" s="113">
        <v>0</v>
      </c>
      <c r="EH14" s="110">
        <v>0</v>
      </c>
      <c r="EI14" s="114">
        <v>0</v>
      </c>
      <c r="EJ14" s="114">
        <v>460381</v>
      </c>
      <c r="EK14" s="114">
        <v>246503</v>
      </c>
      <c r="EL14" s="114">
        <v>188071</v>
      </c>
      <c r="EM14" s="114">
        <v>55310</v>
      </c>
      <c r="EN14" s="112">
        <v>950265</v>
      </c>
      <c r="EO14" s="116">
        <v>950265</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5"/>
      <c r="FE14" s="114">
        <v>0</v>
      </c>
      <c r="FF14" s="114">
        <v>0</v>
      </c>
      <c r="FG14" s="114">
        <v>0</v>
      </c>
      <c r="FH14" s="114">
        <v>0</v>
      </c>
      <c r="FI14" s="114">
        <v>0</v>
      </c>
      <c r="FJ14" s="113">
        <v>0</v>
      </c>
      <c r="FK14" s="116">
        <v>0</v>
      </c>
      <c r="FL14" s="110">
        <v>3432139</v>
      </c>
      <c r="FM14" s="114">
        <v>4363385</v>
      </c>
      <c r="FN14" s="113">
        <v>7795524</v>
      </c>
      <c r="FO14" s="110">
        <v>0</v>
      </c>
      <c r="FP14" s="114">
        <v>8983551</v>
      </c>
      <c r="FQ14" s="114">
        <v>22372152</v>
      </c>
      <c r="FR14" s="114">
        <v>15387070</v>
      </c>
      <c r="FS14" s="114">
        <v>12176094</v>
      </c>
      <c r="FT14" s="114">
        <v>9129905</v>
      </c>
      <c r="FU14" s="113">
        <v>68048772</v>
      </c>
      <c r="FV14" s="116">
        <v>75844296</v>
      </c>
      <c r="FW14" s="115">
        <v>2223301</v>
      </c>
      <c r="FX14" s="114">
        <v>3636071</v>
      </c>
      <c r="FY14" s="112">
        <v>5859372</v>
      </c>
      <c r="FZ14" s="111">
        <v>0</v>
      </c>
      <c r="GA14" s="114">
        <v>6929702</v>
      </c>
      <c r="GB14" s="114">
        <v>20630709</v>
      </c>
      <c r="GC14" s="114">
        <v>14035835</v>
      </c>
      <c r="GD14" s="114">
        <v>11530646</v>
      </c>
      <c r="GE14" s="114">
        <v>8961037</v>
      </c>
      <c r="GF14" s="113">
        <v>62087929</v>
      </c>
      <c r="GG14" s="316">
        <v>67947301</v>
      </c>
      <c r="GH14" s="115">
        <v>272252</v>
      </c>
      <c r="GI14" s="114">
        <v>113887</v>
      </c>
      <c r="GJ14" s="112">
        <v>386139</v>
      </c>
      <c r="GK14" s="111">
        <v>0</v>
      </c>
      <c r="GL14" s="114">
        <v>527183</v>
      </c>
      <c r="GM14" s="114">
        <v>738165</v>
      </c>
      <c r="GN14" s="114">
        <v>377510</v>
      </c>
      <c r="GO14" s="114">
        <v>314158</v>
      </c>
      <c r="GP14" s="114">
        <v>29700</v>
      </c>
      <c r="GQ14" s="113">
        <v>1986716</v>
      </c>
      <c r="GR14" s="116">
        <v>2372855</v>
      </c>
      <c r="GS14" s="110">
        <v>936586</v>
      </c>
      <c r="GT14" s="114">
        <v>613427</v>
      </c>
      <c r="GU14" s="113">
        <v>1550013</v>
      </c>
      <c r="GV14" s="110">
        <v>0</v>
      </c>
      <c r="GW14" s="114">
        <v>1526666</v>
      </c>
      <c r="GX14" s="114">
        <v>1003278</v>
      </c>
      <c r="GY14" s="114">
        <v>973725</v>
      </c>
      <c r="GZ14" s="114">
        <v>331290</v>
      </c>
      <c r="HA14" s="114">
        <v>139168</v>
      </c>
      <c r="HB14" s="112">
        <v>3974127</v>
      </c>
      <c r="HC14" s="116">
        <v>5524140</v>
      </c>
      <c r="HD14" s="110">
        <v>2840873</v>
      </c>
      <c r="HE14" s="114">
        <v>1595178</v>
      </c>
      <c r="HF14" s="112">
        <v>4436051</v>
      </c>
      <c r="HG14" s="111">
        <v>0</v>
      </c>
      <c r="HH14" s="114">
        <v>27867962</v>
      </c>
      <c r="HI14" s="114">
        <v>21979545</v>
      </c>
      <c r="HJ14" s="114">
        <v>21233706</v>
      </c>
      <c r="HK14" s="114">
        <v>28955077</v>
      </c>
      <c r="HL14" s="114">
        <v>18571702</v>
      </c>
      <c r="HM14" s="113">
        <v>118607992</v>
      </c>
      <c r="HN14" s="109">
        <v>123044043</v>
      </c>
      <c r="HO14" s="115">
        <v>2567617</v>
      </c>
      <c r="HP14" s="114">
        <v>3204771</v>
      </c>
      <c r="HQ14" s="113">
        <v>5772388</v>
      </c>
      <c r="HR14" s="110">
        <v>0</v>
      </c>
      <c r="HS14" s="114">
        <v>25546989</v>
      </c>
      <c r="HT14" s="114">
        <v>27971067</v>
      </c>
      <c r="HU14" s="114">
        <v>19128302</v>
      </c>
      <c r="HV14" s="114">
        <v>11838999</v>
      </c>
      <c r="HW14" s="114">
        <v>6988764</v>
      </c>
      <c r="HX14" s="112">
        <v>91474121</v>
      </c>
      <c r="HY14" s="116">
        <v>97246509</v>
      </c>
      <c r="HZ14" s="131">
        <v>527638</v>
      </c>
      <c r="IA14" s="132">
        <v>930123</v>
      </c>
      <c r="IB14" s="133">
        <v>1457761</v>
      </c>
      <c r="IC14" s="134">
        <v>0</v>
      </c>
      <c r="ID14" s="135">
        <v>61021362</v>
      </c>
      <c r="IE14" s="136">
        <v>71206160</v>
      </c>
      <c r="IF14" s="137">
        <v>71210292</v>
      </c>
      <c r="IG14" s="135">
        <v>53362835</v>
      </c>
      <c r="IH14" s="137">
        <v>29582532</v>
      </c>
      <c r="II14" s="138">
        <v>286383181</v>
      </c>
      <c r="IJ14" s="139">
        <v>287840942</v>
      </c>
      <c r="IK14" s="232">
        <v>0</v>
      </c>
      <c r="IL14" s="236">
        <v>0</v>
      </c>
      <c r="IM14" s="237">
        <v>0</v>
      </c>
      <c r="IN14" s="140"/>
      <c r="IO14" s="119">
        <v>459905</v>
      </c>
      <c r="IP14" s="119">
        <v>850419</v>
      </c>
      <c r="IQ14" s="119">
        <v>224676</v>
      </c>
      <c r="IR14" s="119">
        <v>1218480</v>
      </c>
      <c r="IS14" s="119">
        <v>356905</v>
      </c>
      <c r="IT14" s="141">
        <v>3110385</v>
      </c>
      <c r="IU14" s="318">
        <v>3110385</v>
      </c>
      <c r="IV14" s="142">
        <v>0</v>
      </c>
      <c r="IW14" s="119">
        <v>0</v>
      </c>
      <c r="IX14" s="120">
        <v>0</v>
      </c>
      <c r="IY14" s="144"/>
      <c r="IZ14" s="119">
        <v>52925</v>
      </c>
      <c r="JA14" s="119">
        <v>38538</v>
      </c>
      <c r="JB14" s="119">
        <v>19269</v>
      </c>
      <c r="JC14" s="119">
        <v>0</v>
      </c>
      <c r="JD14" s="119">
        <v>94583</v>
      </c>
      <c r="JE14" s="120">
        <v>205315</v>
      </c>
      <c r="JF14" s="121">
        <v>205315</v>
      </c>
      <c r="JG14" s="142">
        <v>0</v>
      </c>
      <c r="JH14" s="119">
        <v>0</v>
      </c>
      <c r="JI14" s="141">
        <v>0</v>
      </c>
      <c r="JJ14" s="118">
        <v>0</v>
      </c>
      <c r="JK14" s="119">
        <v>31094450</v>
      </c>
      <c r="JL14" s="119">
        <v>36804486</v>
      </c>
      <c r="JM14" s="119">
        <v>24779797</v>
      </c>
      <c r="JN14" s="119">
        <v>13382716</v>
      </c>
      <c r="JO14" s="119">
        <v>6358635</v>
      </c>
      <c r="JP14" s="120">
        <v>112420084</v>
      </c>
      <c r="JQ14" s="318">
        <v>112420084</v>
      </c>
      <c r="JR14" s="142">
        <v>0</v>
      </c>
      <c r="JS14" s="119">
        <v>0</v>
      </c>
      <c r="JT14" s="141">
        <v>0</v>
      </c>
      <c r="JU14" s="118">
        <v>0</v>
      </c>
      <c r="JV14" s="119">
        <v>689189</v>
      </c>
      <c r="JW14" s="119">
        <v>1293740</v>
      </c>
      <c r="JX14" s="119">
        <v>1577101</v>
      </c>
      <c r="JY14" s="119">
        <v>1558309</v>
      </c>
      <c r="JZ14" s="119">
        <v>1260830</v>
      </c>
      <c r="KA14" s="120">
        <v>6379169</v>
      </c>
      <c r="KB14" s="318">
        <v>6379169</v>
      </c>
      <c r="KC14" s="234">
        <v>527638</v>
      </c>
      <c r="KD14" s="230">
        <v>930123</v>
      </c>
      <c r="KE14" s="120">
        <v>1457761</v>
      </c>
      <c r="KF14" s="118">
        <v>0</v>
      </c>
      <c r="KG14" s="119">
        <v>9572150</v>
      </c>
      <c r="KH14" s="119">
        <v>9592621</v>
      </c>
      <c r="KI14" s="119">
        <v>12391535</v>
      </c>
      <c r="KJ14" s="119">
        <v>7018018</v>
      </c>
      <c r="KK14" s="119">
        <v>4839156</v>
      </c>
      <c r="KL14" s="120">
        <v>43413480</v>
      </c>
      <c r="KM14" s="143">
        <v>44871241</v>
      </c>
      <c r="KN14" s="232">
        <v>0</v>
      </c>
      <c r="KO14" s="236">
        <v>0</v>
      </c>
      <c r="KP14" s="237">
        <v>0</v>
      </c>
      <c r="KQ14" s="140"/>
      <c r="KR14" s="119">
        <v>16761781</v>
      </c>
      <c r="KS14" s="119">
        <v>18132703</v>
      </c>
      <c r="KT14" s="119">
        <v>22910832</v>
      </c>
      <c r="KU14" s="119">
        <v>17232935</v>
      </c>
      <c r="KV14" s="119">
        <v>10074750</v>
      </c>
      <c r="KW14" s="120">
        <v>85113001</v>
      </c>
      <c r="KX14" s="318">
        <v>85113001</v>
      </c>
      <c r="KY14" s="142">
        <v>0</v>
      </c>
      <c r="KZ14" s="119">
        <v>0</v>
      </c>
      <c r="LA14" s="120">
        <v>0</v>
      </c>
      <c r="LB14" s="145"/>
      <c r="LC14" s="119">
        <v>709063</v>
      </c>
      <c r="LD14" s="119">
        <v>1814636</v>
      </c>
      <c r="LE14" s="119">
        <v>2197486</v>
      </c>
      <c r="LF14" s="119">
        <v>3286305</v>
      </c>
      <c r="LG14" s="119">
        <v>1654070</v>
      </c>
      <c r="LH14" s="120">
        <v>9661560</v>
      </c>
      <c r="LI14" s="121">
        <v>9661560</v>
      </c>
      <c r="LJ14" s="142">
        <v>0</v>
      </c>
      <c r="LK14" s="119">
        <v>0</v>
      </c>
      <c r="LL14" s="120">
        <v>0</v>
      </c>
      <c r="LM14" s="145"/>
      <c r="LN14" s="119">
        <v>0</v>
      </c>
      <c r="LO14" s="119">
        <v>233901</v>
      </c>
      <c r="LP14" s="119">
        <v>2843748</v>
      </c>
      <c r="LQ14" s="119">
        <v>6132215</v>
      </c>
      <c r="LR14" s="119">
        <v>3270333</v>
      </c>
      <c r="LS14" s="120">
        <v>12480197</v>
      </c>
      <c r="LT14" s="318">
        <v>12480197</v>
      </c>
      <c r="LU14" s="142">
        <v>0</v>
      </c>
      <c r="LV14" s="119">
        <v>0</v>
      </c>
      <c r="LW14" s="120">
        <v>0</v>
      </c>
      <c r="LX14" s="145"/>
      <c r="LY14" s="119">
        <v>1681899</v>
      </c>
      <c r="LZ14" s="119">
        <v>2445116</v>
      </c>
      <c r="MA14" s="119">
        <v>4265848</v>
      </c>
      <c r="MB14" s="119">
        <v>3533857</v>
      </c>
      <c r="MC14" s="119">
        <v>1673270</v>
      </c>
      <c r="MD14" s="120">
        <v>13599990</v>
      </c>
      <c r="ME14" s="121">
        <v>13599990</v>
      </c>
      <c r="MF14" s="142">
        <v>0</v>
      </c>
      <c r="MG14" s="119">
        <v>0</v>
      </c>
      <c r="MH14" s="120">
        <v>0</v>
      </c>
      <c r="MI14" s="145"/>
      <c r="MJ14" s="119">
        <v>15918518</v>
      </c>
      <c r="MK14" s="119">
        <v>40546090</v>
      </c>
      <c r="ML14" s="119">
        <v>150258091</v>
      </c>
      <c r="MM14" s="119">
        <v>163096839</v>
      </c>
      <c r="MN14" s="119">
        <v>99945665</v>
      </c>
      <c r="MO14" s="120">
        <v>469765203</v>
      </c>
      <c r="MP14" s="143">
        <v>469765203</v>
      </c>
      <c r="MQ14" s="142">
        <v>0</v>
      </c>
      <c r="MR14" s="119">
        <v>0</v>
      </c>
      <c r="MS14" s="120">
        <v>0</v>
      </c>
      <c r="MT14" s="145"/>
      <c r="MU14" s="119">
        <v>3844804</v>
      </c>
      <c r="MV14" s="119">
        <v>13675859</v>
      </c>
      <c r="MW14" s="119">
        <v>100947629</v>
      </c>
      <c r="MX14" s="119">
        <v>118636893</v>
      </c>
      <c r="MY14" s="119">
        <v>72770976</v>
      </c>
      <c r="MZ14" s="120">
        <v>309876161</v>
      </c>
      <c r="NA14" s="143">
        <v>309876161</v>
      </c>
      <c r="NB14" s="142">
        <v>0</v>
      </c>
      <c r="NC14" s="119">
        <v>0</v>
      </c>
      <c r="ND14" s="120">
        <v>0</v>
      </c>
      <c r="NE14" s="145"/>
      <c r="NF14" s="119">
        <v>11848300</v>
      </c>
      <c r="NG14" s="119">
        <v>26638751</v>
      </c>
      <c r="NH14" s="119">
        <v>48116848</v>
      </c>
      <c r="NI14" s="119">
        <v>41712902</v>
      </c>
      <c r="NJ14" s="119">
        <v>24666296</v>
      </c>
      <c r="NK14" s="120">
        <v>152983097</v>
      </c>
      <c r="NL14" s="318">
        <v>152983097</v>
      </c>
      <c r="NM14" s="142">
        <v>0</v>
      </c>
      <c r="NN14" s="119">
        <v>0</v>
      </c>
      <c r="NO14" s="120">
        <v>0</v>
      </c>
      <c r="NP14" s="145"/>
      <c r="NQ14" s="119">
        <v>0</v>
      </c>
      <c r="NR14" s="119">
        <v>0</v>
      </c>
      <c r="NS14" s="119">
        <v>0</v>
      </c>
      <c r="NT14" s="119">
        <v>368555</v>
      </c>
      <c r="NU14" s="119">
        <v>0</v>
      </c>
      <c r="NV14" s="120">
        <v>368555</v>
      </c>
      <c r="NW14" s="121">
        <v>368555</v>
      </c>
      <c r="NX14" s="142">
        <v>0</v>
      </c>
      <c r="NY14" s="119">
        <v>0</v>
      </c>
      <c r="NZ14" s="120">
        <v>0</v>
      </c>
      <c r="OA14" s="145"/>
      <c r="OB14" s="119">
        <v>225414</v>
      </c>
      <c r="OC14" s="119">
        <v>231480</v>
      </c>
      <c r="OD14" s="119">
        <v>1193614</v>
      </c>
      <c r="OE14" s="119">
        <v>2378489</v>
      </c>
      <c r="OF14" s="119">
        <v>2508393</v>
      </c>
      <c r="OG14" s="120">
        <v>6537390</v>
      </c>
      <c r="OH14" s="121">
        <v>6537390</v>
      </c>
      <c r="OI14" s="142">
        <v>12903665</v>
      </c>
      <c r="OJ14" s="119">
        <v>16247517</v>
      </c>
      <c r="OK14" s="141">
        <v>29151182</v>
      </c>
      <c r="OL14" s="118">
        <v>0</v>
      </c>
      <c r="OM14" s="119">
        <v>224988502</v>
      </c>
      <c r="ON14" s="119">
        <v>320573222</v>
      </c>
      <c r="OO14" s="119">
        <v>415197991</v>
      </c>
      <c r="OP14" s="119">
        <v>386213048</v>
      </c>
      <c r="OQ14" s="119">
        <v>257802490</v>
      </c>
      <c r="OR14" s="120">
        <v>1604775253</v>
      </c>
      <c r="OS14" s="143">
        <v>1633926435</v>
      </c>
    </row>
    <row r="15" spans="1:409" ht="21" customHeight="1" x14ac:dyDescent="0.2">
      <c r="B15" s="62" t="s">
        <v>9</v>
      </c>
      <c r="C15" s="110">
        <v>12513961</v>
      </c>
      <c r="D15" s="114">
        <v>15471934</v>
      </c>
      <c r="E15" s="113">
        <v>27985895</v>
      </c>
      <c r="F15" s="111">
        <v>0</v>
      </c>
      <c r="G15" s="114">
        <v>154477186</v>
      </c>
      <c r="H15" s="114">
        <v>166108457</v>
      </c>
      <c r="I15" s="114">
        <v>160701147</v>
      </c>
      <c r="J15" s="114">
        <v>173457370</v>
      </c>
      <c r="K15" s="114">
        <v>135779475</v>
      </c>
      <c r="L15" s="109">
        <v>790523635</v>
      </c>
      <c r="M15" s="116">
        <v>818509530</v>
      </c>
      <c r="N15" s="110">
        <v>2006760</v>
      </c>
      <c r="O15" s="114">
        <v>3410384</v>
      </c>
      <c r="P15" s="113">
        <v>5417144</v>
      </c>
      <c r="Q15" s="110">
        <v>0</v>
      </c>
      <c r="R15" s="114">
        <v>45170653</v>
      </c>
      <c r="S15" s="114">
        <v>55202907</v>
      </c>
      <c r="T15" s="114">
        <v>57086842</v>
      </c>
      <c r="U15" s="114">
        <v>74118236</v>
      </c>
      <c r="V15" s="114">
        <v>73569062</v>
      </c>
      <c r="W15" s="113">
        <v>305147700</v>
      </c>
      <c r="X15" s="116">
        <v>310564844</v>
      </c>
      <c r="Y15" s="110">
        <v>0</v>
      </c>
      <c r="Z15" s="114">
        <v>0</v>
      </c>
      <c r="AA15" s="113">
        <v>0</v>
      </c>
      <c r="AB15" s="110">
        <v>0</v>
      </c>
      <c r="AC15" s="114">
        <v>21468850</v>
      </c>
      <c r="AD15" s="114">
        <v>30000838</v>
      </c>
      <c r="AE15" s="114">
        <v>33685345</v>
      </c>
      <c r="AF15" s="114">
        <v>47348459</v>
      </c>
      <c r="AG15" s="114">
        <v>49139077</v>
      </c>
      <c r="AH15" s="113">
        <v>181642569</v>
      </c>
      <c r="AI15" s="116">
        <v>181642569</v>
      </c>
      <c r="AJ15" s="110">
        <v>0</v>
      </c>
      <c r="AK15" s="114">
        <v>0</v>
      </c>
      <c r="AL15" s="113">
        <v>0</v>
      </c>
      <c r="AM15" s="110">
        <v>0</v>
      </c>
      <c r="AN15" s="114">
        <v>79343</v>
      </c>
      <c r="AO15" s="114">
        <v>466272</v>
      </c>
      <c r="AP15" s="114">
        <v>1097405</v>
      </c>
      <c r="AQ15" s="114">
        <v>3409860</v>
      </c>
      <c r="AR15" s="114">
        <v>5841306</v>
      </c>
      <c r="AS15" s="113">
        <v>10894186</v>
      </c>
      <c r="AT15" s="116">
        <v>10894186</v>
      </c>
      <c r="AU15" s="110">
        <v>1025419</v>
      </c>
      <c r="AV15" s="114">
        <v>2474195</v>
      </c>
      <c r="AW15" s="113">
        <v>3499614</v>
      </c>
      <c r="AX15" s="110">
        <v>0</v>
      </c>
      <c r="AY15" s="114">
        <v>14113107</v>
      </c>
      <c r="AZ15" s="114">
        <v>14734033</v>
      </c>
      <c r="BA15" s="114">
        <v>12018082</v>
      </c>
      <c r="BB15" s="114">
        <v>12411945</v>
      </c>
      <c r="BC15" s="114">
        <v>11001777</v>
      </c>
      <c r="BD15" s="113">
        <v>64278944</v>
      </c>
      <c r="BE15" s="116">
        <v>67778558</v>
      </c>
      <c r="BF15" s="110">
        <v>48031</v>
      </c>
      <c r="BG15" s="114">
        <v>277034</v>
      </c>
      <c r="BH15" s="112">
        <v>325065</v>
      </c>
      <c r="BI15" s="111">
        <v>0</v>
      </c>
      <c r="BJ15" s="114">
        <v>1538129</v>
      </c>
      <c r="BK15" s="114">
        <v>1592657</v>
      </c>
      <c r="BL15" s="114">
        <v>1768205</v>
      </c>
      <c r="BM15" s="114">
        <v>1349085</v>
      </c>
      <c r="BN15" s="114">
        <v>804401</v>
      </c>
      <c r="BO15" s="113">
        <v>7052477</v>
      </c>
      <c r="BP15" s="116">
        <v>7377542</v>
      </c>
      <c r="BQ15" s="110">
        <v>933310</v>
      </c>
      <c r="BR15" s="114">
        <v>659155</v>
      </c>
      <c r="BS15" s="113">
        <v>1592465</v>
      </c>
      <c r="BT15" s="110">
        <v>0</v>
      </c>
      <c r="BU15" s="114">
        <v>7971224</v>
      </c>
      <c r="BV15" s="114">
        <v>8409107</v>
      </c>
      <c r="BW15" s="114">
        <v>8517805</v>
      </c>
      <c r="BX15" s="114">
        <v>9598887</v>
      </c>
      <c r="BY15" s="114">
        <v>6782501</v>
      </c>
      <c r="BZ15" s="113">
        <v>41279524</v>
      </c>
      <c r="CA15" s="116">
        <v>42871989</v>
      </c>
      <c r="CB15" s="110">
        <v>1030914</v>
      </c>
      <c r="CC15" s="114">
        <v>2892736</v>
      </c>
      <c r="CD15" s="113">
        <v>3923650</v>
      </c>
      <c r="CE15" s="110">
        <v>0</v>
      </c>
      <c r="CF15" s="114">
        <v>35095134</v>
      </c>
      <c r="CG15" s="114">
        <v>36999400</v>
      </c>
      <c r="CH15" s="114">
        <v>30378254</v>
      </c>
      <c r="CI15" s="114">
        <v>21458522</v>
      </c>
      <c r="CJ15" s="114">
        <v>6957680</v>
      </c>
      <c r="CK15" s="113">
        <v>130888990</v>
      </c>
      <c r="CL15" s="116">
        <v>134812640</v>
      </c>
      <c r="CM15" s="110">
        <v>0</v>
      </c>
      <c r="CN15" s="114">
        <v>0</v>
      </c>
      <c r="CO15" s="113">
        <v>0</v>
      </c>
      <c r="CP15" s="111">
        <v>0</v>
      </c>
      <c r="CQ15" s="114">
        <v>28961913</v>
      </c>
      <c r="CR15" s="114">
        <v>28712441</v>
      </c>
      <c r="CS15" s="114">
        <v>23682238</v>
      </c>
      <c r="CT15" s="114">
        <v>16099388</v>
      </c>
      <c r="CU15" s="114">
        <v>4625493</v>
      </c>
      <c r="CV15" s="113">
        <v>102081473</v>
      </c>
      <c r="CW15" s="116">
        <v>102081473</v>
      </c>
      <c r="CX15" s="110">
        <v>1030914</v>
      </c>
      <c r="CY15" s="114">
        <v>2892736</v>
      </c>
      <c r="CZ15" s="113">
        <v>3923650</v>
      </c>
      <c r="DA15" s="110">
        <v>0</v>
      </c>
      <c r="DB15" s="114">
        <v>6133221</v>
      </c>
      <c r="DC15" s="114">
        <v>8286959</v>
      </c>
      <c r="DD15" s="114">
        <v>6696016</v>
      </c>
      <c r="DE15" s="114">
        <v>5359134</v>
      </c>
      <c r="DF15" s="114">
        <v>2332187</v>
      </c>
      <c r="DG15" s="113">
        <v>28807517</v>
      </c>
      <c r="DH15" s="116">
        <v>32731167</v>
      </c>
      <c r="DI15" s="110">
        <v>38284</v>
      </c>
      <c r="DJ15" s="114">
        <v>204771</v>
      </c>
      <c r="DK15" s="112">
        <v>243055</v>
      </c>
      <c r="DL15" s="111">
        <v>0</v>
      </c>
      <c r="DM15" s="114">
        <v>4946373</v>
      </c>
      <c r="DN15" s="114">
        <v>7880896</v>
      </c>
      <c r="DO15" s="114">
        <v>17635573</v>
      </c>
      <c r="DP15" s="114">
        <v>13080527</v>
      </c>
      <c r="DQ15" s="114">
        <v>7955396</v>
      </c>
      <c r="DR15" s="113">
        <v>51498765</v>
      </c>
      <c r="DS15" s="116">
        <v>51741820</v>
      </c>
      <c r="DT15" s="110">
        <v>38284</v>
      </c>
      <c r="DU15" s="114">
        <v>204771</v>
      </c>
      <c r="DV15" s="113">
        <v>243055</v>
      </c>
      <c r="DW15" s="110">
        <v>0</v>
      </c>
      <c r="DX15" s="114">
        <v>4247177</v>
      </c>
      <c r="DY15" s="114">
        <v>7336077</v>
      </c>
      <c r="DZ15" s="114">
        <v>16170926</v>
      </c>
      <c r="EA15" s="114">
        <v>10622311</v>
      </c>
      <c r="EB15" s="114">
        <v>5838873</v>
      </c>
      <c r="EC15" s="113">
        <v>44215364</v>
      </c>
      <c r="ED15" s="116">
        <v>44458419</v>
      </c>
      <c r="EE15" s="110">
        <v>0</v>
      </c>
      <c r="EF15" s="112">
        <v>0</v>
      </c>
      <c r="EG15" s="113">
        <v>0</v>
      </c>
      <c r="EH15" s="110">
        <v>0</v>
      </c>
      <c r="EI15" s="114">
        <v>699196</v>
      </c>
      <c r="EJ15" s="114">
        <v>544819</v>
      </c>
      <c r="EK15" s="114">
        <v>1464647</v>
      </c>
      <c r="EL15" s="114">
        <v>2458216</v>
      </c>
      <c r="EM15" s="114">
        <v>2116523</v>
      </c>
      <c r="EN15" s="112">
        <v>7283401</v>
      </c>
      <c r="EO15" s="116">
        <v>7283401</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5"/>
      <c r="FE15" s="114">
        <v>0</v>
      </c>
      <c r="FF15" s="114">
        <v>0</v>
      </c>
      <c r="FG15" s="114">
        <v>0</v>
      </c>
      <c r="FH15" s="114">
        <v>0</v>
      </c>
      <c r="FI15" s="114">
        <v>0</v>
      </c>
      <c r="FJ15" s="113">
        <v>0</v>
      </c>
      <c r="FK15" s="116">
        <v>0</v>
      </c>
      <c r="FL15" s="110">
        <v>4436077</v>
      </c>
      <c r="FM15" s="114">
        <v>3885212</v>
      </c>
      <c r="FN15" s="113">
        <v>8321289</v>
      </c>
      <c r="FO15" s="110">
        <v>0</v>
      </c>
      <c r="FP15" s="114">
        <v>10186848</v>
      </c>
      <c r="FQ15" s="114">
        <v>14046630</v>
      </c>
      <c r="FR15" s="114">
        <v>11095858</v>
      </c>
      <c r="FS15" s="114">
        <v>10989017</v>
      </c>
      <c r="FT15" s="114">
        <v>8347789</v>
      </c>
      <c r="FU15" s="113">
        <v>54666142</v>
      </c>
      <c r="FV15" s="116">
        <v>62987431</v>
      </c>
      <c r="FW15" s="115">
        <v>1917510</v>
      </c>
      <c r="FX15" s="114">
        <v>2834604</v>
      </c>
      <c r="FY15" s="112">
        <v>4752114</v>
      </c>
      <c r="FZ15" s="111">
        <v>0</v>
      </c>
      <c r="GA15" s="114">
        <v>7248223</v>
      </c>
      <c r="GB15" s="114">
        <v>12650314</v>
      </c>
      <c r="GC15" s="114">
        <v>10464802</v>
      </c>
      <c r="GD15" s="114">
        <v>10395771</v>
      </c>
      <c r="GE15" s="114">
        <v>8153890</v>
      </c>
      <c r="GF15" s="113">
        <v>48913000</v>
      </c>
      <c r="GG15" s="316">
        <v>53665114</v>
      </c>
      <c r="GH15" s="115">
        <v>326587</v>
      </c>
      <c r="GI15" s="114">
        <v>225375</v>
      </c>
      <c r="GJ15" s="112">
        <v>551962</v>
      </c>
      <c r="GK15" s="111">
        <v>0</v>
      </c>
      <c r="GL15" s="114">
        <v>600358</v>
      </c>
      <c r="GM15" s="114">
        <v>483917</v>
      </c>
      <c r="GN15" s="114">
        <v>533806</v>
      </c>
      <c r="GO15" s="114">
        <v>353846</v>
      </c>
      <c r="GP15" s="114">
        <v>101829</v>
      </c>
      <c r="GQ15" s="113">
        <v>2073756</v>
      </c>
      <c r="GR15" s="116">
        <v>2625718</v>
      </c>
      <c r="GS15" s="110">
        <v>2191980</v>
      </c>
      <c r="GT15" s="114">
        <v>825233</v>
      </c>
      <c r="GU15" s="113">
        <v>3017213</v>
      </c>
      <c r="GV15" s="110">
        <v>0</v>
      </c>
      <c r="GW15" s="114">
        <v>2338267</v>
      </c>
      <c r="GX15" s="114">
        <v>912399</v>
      </c>
      <c r="GY15" s="114">
        <v>97250</v>
      </c>
      <c r="GZ15" s="114">
        <v>239400</v>
      </c>
      <c r="HA15" s="114">
        <v>92070</v>
      </c>
      <c r="HB15" s="112">
        <v>3679386</v>
      </c>
      <c r="HC15" s="116">
        <v>6696599</v>
      </c>
      <c r="HD15" s="110">
        <v>2919961</v>
      </c>
      <c r="HE15" s="114">
        <v>2282820</v>
      </c>
      <c r="HF15" s="112">
        <v>5202781</v>
      </c>
      <c r="HG15" s="111">
        <v>0</v>
      </c>
      <c r="HH15" s="114">
        <v>32053593</v>
      </c>
      <c r="HI15" s="114">
        <v>32199240</v>
      </c>
      <c r="HJ15" s="114">
        <v>29904772</v>
      </c>
      <c r="HK15" s="114">
        <v>42306080</v>
      </c>
      <c r="HL15" s="114">
        <v>31973974</v>
      </c>
      <c r="HM15" s="113">
        <v>168437659</v>
      </c>
      <c r="HN15" s="109">
        <v>173640440</v>
      </c>
      <c r="HO15" s="115">
        <v>2081965</v>
      </c>
      <c r="HP15" s="114">
        <v>2796011</v>
      </c>
      <c r="HQ15" s="113">
        <v>4877976</v>
      </c>
      <c r="HR15" s="110">
        <v>0</v>
      </c>
      <c r="HS15" s="114">
        <v>27024585</v>
      </c>
      <c r="HT15" s="114">
        <v>19779384</v>
      </c>
      <c r="HU15" s="114">
        <v>14599848</v>
      </c>
      <c r="HV15" s="114">
        <v>11504988</v>
      </c>
      <c r="HW15" s="114">
        <v>6975574</v>
      </c>
      <c r="HX15" s="112">
        <v>79884379</v>
      </c>
      <c r="HY15" s="116">
        <v>84762355</v>
      </c>
      <c r="HZ15" s="128">
        <v>281010</v>
      </c>
      <c r="IA15" s="149">
        <v>953507</v>
      </c>
      <c r="IB15" s="129">
        <v>1234517</v>
      </c>
      <c r="IC15" s="146">
        <v>0</v>
      </c>
      <c r="ID15" s="132">
        <v>37065913</v>
      </c>
      <c r="IE15" s="147">
        <v>39663627</v>
      </c>
      <c r="IF15" s="133">
        <v>53502167</v>
      </c>
      <c r="IG15" s="132">
        <v>41629439</v>
      </c>
      <c r="IH15" s="133">
        <v>24516872</v>
      </c>
      <c r="II15" s="148">
        <v>196378018</v>
      </c>
      <c r="IJ15" s="130">
        <v>197612535</v>
      </c>
      <c r="IK15" s="232">
        <v>0</v>
      </c>
      <c r="IL15" s="236">
        <v>0</v>
      </c>
      <c r="IM15" s="237">
        <v>0</v>
      </c>
      <c r="IN15" s="140"/>
      <c r="IO15" s="119">
        <v>0</v>
      </c>
      <c r="IP15" s="119">
        <v>635348</v>
      </c>
      <c r="IQ15" s="119">
        <v>1018835</v>
      </c>
      <c r="IR15" s="119">
        <v>3698385</v>
      </c>
      <c r="IS15" s="119">
        <v>1314104</v>
      </c>
      <c r="IT15" s="141">
        <v>6666672</v>
      </c>
      <c r="IU15" s="318">
        <v>6666672</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21787294</v>
      </c>
      <c r="JL15" s="119">
        <v>16087862</v>
      </c>
      <c r="JM15" s="119">
        <v>18123132</v>
      </c>
      <c r="JN15" s="119">
        <v>10542766</v>
      </c>
      <c r="JO15" s="119">
        <v>4062756</v>
      </c>
      <c r="JP15" s="120">
        <v>70603810</v>
      </c>
      <c r="JQ15" s="318">
        <v>70603810</v>
      </c>
      <c r="JR15" s="142">
        <v>0</v>
      </c>
      <c r="JS15" s="119">
        <v>0</v>
      </c>
      <c r="JT15" s="141">
        <v>0</v>
      </c>
      <c r="JU15" s="118">
        <v>0</v>
      </c>
      <c r="JV15" s="119">
        <v>352453</v>
      </c>
      <c r="JW15" s="119">
        <v>436962</v>
      </c>
      <c r="JX15" s="119">
        <v>945661</v>
      </c>
      <c r="JY15" s="119">
        <v>248784</v>
      </c>
      <c r="JZ15" s="119">
        <v>1043837</v>
      </c>
      <c r="KA15" s="120">
        <v>3027697</v>
      </c>
      <c r="KB15" s="318">
        <v>3027697</v>
      </c>
      <c r="KC15" s="234">
        <v>281010</v>
      </c>
      <c r="KD15" s="230">
        <v>434134</v>
      </c>
      <c r="KE15" s="120">
        <v>715144</v>
      </c>
      <c r="KF15" s="118">
        <v>0</v>
      </c>
      <c r="KG15" s="119">
        <v>4438269</v>
      </c>
      <c r="KH15" s="119">
        <v>6632110</v>
      </c>
      <c r="KI15" s="119">
        <v>5314574</v>
      </c>
      <c r="KJ15" s="119">
        <v>6755956</v>
      </c>
      <c r="KK15" s="119">
        <v>2262089</v>
      </c>
      <c r="KL15" s="120">
        <v>25402998</v>
      </c>
      <c r="KM15" s="143">
        <v>26118142</v>
      </c>
      <c r="KN15" s="232">
        <v>0</v>
      </c>
      <c r="KO15" s="236">
        <v>519373</v>
      </c>
      <c r="KP15" s="237">
        <v>519373</v>
      </c>
      <c r="KQ15" s="140"/>
      <c r="KR15" s="119">
        <v>8855946</v>
      </c>
      <c r="KS15" s="119">
        <v>14081082</v>
      </c>
      <c r="KT15" s="119">
        <v>24905125</v>
      </c>
      <c r="KU15" s="119">
        <v>14933666</v>
      </c>
      <c r="KV15" s="119">
        <v>8599422</v>
      </c>
      <c r="KW15" s="120">
        <v>71375241</v>
      </c>
      <c r="KX15" s="318">
        <v>71894614</v>
      </c>
      <c r="KY15" s="142">
        <v>0</v>
      </c>
      <c r="KZ15" s="119">
        <v>0</v>
      </c>
      <c r="LA15" s="120">
        <v>0</v>
      </c>
      <c r="LB15" s="145"/>
      <c r="LC15" s="119">
        <v>530643</v>
      </c>
      <c r="LD15" s="119">
        <v>686100</v>
      </c>
      <c r="LE15" s="119">
        <v>1107643</v>
      </c>
      <c r="LF15" s="119">
        <v>1697426</v>
      </c>
      <c r="LG15" s="119">
        <v>1634957</v>
      </c>
      <c r="LH15" s="120">
        <v>5656769</v>
      </c>
      <c r="LI15" s="121">
        <v>5656769</v>
      </c>
      <c r="LJ15" s="142">
        <v>0</v>
      </c>
      <c r="LK15" s="119">
        <v>0</v>
      </c>
      <c r="LL15" s="120">
        <v>0</v>
      </c>
      <c r="LM15" s="145"/>
      <c r="LN15" s="119">
        <v>0</v>
      </c>
      <c r="LO15" s="119">
        <v>0</v>
      </c>
      <c r="LP15" s="119">
        <v>0</v>
      </c>
      <c r="LQ15" s="119">
        <v>329808</v>
      </c>
      <c r="LR15" s="119">
        <v>0</v>
      </c>
      <c r="LS15" s="120">
        <v>329808</v>
      </c>
      <c r="LT15" s="318">
        <v>329808</v>
      </c>
      <c r="LU15" s="142">
        <v>0</v>
      </c>
      <c r="LV15" s="119">
        <v>0</v>
      </c>
      <c r="LW15" s="120">
        <v>0</v>
      </c>
      <c r="LX15" s="145"/>
      <c r="LY15" s="119">
        <v>1101308</v>
      </c>
      <c r="LZ15" s="119">
        <v>1104163</v>
      </c>
      <c r="MA15" s="119">
        <v>2087197</v>
      </c>
      <c r="MB15" s="119">
        <v>3422648</v>
      </c>
      <c r="MC15" s="119">
        <v>5599707</v>
      </c>
      <c r="MD15" s="120">
        <v>13315023</v>
      </c>
      <c r="ME15" s="121">
        <v>13315023</v>
      </c>
      <c r="MF15" s="142">
        <v>0</v>
      </c>
      <c r="MG15" s="119">
        <v>0</v>
      </c>
      <c r="MH15" s="120">
        <v>0</v>
      </c>
      <c r="MI15" s="145"/>
      <c r="MJ15" s="119">
        <v>9639677</v>
      </c>
      <c r="MK15" s="119">
        <v>20816158</v>
      </c>
      <c r="ML15" s="119">
        <v>87843082</v>
      </c>
      <c r="MM15" s="119">
        <v>141296787</v>
      </c>
      <c r="MN15" s="119">
        <v>103990674</v>
      </c>
      <c r="MO15" s="120">
        <v>363586378</v>
      </c>
      <c r="MP15" s="143">
        <v>363586378</v>
      </c>
      <c r="MQ15" s="142">
        <v>0</v>
      </c>
      <c r="MR15" s="119">
        <v>0</v>
      </c>
      <c r="MS15" s="120">
        <v>0</v>
      </c>
      <c r="MT15" s="145"/>
      <c r="MU15" s="119">
        <v>1592019</v>
      </c>
      <c r="MV15" s="119">
        <v>916048</v>
      </c>
      <c r="MW15" s="119">
        <v>55758264</v>
      </c>
      <c r="MX15" s="119">
        <v>104252103</v>
      </c>
      <c r="MY15" s="119">
        <v>82818897</v>
      </c>
      <c r="MZ15" s="120">
        <v>245337331</v>
      </c>
      <c r="NA15" s="143">
        <v>245337331</v>
      </c>
      <c r="NB15" s="142">
        <v>0</v>
      </c>
      <c r="NC15" s="119">
        <v>0</v>
      </c>
      <c r="ND15" s="120">
        <v>0</v>
      </c>
      <c r="NE15" s="145"/>
      <c r="NF15" s="119">
        <v>8047658</v>
      </c>
      <c r="NG15" s="119">
        <v>19900110</v>
      </c>
      <c r="NH15" s="119">
        <v>31724439</v>
      </c>
      <c r="NI15" s="119">
        <v>36695404</v>
      </c>
      <c r="NJ15" s="119">
        <v>18744257</v>
      </c>
      <c r="NK15" s="120">
        <v>115111868</v>
      </c>
      <c r="NL15" s="318">
        <v>115111868</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360379</v>
      </c>
      <c r="OE15" s="119">
        <v>349280</v>
      </c>
      <c r="OF15" s="119">
        <v>2427520</v>
      </c>
      <c r="OG15" s="120">
        <v>3137179</v>
      </c>
      <c r="OH15" s="121">
        <v>3137179</v>
      </c>
      <c r="OI15" s="142">
        <v>12794971</v>
      </c>
      <c r="OJ15" s="119">
        <v>16425441</v>
      </c>
      <c r="OK15" s="141">
        <v>29220412</v>
      </c>
      <c r="OL15" s="118">
        <v>0</v>
      </c>
      <c r="OM15" s="119">
        <v>201182776</v>
      </c>
      <c r="ON15" s="119">
        <v>226588242</v>
      </c>
      <c r="OO15" s="119">
        <v>302046396</v>
      </c>
      <c r="OP15" s="119">
        <v>356383596</v>
      </c>
      <c r="OQ15" s="119">
        <v>264287021</v>
      </c>
      <c r="OR15" s="120">
        <v>1350488031</v>
      </c>
      <c r="OS15" s="143">
        <v>1379708443</v>
      </c>
    </row>
    <row r="16" spans="1:409" ht="21" customHeight="1" x14ac:dyDescent="0.2">
      <c r="B16" s="62" t="s">
        <v>10</v>
      </c>
      <c r="C16" s="110">
        <v>25070800</v>
      </c>
      <c r="D16" s="114">
        <v>42581039</v>
      </c>
      <c r="E16" s="113">
        <v>67651839</v>
      </c>
      <c r="F16" s="172">
        <v>0</v>
      </c>
      <c r="G16" s="114">
        <v>345716989</v>
      </c>
      <c r="H16" s="114">
        <v>284239968</v>
      </c>
      <c r="I16" s="114">
        <v>263312430</v>
      </c>
      <c r="J16" s="114">
        <v>258226119</v>
      </c>
      <c r="K16" s="114">
        <v>211490528</v>
      </c>
      <c r="L16" s="109">
        <v>1362986034</v>
      </c>
      <c r="M16" s="116">
        <v>1430637873</v>
      </c>
      <c r="N16" s="110">
        <v>6517376</v>
      </c>
      <c r="O16" s="114">
        <v>13499404</v>
      </c>
      <c r="P16" s="113">
        <v>20016780</v>
      </c>
      <c r="Q16" s="110">
        <v>0</v>
      </c>
      <c r="R16" s="114">
        <v>110702083</v>
      </c>
      <c r="S16" s="114">
        <v>97991801</v>
      </c>
      <c r="T16" s="114">
        <v>98374268</v>
      </c>
      <c r="U16" s="114">
        <v>108697825</v>
      </c>
      <c r="V16" s="114">
        <v>116900148</v>
      </c>
      <c r="W16" s="113">
        <v>532666125</v>
      </c>
      <c r="X16" s="116">
        <v>552682905</v>
      </c>
      <c r="Y16" s="110">
        <v>0</v>
      </c>
      <c r="Z16" s="114">
        <v>0</v>
      </c>
      <c r="AA16" s="113">
        <v>0</v>
      </c>
      <c r="AB16" s="110">
        <v>0</v>
      </c>
      <c r="AC16" s="114">
        <v>56522824</v>
      </c>
      <c r="AD16" s="114">
        <v>51250948</v>
      </c>
      <c r="AE16" s="114">
        <v>63373931</v>
      </c>
      <c r="AF16" s="114">
        <v>73311749</v>
      </c>
      <c r="AG16" s="114">
        <v>71173475</v>
      </c>
      <c r="AH16" s="113">
        <v>315632927</v>
      </c>
      <c r="AI16" s="116">
        <v>315632927</v>
      </c>
      <c r="AJ16" s="110">
        <v>0</v>
      </c>
      <c r="AK16" s="114">
        <v>0</v>
      </c>
      <c r="AL16" s="113">
        <v>0</v>
      </c>
      <c r="AM16" s="110">
        <v>0</v>
      </c>
      <c r="AN16" s="114">
        <v>528692</v>
      </c>
      <c r="AO16" s="114">
        <v>1949745</v>
      </c>
      <c r="AP16" s="114">
        <v>2314347</v>
      </c>
      <c r="AQ16" s="114">
        <v>5146171</v>
      </c>
      <c r="AR16" s="114">
        <v>12393635</v>
      </c>
      <c r="AS16" s="113">
        <v>22332590</v>
      </c>
      <c r="AT16" s="116">
        <v>22332590</v>
      </c>
      <c r="AU16" s="110">
        <v>3624087</v>
      </c>
      <c r="AV16" s="114">
        <v>9082036</v>
      </c>
      <c r="AW16" s="113">
        <v>12706123</v>
      </c>
      <c r="AX16" s="110">
        <v>0</v>
      </c>
      <c r="AY16" s="114">
        <v>32925133</v>
      </c>
      <c r="AZ16" s="114">
        <v>26483932</v>
      </c>
      <c r="BA16" s="114">
        <v>16321321</v>
      </c>
      <c r="BB16" s="114">
        <v>14895897</v>
      </c>
      <c r="BC16" s="114">
        <v>19693886</v>
      </c>
      <c r="BD16" s="113">
        <v>110320169</v>
      </c>
      <c r="BE16" s="116">
        <v>123026292</v>
      </c>
      <c r="BF16" s="110">
        <v>558870</v>
      </c>
      <c r="BG16" s="114">
        <v>1540908</v>
      </c>
      <c r="BH16" s="112">
        <v>2099778</v>
      </c>
      <c r="BI16" s="111">
        <v>0</v>
      </c>
      <c r="BJ16" s="114">
        <v>3731519</v>
      </c>
      <c r="BK16" s="114">
        <v>3400443</v>
      </c>
      <c r="BL16" s="114">
        <v>2350709</v>
      </c>
      <c r="BM16" s="114">
        <v>1210457</v>
      </c>
      <c r="BN16" s="114">
        <v>1716173</v>
      </c>
      <c r="BO16" s="113">
        <v>12409301</v>
      </c>
      <c r="BP16" s="116">
        <v>14509079</v>
      </c>
      <c r="BQ16" s="110">
        <v>2334419</v>
      </c>
      <c r="BR16" s="114">
        <v>2876460</v>
      </c>
      <c r="BS16" s="113">
        <v>5210879</v>
      </c>
      <c r="BT16" s="110">
        <v>0</v>
      </c>
      <c r="BU16" s="114">
        <v>16993915</v>
      </c>
      <c r="BV16" s="114">
        <v>14906733</v>
      </c>
      <c r="BW16" s="114">
        <v>14013960</v>
      </c>
      <c r="BX16" s="114">
        <v>14133551</v>
      </c>
      <c r="BY16" s="114">
        <v>11922979</v>
      </c>
      <c r="BZ16" s="113">
        <v>71971138</v>
      </c>
      <c r="CA16" s="116">
        <v>77182017</v>
      </c>
      <c r="CB16" s="110">
        <v>1306289</v>
      </c>
      <c r="CC16" s="114">
        <v>3739631</v>
      </c>
      <c r="CD16" s="113">
        <v>5045920</v>
      </c>
      <c r="CE16" s="110">
        <v>0</v>
      </c>
      <c r="CF16" s="114">
        <v>100673391</v>
      </c>
      <c r="CG16" s="114">
        <v>77168097</v>
      </c>
      <c r="CH16" s="114">
        <v>56138866</v>
      </c>
      <c r="CI16" s="114">
        <v>42418701</v>
      </c>
      <c r="CJ16" s="114">
        <v>18255211</v>
      </c>
      <c r="CK16" s="113">
        <v>294654266</v>
      </c>
      <c r="CL16" s="116">
        <v>299700186</v>
      </c>
      <c r="CM16" s="110">
        <v>0</v>
      </c>
      <c r="CN16" s="114">
        <v>0</v>
      </c>
      <c r="CO16" s="113">
        <v>0</v>
      </c>
      <c r="CP16" s="111">
        <v>0</v>
      </c>
      <c r="CQ16" s="114">
        <v>86866106</v>
      </c>
      <c r="CR16" s="114">
        <v>62975845</v>
      </c>
      <c r="CS16" s="114">
        <v>47824760</v>
      </c>
      <c r="CT16" s="114">
        <v>36349847</v>
      </c>
      <c r="CU16" s="114">
        <v>16133295</v>
      </c>
      <c r="CV16" s="113">
        <v>250149853</v>
      </c>
      <c r="CW16" s="116">
        <v>250149853</v>
      </c>
      <c r="CX16" s="110">
        <v>1306289</v>
      </c>
      <c r="CY16" s="114">
        <v>3739631</v>
      </c>
      <c r="CZ16" s="113">
        <v>5045920</v>
      </c>
      <c r="DA16" s="110">
        <v>0</v>
      </c>
      <c r="DB16" s="114">
        <v>13807285</v>
      </c>
      <c r="DC16" s="114">
        <v>14192252</v>
      </c>
      <c r="DD16" s="114">
        <v>8314106</v>
      </c>
      <c r="DE16" s="114">
        <v>6068854</v>
      </c>
      <c r="DF16" s="114">
        <v>2121916</v>
      </c>
      <c r="DG16" s="113">
        <v>44504413</v>
      </c>
      <c r="DH16" s="116">
        <v>49550333</v>
      </c>
      <c r="DI16" s="110">
        <v>192331</v>
      </c>
      <c r="DJ16" s="114">
        <v>980968</v>
      </c>
      <c r="DK16" s="112">
        <v>1173299</v>
      </c>
      <c r="DL16" s="111">
        <v>0</v>
      </c>
      <c r="DM16" s="114">
        <v>10672461</v>
      </c>
      <c r="DN16" s="114">
        <v>13705268</v>
      </c>
      <c r="DO16" s="114">
        <v>21947188</v>
      </c>
      <c r="DP16" s="114">
        <v>21339945</v>
      </c>
      <c r="DQ16" s="114">
        <v>12759487</v>
      </c>
      <c r="DR16" s="113">
        <v>80424349</v>
      </c>
      <c r="DS16" s="116">
        <v>81597648</v>
      </c>
      <c r="DT16" s="110">
        <v>192331</v>
      </c>
      <c r="DU16" s="114">
        <v>907376</v>
      </c>
      <c r="DV16" s="113">
        <v>1099707</v>
      </c>
      <c r="DW16" s="110">
        <v>0</v>
      </c>
      <c r="DX16" s="114">
        <v>10122784</v>
      </c>
      <c r="DY16" s="114">
        <v>12340908</v>
      </c>
      <c r="DZ16" s="114">
        <v>20206654</v>
      </c>
      <c r="EA16" s="114">
        <v>20096292</v>
      </c>
      <c r="EB16" s="114">
        <v>11653194</v>
      </c>
      <c r="EC16" s="113">
        <v>74419832</v>
      </c>
      <c r="ED16" s="116">
        <v>75519539</v>
      </c>
      <c r="EE16" s="110">
        <v>0</v>
      </c>
      <c r="EF16" s="112">
        <v>73592</v>
      </c>
      <c r="EG16" s="113">
        <v>73592</v>
      </c>
      <c r="EH16" s="110">
        <v>0</v>
      </c>
      <c r="EI16" s="114">
        <v>549677</v>
      </c>
      <c r="EJ16" s="114">
        <v>1364360</v>
      </c>
      <c r="EK16" s="114">
        <v>1740534</v>
      </c>
      <c r="EL16" s="114">
        <v>1243653</v>
      </c>
      <c r="EM16" s="114">
        <v>1106293</v>
      </c>
      <c r="EN16" s="112">
        <v>6004517</v>
      </c>
      <c r="EO16" s="116">
        <v>6078109</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5"/>
      <c r="FE16" s="114">
        <v>0</v>
      </c>
      <c r="FF16" s="114">
        <v>0</v>
      </c>
      <c r="FG16" s="114">
        <v>0</v>
      </c>
      <c r="FH16" s="114">
        <v>0</v>
      </c>
      <c r="FI16" s="114">
        <v>0</v>
      </c>
      <c r="FJ16" s="113">
        <v>0</v>
      </c>
      <c r="FK16" s="116">
        <v>0</v>
      </c>
      <c r="FL16" s="110">
        <v>6915725</v>
      </c>
      <c r="FM16" s="114">
        <v>10651541</v>
      </c>
      <c r="FN16" s="113">
        <v>17567266</v>
      </c>
      <c r="FO16" s="110">
        <v>0</v>
      </c>
      <c r="FP16" s="114">
        <v>20769371</v>
      </c>
      <c r="FQ16" s="114">
        <v>25146419</v>
      </c>
      <c r="FR16" s="114">
        <v>19515907</v>
      </c>
      <c r="FS16" s="114">
        <v>17873181</v>
      </c>
      <c r="FT16" s="114">
        <v>15466685</v>
      </c>
      <c r="FU16" s="113">
        <v>98771563</v>
      </c>
      <c r="FV16" s="116">
        <v>116338829</v>
      </c>
      <c r="FW16" s="115">
        <v>4557203</v>
      </c>
      <c r="FX16" s="114">
        <v>8247002</v>
      </c>
      <c r="FY16" s="112">
        <v>12804205</v>
      </c>
      <c r="FZ16" s="111">
        <v>0</v>
      </c>
      <c r="GA16" s="114">
        <v>17273146</v>
      </c>
      <c r="GB16" s="114">
        <v>23228799</v>
      </c>
      <c r="GC16" s="114">
        <v>18283349</v>
      </c>
      <c r="GD16" s="114">
        <v>17022918</v>
      </c>
      <c r="GE16" s="114">
        <v>14947043</v>
      </c>
      <c r="GF16" s="113">
        <v>90755255</v>
      </c>
      <c r="GG16" s="316">
        <v>103559460</v>
      </c>
      <c r="GH16" s="115">
        <v>382292</v>
      </c>
      <c r="GI16" s="114">
        <v>493111</v>
      </c>
      <c r="GJ16" s="112">
        <v>875403</v>
      </c>
      <c r="GK16" s="111">
        <v>0</v>
      </c>
      <c r="GL16" s="114">
        <v>1079836</v>
      </c>
      <c r="GM16" s="114">
        <v>625090</v>
      </c>
      <c r="GN16" s="114">
        <v>590528</v>
      </c>
      <c r="GO16" s="114">
        <v>323987</v>
      </c>
      <c r="GP16" s="114">
        <v>212068</v>
      </c>
      <c r="GQ16" s="113">
        <v>2831509</v>
      </c>
      <c r="GR16" s="116">
        <v>3706912</v>
      </c>
      <c r="GS16" s="110">
        <v>1976230</v>
      </c>
      <c r="GT16" s="114">
        <v>1911428</v>
      </c>
      <c r="GU16" s="113">
        <v>3887658</v>
      </c>
      <c r="GV16" s="110">
        <v>0</v>
      </c>
      <c r="GW16" s="114">
        <v>2416389</v>
      </c>
      <c r="GX16" s="114">
        <v>1292530</v>
      </c>
      <c r="GY16" s="114">
        <v>642030</v>
      </c>
      <c r="GZ16" s="114">
        <v>526276</v>
      </c>
      <c r="HA16" s="114">
        <v>307574</v>
      </c>
      <c r="HB16" s="112">
        <v>5184799</v>
      </c>
      <c r="HC16" s="116">
        <v>9072457</v>
      </c>
      <c r="HD16" s="110">
        <v>4399159</v>
      </c>
      <c r="HE16" s="114">
        <v>6472548</v>
      </c>
      <c r="HF16" s="112">
        <v>10871707</v>
      </c>
      <c r="HG16" s="111">
        <v>0</v>
      </c>
      <c r="HH16" s="114">
        <v>50346367</v>
      </c>
      <c r="HI16" s="114">
        <v>40335075</v>
      </c>
      <c r="HJ16" s="114">
        <v>45887069</v>
      </c>
      <c r="HK16" s="114">
        <v>52159958</v>
      </c>
      <c r="HL16" s="114">
        <v>36834943</v>
      </c>
      <c r="HM16" s="113">
        <v>225563412</v>
      </c>
      <c r="HN16" s="109">
        <v>236435119</v>
      </c>
      <c r="HO16" s="115">
        <v>5739920</v>
      </c>
      <c r="HP16" s="114">
        <v>7236947</v>
      </c>
      <c r="HQ16" s="113">
        <v>12976867</v>
      </c>
      <c r="HR16" s="110">
        <v>0</v>
      </c>
      <c r="HS16" s="114">
        <v>52553316</v>
      </c>
      <c r="HT16" s="114">
        <v>29893308</v>
      </c>
      <c r="HU16" s="114">
        <v>21449132</v>
      </c>
      <c r="HV16" s="114">
        <v>15736509</v>
      </c>
      <c r="HW16" s="114">
        <v>11274054</v>
      </c>
      <c r="HX16" s="112">
        <v>130906319</v>
      </c>
      <c r="HY16" s="116">
        <v>143883186</v>
      </c>
      <c r="HZ16" s="150">
        <v>490241</v>
      </c>
      <c r="IA16" s="135">
        <v>2497602</v>
      </c>
      <c r="IB16" s="150">
        <v>2987843</v>
      </c>
      <c r="IC16" s="134">
        <v>0</v>
      </c>
      <c r="ID16" s="135">
        <v>74143167</v>
      </c>
      <c r="IE16" s="136">
        <v>80838205</v>
      </c>
      <c r="IF16" s="137">
        <v>91954910</v>
      </c>
      <c r="IG16" s="135">
        <v>77310482</v>
      </c>
      <c r="IH16" s="137">
        <v>81264703</v>
      </c>
      <c r="II16" s="138">
        <v>405511467</v>
      </c>
      <c r="IJ16" s="150">
        <v>408499310</v>
      </c>
      <c r="IK16" s="232">
        <v>0</v>
      </c>
      <c r="IL16" s="236">
        <v>0</v>
      </c>
      <c r="IM16" s="237">
        <v>0</v>
      </c>
      <c r="IN16" s="140"/>
      <c r="IO16" s="119">
        <v>1526494</v>
      </c>
      <c r="IP16" s="119">
        <v>1989675</v>
      </c>
      <c r="IQ16" s="119">
        <v>3767170</v>
      </c>
      <c r="IR16" s="119">
        <v>3908347</v>
      </c>
      <c r="IS16" s="119">
        <v>3692798</v>
      </c>
      <c r="IT16" s="141">
        <v>14884484</v>
      </c>
      <c r="IU16" s="318">
        <v>14884484</v>
      </c>
      <c r="IV16" s="142">
        <v>0</v>
      </c>
      <c r="IW16" s="119">
        <v>0</v>
      </c>
      <c r="IX16" s="120">
        <v>0</v>
      </c>
      <c r="IY16" s="144"/>
      <c r="IZ16" s="119">
        <v>118944</v>
      </c>
      <c r="JA16" s="119">
        <v>95430</v>
      </c>
      <c r="JB16" s="119">
        <v>193695</v>
      </c>
      <c r="JC16" s="119">
        <v>124951</v>
      </c>
      <c r="JD16" s="119">
        <v>360261</v>
      </c>
      <c r="JE16" s="120">
        <v>893281</v>
      </c>
      <c r="JF16" s="121">
        <v>893281</v>
      </c>
      <c r="JG16" s="142">
        <v>0</v>
      </c>
      <c r="JH16" s="119">
        <v>0</v>
      </c>
      <c r="JI16" s="141">
        <v>0</v>
      </c>
      <c r="JJ16" s="118">
        <v>0</v>
      </c>
      <c r="JK16" s="119">
        <v>26586033</v>
      </c>
      <c r="JL16" s="119">
        <v>19319970</v>
      </c>
      <c r="JM16" s="119">
        <v>12808192</v>
      </c>
      <c r="JN16" s="119">
        <v>6940196</v>
      </c>
      <c r="JO16" s="119">
        <v>2900269</v>
      </c>
      <c r="JP16" s="120">
        <v>68554660</v>
      </c>
      <c r="JQ16" s="318">
        <v>68554660</v>
      </c>
      <c r="JR16" s="142">
        <v>0</v>
      </c>
      <c r="JS16" s="119">
        <v>57803</v>
      </c>
      <c r="JT16" s="141">
        <v>57803</v>
      </c>
      <c r="JU16" s="118">
        <v>0</v>
      </c>
      <c r="JV16" s="119">
        <v>854083</v>
      </c>
      <c r="JW16" s="119">
        <v>1531585</v>
      </c>
      <c r="JX16" s="119">
        <v>3255528</v>
      </c>
      <c r="JY16" s="119">
        <v>1063541</v>
      </c>
      <c r="JZ16" s="119">
        <v>2361708</v>
      </c>
      <c r="KA16" s="120">
        <v>9066445</v>
      </c>
      <c r="KB16" s="318">
        <v>9124248</v>
      </c>
      <c r="KC16" s="234">
        <v>490241</v>
      </c>
      <c r="KD16" s="230">
        <v>1930384</v>
      </c>
      <c r="KE16" s="120">
        <v>2420625</v>
      </c>
      <c r="KF16" s="118">
        <v>0</v>
      </c>
      <c r="KG16" s="119">
        <v>11412814</v>
      </c>
      <c r="KH16" s="119">
        <v>14189710</v>
      </c>
      <c r="KI16" s="119">
        <v>19640684</v>
      </c>
      <c r="KJ16" s="119">
        <v>15713558</v>
      </c>
      <c r="KK16" s="119">
        <v>22136071</v>
      </c>
      <c r="KL16" s="120">
        <v>83092837</v>
      </c>
      <c r="KM16" s="143">
        <v>85513462</v>
      </c>
      <c r="KN16" s="232">
        <v>0</v>
      </c>
      <c r="KO16" s="236">
        <v>509415</v>
      </c>
      <c r="KP16" s="237">
        <v>509415</v>
      </c>
      <c r="KQ16" s="140"/>
      <c r="KR16" s="119">
        <v>24195525</v>
      </c>
      <c r="KS16" s="119">
        <v>32880883</v>
      </c>
      <c r="KT16" s="119">
        <v>33975634</v>
      </c>
      <c r="KU16" s="119">
        <v>24247904</v>
      </c>
      <c r="KV16" s="119">
        <v>25836882</v>
      </c>
      <c r="KW16" s="120">
        <v>141136828</v>
      </c>
      <c r="KX16" s="318">
        <v>141646243</v>
      </c>
      <c r="KY16" s="142">
        <v>0</v>
      </c>
      <c r="KZ16" s="119">
        <v>0</v>
      </c>
      <c r="LA16" s="120">
        <v>0</v>
      </c>
      <c r="LB16" s="145"/>
      <c r="LC16" s="119">
        <v>5667251</v>
      </c>
      <c r="LD16" s="119">
        <v>3683786</v>
      </c>
      <c r="LE16" s="119">
        <v>8612284</v>
      </c>
      <c r="LF16" s="119">
        <v>6961145</v>
      </c>
      <c r="LG16" s="119">
        <v>7922561</v>
      </c>
      <c r="LH16" s="120">
        <v>32847027</v>
      </c>
      <c r="LI16" s="121">
        <v>32847027</v>
      </c>
      <c r="LJ16" s="142">
        <v>0</v>
      </c>
      <c r="LK16" s="119">
        <v>0</v>
      </c>
      <c r="LL16" s="120">
        <v>0</v>
      </c>
      <c r="LM16" s="145"/>
      <c r="LN16" s="119">
        <v>0</v>
      </c>
      <c r="LO16" s="119">
        <v>212983</v>
      </c>
      <c r="LP16" s="119">
        <v>760101</v>
      </c>
      <c r="LQ16" s="119">
        <v>5984369</v>
      </c>
      <c r="LR16" s="119">
        <v>5638953</v>
      </c>
      <c r="LS16" s="120">
        <v>12596406</v>
      </c>
      <c r="LT16" s="318">
        <v>12596406</v>
      </c>
      <c r="LU16" s="142">
        <v>0</v>
      </c>
      <c r="LV16" s="119">
        <v>0</v>
      </c>
      <c r="LW16" s="120">
        <v>0</v>
      </c>
      <c r="LX16" s="145"/>
      <c r="LY16" s="119">
        <v>3782023</v>
      </c>
      <c r="LZ16" s="119">
        <v>6934183</v>
      </c>
      <c r="MA16" s="119">
        <v>8941622</v>
      </c>
      <c r="MB16" s="119">
        <v>12366471</v>
      </c>
      <c r="MC16" s="119">
        <v>10415200</v>
      </c>
      <c r="MD16" s="120">
        <v>42439499</v>
      </c>
      <c r="ME16" s="121">
        <v>42439499</v>
      </c>
      <c r="MF16" s="142">
        <v>0</v>
      </c>
      <c r="MG16" s="119">
        <v>0</v>
      </c>
      <c r="MH16" s="120">
        <v>0</v>
      </c>
      <c r="MI16" s="145"/>
      <c r="MJ16" s="119">
        <v>29355836</v>
      </c>
      <c r="MK16" s="119">
        <v>45105063</v>
      </c>
      <c r="ML16" s="119">
        <v>143996565</v>
      </c>
      <c r="MM16" s="119">
        <v>223757483</v>
      </c>
      <c r="MN16" s="119">
        <v>203680928</v>
      </c>
      <c r="MO16" s="120">
        <v>645895875</v>
      </c>
      <c r="MP16" s="143">
        <v>645895875</v>
      </c>
      <c r="MQ16" s="142">
        <v>0</v>
      </c>
      <c r="MR16" s="119">
        <v>0</v>
      </c>
      <c r="MS16" s="120">
        <v>0</v>
      </c>
      <c r="MT16" s="145"/>
      <c r="MU16" s="119">
        <v>3709469</v>
      </c>
      <c r="MV16" s="119">
        <v>10363698</v>
      </c>
      <c r="MW16" s="119">
        <v>91158681</v>
      </c>
      <c r="MX16" s="119">
        <v>164251216</v>
      </c>
      <c r="MY16" s="119">
        <v>153756414</v>
      </c>
      <c r="MZ16" s="120">
        <v>423239478</v>
      </c>
      <c r="NA16" s="143">
        <v>423239478</v>
      </c>
      <c r="NB16" s="142">
        <v>0</v>
      </c>
      <c r="NC16" s="119">
        <v>0</v>
      </c>
      <c r="ND16" s="120">
        <v>0</v>
      </c>
      <c r="NE16" s="145"/>
      <c r="NF16" s="119">
        <v>25646367</v>
      </c>
      <c r="NG16" s="119">
        <v>34741365</v>
      </c>
      <c r="NH16" s="119">
        <v>52817862</v>
      </c>
      <c r="NI16" s="119">
        <v>58376520</v>
      </c>
      <c r="NJ16" s="119">
        <v>36251820</v>
      </c>
      <c r="NK16" s="120">
        <v>207833934</v>
      </c>
      <c r="NL16" s="318">
        <v>207833934</v>
      </c>
      <c r="NM16" s="142">
        <v>0</v>
      </c>
      <c r="NN16" s="119">
        <v>0</v>
      </c>
      <c r="NO16" s="120">
        <v>0</v>
      </c>
      <c r="NP16" s="145"/>
      <c r="NQ16" s="119">
        <v>0</v>
      </c>
      <c r="NR16" s="119">
        <v>0</v>
      </c>
      <c r="NS16" s="119">
        <v>0</v>
      </c>
      <c r="NT16" s="119">
        <v>0</v>
      </c>
      <c r="NU16" s="119">
        <v>658090</v>
      </c>
      <c r="NV16" s="120">
        <v>658090</v>
      </c>
      <c r="NW16" s="121">
        <v>658090</v>
      </c>
      <c r="NX16" s="142">
        <v>0</v>
      </c>
      <c r="NY16" s="119">
        <v>0</v>
      </c>
      <c r="NZ16" s="120">
        <v>0</v>
      </c>
      <c r="OA16" s="145"/>
      <c r="OB16" s="119">
        <v>0</v>
      </c>
      <c r="OC16" s="119">
        <v>0</v>
      </c>
      <c r="OD16" s="119">
        <v>20022</v>
      </c>
      <c r="OE16" s="119">
        <v>1129747</v>
      </c>
      <c r="OF16" s="119">
        <v>13014604</v>
      </c>
      <c r="OG16" s="120">
        <v>14164373</v>
      </c>
      <c r="OH16" s="121">
        <v>14164373</v>
      </c>
      <c r="OI16" s="142">
        <v>25561041</v>
      </c>
      <c r="OJ16" s="119">
        <v>45078641</v>
      </c>
      <c r="OK16" s="141">
        <v>70639682</v>
      </c>
      <c r="OL16" s="118">
        <v>0</v>
      </c>
      <c r="OM16" s="119">
        <v>449215992</v>
      </c>
      <c r="ON16" s="119">
        <v>410183236</v>
      </c>
      <c r="OO16" s="119">
        <v>499263905</v>
      </c>
      <c r="OP16" s="119">
        <v>559294084</v>
      </c>
      <c r="OQ16" s="119">
        <v>496436159</v>
      </c>
      <c r="OR16" s="120">
        <v>2414393376</v>
      </c>
      <c r="OS16" s="143">
        <v>2485033058</v>
      </c>
    </row>
    <row r="17" spans="2:409" ht="21" customHeight="1" x14ac:dyDescent="0.2">
      <c r="B17" s="62" t="s">
        <v>11</v>
      </c>
      <c r="C17" s="110">
        <v>11615286</v>
      </c>
      <c r="D17" s="114">
        <v>14900455</v>
      </c>
      <c r="E17" s="171">
        <v>26515741</v>
      </c>
      <c r="F17" s="111">
        <v>0</v>
      </c>
      <c r="G17" s="114">
        <v>162934920</v>
      </c>
      <c r="H17" s="114">
        <v>147599601</v>
      </c>
      <c r="I17" s="114">
        <v>138993555</v>
      </c>
      <c r="J17" s="114">
        <v>142914139</v>
      </c>
      <c r="K17" s="114">
        <v>98830334</v>
      </c>
      <c r="L17" s="109">
        <v>691272549</v>
      </c>
      <c r="M17" s="116">
        <v>717788290</v>
      </c>
      <c r="N17" s="110">
        <v>1731427</v>
      </c>
      <c r="O17" s="114">
        <v>2372356</v>
      </c>
      <c r="P17" s="113">
        <v>4103783</v>
      </c>
      <c r="Q17" s="110">
        <v>0</v>
      </c>
      <c r="R17" s="114">
        <v>37669428</v>
      </c>
      <c r="S17" s="114">
        <v>44001728</v>
      </c>
      <c r="T17" s="114">
        <v>43263738</v>
      </c>
      <c r="U17" s="114">
        <v>51498691</v>
      </c>
      <c r="V17" s="114">
        <v>49015890</v>
      </c>
      <c r="W17" s="113">
        <v>225449475</v>
      </c>
      <c r="X17" s="116">
        <v>229553258</v>
      </c>
      <c r="Y17" s="110">
        <v>0</v>
      </c>
      <c r="Z17" s="114">
        <v>0</v>
      </c>
      <c r="AA17" s="113">
        <v>0</v>
      </c>
      <c r="AB17" s="110">
        <v>0</v>
      </c>
      <c r="AC17" s="114">
        <v>18521363</v>
      </c>
      <c r="AD17" s="114">
        <v>25833126</v>
      </c>
      <c r="AE17" s="114">
        <v>26534830</v>
      </c>
      <c r="AF17" s="114">
        <v>32766774</v>
      </c>
      <c r="AG17" s="114">
        <v>31105702</v>
      </c>
      <c r="AH17" s="113">
        <v>134761795</v>
      </c>
      <c r="AI17" s="116">
        <v>134761795</v>
      </c>
      <c r="AJ17" s="110">
        <v>0</v>
      </c>
      <c r="AK17" s="114">
        <v>26675</v>
      </c>
      <c r="AL17" s="113">
        <v>26675</v>
      </c>
      <c r="AM17" s="110">
        <v>0</v>
      </c>
      <c r="AN17" s="114">
        <v>169883</v>
      </c>
      <c r="AO17" s="114">
        <v>708948</v>
      </c>
      <c r="AP17" s="114">
        <v>1411335</v>
      </c>
      <c r="AQ17" s="114">
        <v>3487592</v>
      </c>
      <c r="AR17" s="114">
        <v>5281853</v>
      </c>
      <c r="AS17" s="113">
        <v>11059611</v>
      </c>
      <c r="AT17" s="116">
        <v>11086286</v>
      </c>
      <c r="AU17" s="110">
        <v>999476</v>
      </c>
      <c r="AV17" s="114">
        <v>1638428</v>
      </c>
      <c r="AW17" s="113">
        <v>2637904</v>
      </c>
      <c r="AX17" s="110">
        <v>0</v>
      </c>
      <c r="AY17" s="114">
        <v>12659367</v>
      </c>
      <c r="AZ17" s="114">
        <v>10746565</v>
      </c>
      <c r="BA17" s="114">
        <v>8604998</v>
      </c>
      <c r="BB17" s="114">
        <v>8357942</v>
      </c>
      <c r="BC17" s="114">
        <v>8699491</v>
      </c>
      <c r="BD17" s="113">
        <v>49068363</v>
      </c>
      <c r="BE17" s="116">
        <v>51706267</v>
      </c>
      <c r="BF17" s="110">
        <v>156535</v>
      </c>
      <c r="BG17" s="114">
        <v>190437</v>
      </c>
      <c r="BH17" s="112">
        <v>346972</v>
      </c>
      <c r="BI17" s="111">
        <v>0</v>
      </c>
      <c r="BJ17" s="114">
        <v>890369</v>
      </c>
      <c r="BK17" s="114">
        <v>945565</v>
      </c>
      <c r="BL17" s="114">
        <v>1122730</v>
      </c>
      <c r="BM17" s="114">
        <v>995096</v>
      </c>
      <c r="BN17" s="114">
        <v>206836</v>
      </c>
      <c r="BO17" s="113">
        <v>4160596</v>
      </c>
      <c r="BP17" s="116">
        <v>4507568</v>
      </c>
      <c r="BQ17" s="110">
        <v>575416</v>
      </c>
      <c r="BR17" s="114">
        <v>516816</v>
      </c>
      <c r="BS17" s="113">
        <v>1092232</v>
      </c>
      <c r="BT17" s="110">
        <v>0</v>
      </c>
      <c r="BU17" s="114">
        <v>5428446</v>
      </c>
      <c r="BV17" s="114">
        <v>5767524</v>
      </c>
      <c r="BW17" s="114">
        <v>5589845</v>
      </c>
      <c r="BX17" s="114">
        <v>5891287</v>
      </c>
      <c r="BY17" s="114">
        <v>3722008</v>
      </c>
      <c r="BZ17" s="113">
        <v>26399110</v>
      </c>
      <c r="CA17" s="116">
        <v>27491342</v>
      </c>
      <c r="CB17" s="110">
        <v>2421398</v>
      </c>
      <c r="CC17" s="114">
        <v>3059228</v>
      </c>
      <c r="CD17" s="113">
        <v>5480626</v>
      </c>
      <c r="CE17" s="110">
        <v>0</v>
      </c>
      <c r="CF17" s="114">
        <v>52358934</v>
      </c>
      <c r="CG17" s="114">
        <v>43126440</v>
      </c>
      <c r="CH17" s="114">
        <v>34533063</v>
      </c>
      <c r="CI17" s="114">
        <v>27405106</v>
      </c>
      <c r="CJ17" s="114">
        <v>13761530</v>
      </c>
      <c r="CK17" s="113">
        <v>171185073</v>
      </c>
      <c r="CL17" s="116">
        <v>176665699</v>
      </c>
      <c r="CM17" s="110">
        <v>0</v>
      </c>
      <c r="CN17" s="114">
        <v>0</v>
      </c>
      <c r="CO17" s="113">
        <v>0</v>
      </c>
      <c r="CP17" s="111">
        <v>0</v>
      </c>
      <c r="CQ17" s="114">
        <v>43062231</v>
      </c>
      <c r="CR17" s="114">
        <v>34115220</v>
      </c>
      <c r="CS17" s="114">
        <v>27279373</v>
      </c>
      <c r="CT17" s="114">
        <v>21727207</v>
      </c>
      <c r="CU17" s="114">
        <v>11669061</v>
      </c>
      <c r="CV17" s="113">
        <v>137853092</v>
      </c>
      <c r="CW17" s="116">
        <v>137853092</v>
      </c>
      <c r="CX17" s="110">
        <v>2421398</v>
      </c>
      <c r="CY17" s="114">
        <v>3059228</v>
      </c>
      <c r="CZ17" s="113">
        <v>5480626</v>
      </c>
      <c r="DA17" s="110">
        <v>0</v>
      </c>
      <c r="DB17" s="114">
        <v>9296703</v>
      </c>
      <c r="DC17" s="114">
        <v>9011220</v>
      </c>
      <c r="DD17" s="114">
        <v>7253690</v>
      </c>
      <c r="DE17" s="114">
        <v>5677899</v>
      </c>
      <c r="DF17" s="114">
        <v>2092469</v>
      </c>
      <c r="DG17" s="113">
        <v>33331981</v>
      </c>
      <c r="DH17" s="116">
        <v>38812607</v>
      </c>
      <c r="DI17" s="110">
        <v>155438</v>
      </c>
      <c r="DJ17" s="114">
        <v>420765</v>
      </c>
      <c r="DK17" s="112">
        <v>576203</v>
      </c>
      <c r="DL17" s="111">
        <v>0</v>
      </c>
      <c r="DM17" s="114">
        <v>5673710</v>
      </c>
      <c r="DN17" s="114">
        <v>8065807</v>
      </c>
      <c r="DO17" s="114">
        <v>11757015</v>
      </c>
      <c r="DP17" s="114">
        <v>9333158</v>
      </c>
      <c r="DQ17" s="114">
        <v>6915995</v>
      </c>
      <c r="DR17" s="113">
        <v>41745685</v>
      </c>
      <c r="DS17" s="116">
        <v>42321888</v>
      </c>
      <c r="DT17" s="110">
        <v>155438</v>
      </c>
      <c r="DU17" s="114">
        <v>420765</v>
      </c>
      <c r="DV17" s="113">
        <v>576203</v>
      </c>
      <c r="DW17" s="110">
        <v>0</v>
      </c>
      <c r="DX17" s="114">
        <v>5498082</v>
      </c>
      <c r="DY17" s="114">
        <v>7546866</v>
      </c>
      <c r="DZ17" s="114">
        <v>10878668</v>
      </c>
      <c r="EA17" s="114">
        <v>8583746</v>
      </c>
      <c r="EB17" s="114">
        <v>5759564</v>
      </c>
      <c r="EC17" s="113">
        <v>38266926</v>
      </c>
      <c r="ED17" s="116">
        <v>38843129</v>
      </c>
      <c r="EE17" s="110">
        <v>0</v>
      </c>
      <c r="EF17" s="112">
        <v>0</v>
      </c>
      <c r="EG17" s="113">
        <v>0</v>
      </c>
      <c r="EH17" s="110">
        <v>0</v>
      </c>
      <c r="EI17" s="114">
        <v>175628</v>
      </c>
      <c r="EJ17" s="114">
        <v>518941</v>
      </c>
      <c r="EK17" s="114">
        <v>878347</v>
      </c>
      <c r="EL17" s="114">
        <v>749412</v>
      </c>
      <c r="EM17" s="114">
        <v>1156431</v>
      </c>
      <c r="EN17" s="112">
        <v>3478759</v>
      </c>
      <c r="EO17" s="116">
        <v>3478759</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5"/>
      <c r="FE17" s="114">
        <v>0</v>
      </c>
      <c r="FF17" s="114">
        <v>0</v>
      </c>
      <c r="FG17" s="114">
        <v>0</v>
      </c>
      <c r="FH17" s="114">
        <v>0</v>
      </c>
      <c r="FI17" s="114">
        <v>0</v>
      </c>
      <c r="FJ17" s="113">
        <v>0</v>
      </c>
      <c r="FK17" s="116">
        <v>0</v>
      </c>
      <c r="FL17" s="110">
        <v>2870792</v>
      </c>
      <c r="FM17" s="114">
        <v>3225933</v>
      </c>
      <c r="FN17" s="113">
        <v>6096725</v>
      </c>
      <c r="FO17" s="110">
        <v>0</v>
      </c>
      <c r="FP17" s="114">
        <v>9377205</v>
      </c>
      <c r="FQ17" s="114">
        <v>12232849</v>
      </c>
      <c r="FR17" s="114">
        <v>10162443</v>
      </c>
      <c r="FS17" s="114">
        <v>10727259</v>
      </c>
      <c r="FT17" s="114">
        <v>6805123</v>
      </c>
      <c r="FU17" s="113">
        <v>49304879</v>
      </c>
      <c r="FV17" s="116">
        <v>55401604</v>
      </c>
      <c r="FW17" s="115">
        <v>1759089</v>
      </c>
      <c r="FX17" s="114">
        <v>2779669</v>
      </c>
      <c r="FY17" s="112">
        <v>4538758</v>
      </c>
      <c r="FZ17" s="111">
        <v>0</v>
      </c>
      <c r="GA17" s="114">
        <v>6522380</v>
      </c>
      <c r="GB17" s="114">
        <v>11299895</v>
      </c>
      <c r="GC17" s="114">
        <v>9539054</v>
      </c>
      <c r="GD17" s="114">
        <v>9924497</v>
      </c>
      <c r="GE17" s="114">
        <v>6604976</v>
      </c>
      <c r="GF17" s="113">
        <v>43890802</v>
      </c>
      <c r="GG17" s="316">
        <v>48429560</v>
      </c>
      <c r="GH17" s="115">
        <v>192346</v>
      </c>
      <c r="GI17" s="114">
        <v>112464</v>
      </c>
      <c r="GJ17" s="112">
        <v>304810</v>
      </c>
      <c r="GK17" s="111">
        <v>0</v>
      </c>
      <c r="GL17" s="114">
        <v>505890</v>
      </c>
      <c r="GM17" s="114">
        <v>436959</v>
      </c>
      <c r="GN17" s="114">
        <v>186660</v>
      </c>
      <c r="GO17" s="114">
        <v>421936</v>
      </c>
      <c r="GP17" s="114">
        <v>88862</v>
      </c>
      <c r="GQ17" s="113">
        <v>1640307</v>
      </c>
      <c r="GR17" s="116">
        <v>1945117</v>
      </c>
      <c r="GS17" s="110">
        <v>919357</v>
      </c>
      <c r="GT17" s="114">
        <v>333800</v>
      </c>
      <c r="GU17" s="113">
        <v>1253157</v>
      </c>
      <c r="GV17" s="110">
        <v>0</v>
      </c>
      <c r="GW17" s="114">
        <v>2348935</v>
      </c>
      <c r="GX17" s="114">
        <v>495995</v>
      </c>
      <c r="GY17" s="114">
        <v>436729</v>
      </c>
      <c r="GZ17" s="114">
        <v>380826</v>
      </c>
      <c r="HA17" s="114">
        <v>111285</v>
      </c>
      <c r="HB17" s="112">
        <v>3773770</v>
      </c>
      <c r="HC17" s="116">
        <v>5026927</v>
      </c>
      <c r="HD17" s="110">
        <v>1991132</v>
      </c>
      <c r="HE17" s="114">
        <v>3239229</v>
      </c>
      <c r="HF17" s="112">
        <v>5230361</v>
      </c>
      <c r="HG17" s="111">
        <v>0</v>
      </c>
      <c r="HH17" s="114">
        <v>31674895</v>
      </c>
      <c r="HI17" s="114">
        <v>24209830</v>
      </c>
      <c r="HJ17" s="114">
        <v>26363229</v>
      </c>
      <c r="HK17" s="114">
        <v>34050419</v>
      </c>
      <c r="HL17" s="114">
        <v>16816520</v>
      </c>
      <c r="HM17" s="113">
        <v>133114893</v>
      </c>
      <c r="HN17" s="109">
        <v>138345254</v>
      </c>
      <c r="HO17" s="115">
        <v>2445099</v>
      </c>
      <c r="HP17" s="114">
        <v>2582944</v>
      </c>
      <c r="HQ17" s="113">
        <v>5028043</v>
      </c>
      <c r="HR17" s="110">
        <v>0</v>
      </c>
      <c r="HS17" s="114">
        <v>26180748</v>
      </c>
      <c r="HT17" s="114">
        <v>15962947</v>
      </c>
      <c r="HU17" s="114">
        <v>12914067</v>
      </c>
      <c r="HV17" s="114">
        <v>9899506</v>
      </c>
      <c r="HW17" s="114">
        <v>5515276</v>
      </c>
      <c r="HX17" s="112">
        <v>70472544</v>
      </c>
      <c r="HY17" s="116">
        <v>75500587</v>
      </c>
      <c r="HZ17" s="131">
        <v>21564</v>
      </c>
      <c r="IA17" s="132">
        <v>1279816</v>
      </c>
      <c r="IB17" s="133">
        <v>1301380</v>
      </c>
      <c r="IC17" s="146">
        <v>0</v>
      </c>
      <c r="ID17" s="132">
        <v>51406478</v>
      </c>
      <c r="IE17" s="147">
        <v>52112894</v>
      </c>
      <c r="IF17" s="133">
        <v>56434503</v>
      </c>
      <c r="IG17" s="132">
        <v>33630775</v>
      </c>
      <c r="IH17" s="133">
        <v>15899847</v>
      </c>
      <c r="II17" s="148">
        <v>209484497</v>
      </c>
      <c r="IJ17" s="139">
        <v>210785877</v>
      </c>
      <c r="IK17" s="232">
        <v>0</v>
      </c>
      <c r="IL17" s="236">
        <v>0</v>
      </c>
      <c r="IM17" s="237">
        <v>0</v>
      </c>
      <c r="IN17" s="140"/>
      <c r="IO17" s="119">
        <v>1070130</v>
      </c>
      <c r="IP17" s="119">
        <v>1167304</v>
      </c>
      <c r="IQ17" s="119">
        <v>757619</v>
      </c>
      <c r="IR17" s="119">
        <v>1493943</v>
      </c>
      <c r="IS17" s="119">
        <v>1649605</v>
      </c>
      <c r="IT17" s="141">
        <v>6138601</v>
      </c>
      <c r="IU17" s="318">
        <v>6138601</v>
      </c>
      <c r="IV17" s="142">
        <v>0</v>
      </c>
      <c r="IW17" s="119">
        <v>0</v>
      </c>
      <c r="IX17" s="120">
        <v>0</v>
      </c>
      <c r="IY17" s="144"/>
      <c r="IZ17" s="119">
        <v>257359</v>
      </c>
      <c r="JA17" s="119">
        <v>258436</v>
      </c>
      <c r="JB17" s="119">
        <v>189410</v>
      </c>
      <c r="JC17" s="119">
        <v>350743</v>
      </c>
      <c r="JD17" s="119">
        <v>75764</v>
      </c>
      <c r="JE17" s="120">
        <v>1131712</v>
      </c>
      <c r="JF17" s="121">
        <v>1131712</v>
      </c>
      <c r="JG17" s="142">
        <v>0</v>
      </c>
      <c r="JH17" s="119">
        <v>0</v>
      </c>
      <c r="JI17" s="141">
        <v>0</v>
      </c>
      <c r="JJ17" s="118">
        <v>0</v>
      </c>
      <c r="JK17" s="119">
        <v>29385889</v>
      </c>
      <c r="JL17" s="119">
        <v>22267708</v>
      </c>
      <c r="JM17" s="119">
        <v>16650486</v>
      </c>
      <c r="JN17" s="119">
        <v>8280448</v>
      </c>
      <c r="JO17" s="119">
        <v>5310753</v>
      </c>
      <c r="JP17" s="120">
        <v>81895284</v>
      </c>
      <c r="JQ17" s="318">
        <v>81895284</v>
      </c>
      <c r="JR17" s="142">
        <v>21564</v>
      </c>
      <c r="JS17" s="119">
        <v>0</v>
      </c>
      <c r="JT17" s="141">
        <v>21564</v>
      </c>
      <c r="JU17" s="118">
        <v>0</v>
      </c>
      <c r="JV17" s="119">
        <v>1162539</v>
      </c>
      <c r="JW17" s="119">
        <v>1052562</v>
      </c>
      <c r="JX17" s="119">
        <v>2147861</v>
      </c>
      <c r="JY17" s="119">
        <v>11824</v>
      </c>
      <c r="JZ17" s="119">
        <v>113132</v>
      </c>
      <c r="KA17" s="120">
        <v>4487918</v>
      </c>
      <c r="KB17" s="318">
        <v>4509482</v>
      </c>
      <c r="KC17" s="234">
        <v>0</v>
      </c>
      <c r="KD17" s="230">
        <v>516956</v>
      </c>
      <c r="KE17" s="120">
        <v>516956</v>
      </c>
      <c r="KF17" s="118">
        <v>0</v>
      </c>
      <c r="KG17" s="119">
        <v>5723448</v>
      </c>
      <c r="KH17" s="119">
        <v>6529792</v>
      </c>
      <c r="KI17" s="119">
        <v>11773205</v>
      </c>
      <c r="KJ17" s="119">
        <v>6198754</v>
      </c>
      <c r="KK17" s="119">
        <v>1631283</v>
      </c>
      <c r="KL17" s="120">
        <v>31856482</v>
      </c>
      <c r="KM17" s="143">
        <v>32373438</v>
      </c>
      <c r="KN17" s="232">
        <v>0</v>
      </c>
      <c r="KO17" s="236">
        <v>762860</v>
      </c>
      <c r="KP17" s="237">
        <v>762860</v>
      </c>
      <c r="KQ17" s="140"/>
      <c r="KR17" s="119">
        <v>12983407</v>
      </c>
      <c r="KS17" s="119">
        <v>19378735</v>
      </c>
      <c r="KT17" s="119">
        <v>24066037</v>
      </c>
      <c r="KU17" s="119">
        <v>14764272</v>
      </c>
      <c r="KV17" s="119">
        <v>6379272</v>
      </c>
      <c r="KW17" s="120">
        <v>77571723</v>
      </c>
      <c r="KX17" s="318">
        <v>78334583</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47185</v>
      </c>
      <c r="LP17" s="119">
        <v>0</v>
      </c>
      <c r="LQ17" s="119">
        <v>0</v>
      </c>
      <c r="LR17" s="119">
        <v>0</v>
      </c>
      <c r="LS17" s="120">
        <v>247185</v>
      </c>
      <c r="LT17" s="318">
        <v>247185</v>
      </c>
      <c r="LU17" s="142">
        <v>0</v>
      </c>
      <c r="LV17" s="119">
        <v>0</v>
      </c>
      <c r="LW17" s="120">
        <v>0</v>
      </c>
      <c r="LX17" s="145"/>
      <c r="LY17" s="119">
        <v>823706</v>
      </c>
      <c r="LZ17" s="119">
        <v>1211172</v>
      </c>
      <c r="MA17" s="119">
        <v>849885</v>
      </c>
      <c r="MB17" s="119">
        <v>2530791</v>
      </c>
      <c r="MC17" s="119">
        <v>740038</v>
      </c>
      <c r="MD17" s="120">
        <v>6155592</v>
      </c>
      <c r="ME17" s="121">
        <v>6155592</v>
      </c>
      <c r="MF17" s="142">
        <v>0</v>
      </c>
      <c r="MG17" s="119">
        <v>0</v>
      </c>
      <c r="MH17" s="120">
        <v>0</v>
      </c>
      <c r="MI17" s="145"/>
      <c r="MJ17" s="119">
        <v>18886785</v>
      </c>
      <c r="MK17" s="119">
        <v>26117239</v>
      </c>
      <c r="ML17" s="119">
        <v>97870217</v>
      </c>
      <c r="MM17" s="119">
        <v>163107570</v>
      </c>
      <c r="MN17" s="119">
        <v>102997710</v>
      </c>
      <c r="MO17" s="120">
        <v>408979521</v>
      </c>
      <c r="MP17" s="143">
        <v>408979521</v>
      </c>
      <c r="MQ17" s="142">
        <v>0</v>
      </c>
      <c r="MR17" s="119">
        <v>0</v>
      </c>
      <c r="MS17" s="120">
        <v>0</v>
      </c>
      <c r="MT17" s="145"/>
      <c r="MU17" s="119">
        <v>184698</v>
      </c>
      <c r="MV17" s="119">
        <v>1643796</v>
      </c>
      <c r="MW17" s="119">
        <v>53551980</v>
      </c>
      <c r="MX17" s="119">
        <v>116044715</v>
      </c>
      <c r="MY17" s="119">
        <v>65747659</v>
      </c>
      <c r="MZ17" s="120">
        <v>237172848</v>
      </c>
      <c r="NA17" s="143">
        <v>237172848</v>
      </c>
      <c r="NB17" s="142">
        <v>0</v>
      </c>
      <c r="NC17" s="119">
        <v>0</v>
      </c>
      <c r="ND17" s="120">
        <v>0</v>
      </c>
      <c r="NE17" s="145"/>
      <c r="NF17" s="119">
        <v>18153397</v>
      </c>
      <c r="NG17" s="119">
        <v>22941233</v>
      </c>
      <c r="NH17" s="119">
        <v>40454208</v>
      </c>
      <c r="NI17" s="119">
        <v>42407412</v>
      </c>
      <c r="NJ17" s="119">
        <v>24980457</v>
      </c>
      <c r="NK17" s="120">
        <v>148936707</v>
      </c>
      <c r="NL17" s="318">
        <v>148936707</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548690</v>
      </c>
      <c r="OC17" s="119">
        <v>1532210</v>
      </c>
      <c r="OD17" s="119">
        <v>3864029</v>
      </c>
      <c r="OE17" s="119">
        <v>4655443</v>
      </c>
      <c r="OF17" s="119">
        <v>12269594</v>
      </c>
      <c r="OG17" s="120">
        <v>22869966</v>
      </c>
      <c r="OH17" s="121">
        <v>22869966</v>
      </c>
      <c r="OI17" s="142">
        <v>11636850</v>
      </c>
      <c r="OJ17" s="119">
        <v>16180271</v>
      </c>
      <c r="OK17" s="141">
        <v>27817121</v>
      </c>
      <c r="OL17" s="118">
        <v>0</v>
      </c>
      <c r="OM17" s="119">
        <v>233228183</v>
      </c>
      <c r="ON17" s="119">
        <v>225829734</v>
      </c>
      <c r="OO17" s="119">
        <v>293298275</v>
      </c>
      <c r="OP17" s="119">
        <v>339652484</v>
      </c>
      <c r="OQ17" s="119">
        <v>217727891</v>
      </c>
      <c r="OR17" s="120">
        <v>1309736567</v>
      </c>
      <c r="OS17" s="143">
        <v>1337553688</v>
      </c>
    </row>
    <row r="18" spans="2:409" ht="21" customHeight="1" x14ac:dyDescent="0.2">
      <c r="B18" s="62" t="s">
        <v>12</v>
      </c>
      <c r="C18" s="110">
        <v>16024473</v>
      </c>
      <c r="D18" s="114">
        <v>31949604</v>
      </c>
      <c r="E18" s="113">
        <v>47974077</v>
      </c>
      <c r="F18" s="109">
        <v>0</v>
      </c>
      <c r="G18" s="114">
        <v>134026430</v>
      </c>
      <c r="H18" s="170">
        <v>156302805</v>
      </c>
      <c r="I18" s="170">
        <v>145831464</v>
      </c>
      <c r="J18" s="170">
        <v>158657544</v>
      </c>
      <c r="K18" s="170">
        <v>121897583</v>
      </c>
      <c r="L18" s="112">
        <v>716715826</v>
      </c>
      <c r="M18" s="116">
        <v>764689903</v>
      </c>
      <c r="N18" s="110">
        <v>3348353</v>
      </c>
      <c r="O18" s="114">
        <v>9261543</v>
      </c>
      <c r="P18" s="113">
        <v>12609896</v>
      </c>
      <c r="Q18" s="110">
        <v>0</v>
      </c>
      <c r="R18" s="114">
        <v>36181511</v>
      </c>
      <c r="S18" s="114">
        <v>48996561</v>
      </c>
      <c r="T18" s="114">
        <v>44847053</v>
      </c>
      <c r="U18" s="114">
        <v>58333624</v>
      </c>
      <c r="V18" s="114">
        <v>62283815</v>
      </c>
      <c r="W18" s="113">
        <v>250642564</v>
      </c>
      <c r="X18" s="116">
        <v>263252460</v>
      </c>
      <c r="Y18" s="110">
        <v>0</v>
      </c>
      <c r="Z18" s="114">
        <v>0</v>
      </c>
      <c r="AA18" s="113">
        <v>0</v>
      </c>
      <c r="AB18" s="110">
        <v>0</v>
      </c>
      <c r="AC18" s="114">
        <v>20648259</v>
      </c>
      <c r="AD18" s="114">
        <v>27410374</v>
      </c>
      <c r="AE18" s="114">
        <v>28427575</v>
      </c>
      <c r="AF18" s="114">
        <v>37522116</v>
      </c>
      <c r="AG18" s="114">
        <v>41790459</v>
      </c>
      <c r="AH18" s="113">
        <v>155798783</v>
      </c>
      <c r="AI18" s="116">
        <v>155798783</v>
      </c>
      <c r="AJ18" s="110">
        <v>0</v>
      </c>
      <c r="AK18" s="114">
        <v>174086</v>
      </c>
      <c r="AL18" s="113">
        <v>174086</v>
      </c>
      <c r="AM18" s="110">
        <v>0</v>
      </c>
      <c r="AN18" s="114">
        <v>236762</v>
      </c>
      <c r="AO18" s="114">
        <v>961333</v>
      </c>
      <c r="AP18" s="114">
        <v>1439088</v>
      </c>
      <c r="AQ18" s="114">
        <v>4574414</v>
      </c>
      <c r="AR18" s="114">
        <v>5959482</v>
      </c>
      <c r="AS18" s="113">
        <v>13171079</v>
      </c>
      <c r="AT18" s="116">
        <v>13345165</v>
      </c>
      <c r="AU18" s="110">
        <v>2397869</v>
      </c>
      <c r="AV18" s="114">
        <v>7182681</v>
      </c>
      <c r="AW18" s="113">
        <v>9580550</v>
      </c>
      <c r="AX18" s="110">
        <v>0</v>
      </c>
      <c r="AY18" s="114">
        <v>10340517</v>
      </c>
      <c r="AZ18" s="114">
        <v>14249249</v>
      </c>
      <c r="BA18" s="114">
        <v>9156036</v>
      </c>
      <c r="BB18" s="114">
        <v>9530039</v>
      </c>
      <c r="BC18" s="114">
        <v>9336202</v>
      </c>
      <c r="BD18" s="113">
        <v>52612043</v>
      </c>
      <c r="BE18" s="116">
        <v>62192593</v>
      </c>
      <c r="BF18" s="110">
        <v>99884</v>
      </c>
      <c r="BG18" s="114">
        <v>677969</v>
      </c>
      <c r="BH18" s="112">
        <v>777853</v>
      </c>
      <c r="BI18" s="111">
        <v>0</v>
      </c>
      <c r="BJ18" s="114">
        <v>492882</v>
      </c>
      <c r="BK18" s="114">
        <v>1447683</v>
      </c>
      <c r="BL18" s="114">
        <v>1068769</v>
      </c>
      <c r="BM18" s="114">
        <v>793290</v>
      </c>
      <c r="BN18" s="114">
        <v>528908</v>
      </c>
      <c r="BO18" s="113">
        <v>4331532</v>
      </c>
      <c r="BP18" s="116">
        <v>5109385</v>
      </c>
      <c r="BQ18" s="110">
        <v>850600</v>
      </c>
      <c r="BR18" s="114">
        <v>1226807</v>
      </c>
      <c r="BS18" s="113">
        <v>2077407</v>
      </c>
      <c r="BT18" s="110">
        <v>0</v>
      </c>
      <c r="BU18" s="114">
        <v>4463091</v>
      </c>
      <c r="BV18" s="114">
        <v>4927922</v>
      </c>
      <c r="BW18" s="114">
        <v>4755585</v>
      </c>
      <c r="BX18" s="114">
        <v>5913765</v>
      </c>
      <c r="BY18" s="114">
        <v>4668764</v>
      </c>
      <c r="BZ18" s="113">
        <v>24729127</v>
      </c>
      <c r="CA18" s="116">
        <v>26806534</v>
      </c>
      <c r="CB18" s="110">
        <v>3085786</v>
      </c>
      <c r="CC18" s="114">
        <v>5886361</v>
      </c>
      <c r="CD18" s="113">
        <v>8972147</v>
      </c>
      <c r="CE18" s="110">
        <v>0</v>
      </c>
      <c r="CF18" s="114">
        <v>45633929</v>
      </c>
      <c r="CG18" s="114">
        <v>47021697</v>
      </c>
      <c r="CH18" s="114">
        <v>38733997</v>
      </c>
      <c r="CI18" s="114">
        <v>31936526</v>
      </c>
      <c r="CJ18" s="114">
        <v>15159870</v>
      </c>
      <c r="CK18" s="113">
        <v>178486019</v>
      </c>
      <c r="CL18" s="116">
        <v>187458166</v>
      </c>
      <c r="CM18" s="110">
        <v>0</v>
      </c>
      <c r="CN18" s="114">
        <v>0</v>
      </c>
      <c r="CO18" s="113">
        <v>0</v>
      </c>
      <c r="CP18" s="111">
        <v>0</v>
      </c>
      <c r="CQ18" s="114">
        <v>38239322</v>
      </c>
      <c r="CR18" s="114">
        <v>35575706</v>
      </c>
      <c r="CS18" s="114">
        <v>28736093</v>
      </c>
      <c r="CT18" s="114">
        <v>24335767</v>
      </c>
      <c r="CU18" s="114">
        <v>12547080</v>
      </c>
      <c r="CV18" s="113">
        <v>139433968</v>
      </c>
      <c r="CW18" s="116">
        <v>139433968</v>
      </c>
      <c r="CX18" s="110">
        <v>3085786</v>
      </c>
      <c r="CY18" s="114">
        <v>5886361</v>
      </c>
      <c r="CZ18" s="113">
        <v>8972147</v>
      </c>
      <c r="DA18" s="110">
        <v>0</v>
      </c>
      <c r="DB18" s="114">
        <v>7394607</v>
      </c>
      <c r="DC18" s="114">
        <v>11445991</v>
      </c>
      <c r="DD18" s="114">
        <v>9997904</v>
      </c>
      <c r="DE18" s="114">
        <v>7600759</v>
      </c>
      <c r="DF18" s="114">
        <v>2612790</v>
      </c>
      <c r="DG18" s="113">
        <v>39052051</v>
      </c>
      <c r="DH18" s="116">
        <v>48024198</v>
      </c>
      <c r="DI18" s="110">
        <v>92084</v>
      </c>
      <c r="DJ18" s="114">
        <v>508465</v>
      </c>
      <c r="DK18" s="112">
        <v>600549</v>
      </c>
      <c r="DL18" s="111">
        <v>0</v>
      </c>
      <c r="DM18" s="114">
        <v>5404465</v>
      </c>
      <c r="DN18" s="114">
        <v>7867630</v>
      </c>
      <c r="DO18" s="114">
        <v>13392549</v>
      </c>
      <c r="DP18" s="114">
        <v>11263146</v>
      </c>
      <c r="DQ18" s="114">
        <v>8706769</v>
      </c>
      <c r="DR18" s="113">
        <v>46634559</v>
      </c>
      <c r="DS18" s="116">
        <v>47235108</v>
      </c>
      <c r="DT18" s="110">
        <v>92084</v>
      </c>
      <c r="DU18" s="114">
        <v>508465</v>
      </c>
      <c r="DV18" s="113">
        <v>600549</v>
      </c>
      <c r="DW18" s="110">
        <v>0</v>
      </c>
      <c r="DX18" s="114">
        <v>5295916</v>
      </c>
      <c r="DY18" s="114">
        <v>7351341</v>
      </c>
      <c r="DZ18" s="114">
        <v>12909588</v>
      </c>
      <c r="EA18" s="114">
        <v>10929771</v>
      </c>
      <c r="EB18" s="114">
        <v>8595828</v>
      </c>
      <c r="EC18" s="113">
        <v>45082444</v>
      </c>
      <c r="ED18" s="116">
        <v>45682993</v>
      </c>
      <c r="EE18" s="110">
        <v>0</v>
      </c>
      <c r="EF18" s="112">
        <v>0</v>
      </c>
      <c r="EG18" s="113">
        <v>0</v>
      </c>
      <c r="EH18" s="110">
        <v>0</v>
      </c>
      <c r="EI18" s="114">
        <v>108549</v>
      </c>
      <c r="EJ18" s="114">
        <v>516289</v>
      </c>
      <c r="EK18" s="114">
        <v>482961</v>
      </c>
      <c r="EL18" s="114">
        <v>333375</v>
      </c>
      <c r="EM18" s="114">
        <v>110941</v>
      </c>
      <c r="EN18" s="112">
        <v>1552115</v>
      </c>
      <c r="EO18" s="116">
        <v>1552115</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5"/>
      <c r="FE18" s="114">
        <v>0</v>
      </c>
      <c r="FF18" s="114">
        <v>0</v>
      </c>
      <c r="FG18" s="114">
        <v>0</v>
      </c>
      <c r="FH18" s="114">
        <v>0</v>
      </c>
      <c r="FI18" s="114">
        <v>0</v>
      </c>
      <c r="FJ18" s="113">
        <v>0</v>
      </c>
      <c r="FK18" s="116">
        <v>0</v>
      </c>
      <c r="FL18" s="110">
        <v>3646783</v>
      </c>
      <c r="FM18" s="114">
        <v>6873669</v>
      </c>
      <c r="FN18" s="113">
        <v>10520452</v>
      </c>
      <c r="FO18" s="110">
        <v>0</v>
      </c>
      <c r="FP18" s="114">
        <v>5818907</v>
      </c>
      <c r="FQ18" s="114">
        <v>13735828</v>
      </c>
      <c r="FR18" s="114">
        <v>11183876</v>
      </c>
      <c r="FS18" s="114">
        <v>13081365</v>
      </c>
      <c r="FT18" s="114">
        <v>8979514</v>
      </c>
      <c r="FU18" s="113">
        <v>52799490</v>
      </c>
      <c r="FV18" s="116">
        <v>63319942</v>
      </c>
      <c r="FW18" s="115">
        <v>2343864</v>
      </c>
      <c r="FX18" s="114">
        <v>5869804</v>
      </c>
      <c r="FY18" s="112">
        <v>8213668</v>
      </c>
      <c r="FZ18" s="111">
        <v>0</v>
      </c>
      <c r="GA18" s="114">
        <v>4082664</v>
      </c>
      <c r="GB18" s="114">
        <v>12412403</v>
      </c>
      <c r="GC18" s="114">
        <v>10629062</v>
      </c>
      <c r="GD18" s="114">
        <v>12371413</v>
      </c>
      <c r="GE18" s="114">
        <v>8598939</v>
      </c>
      <c r="GF18" s="113">
        <v>48094481</v>
      </c>
      <c r="GG18" s="316">
        <v>56308149</v>
      </c>
      <c r="GH18" s="115">
        <v>55836</v>
      </c>
      <c r="GI18" s="114">
        <v>323565</v>
      </c>
      <c r="GJ18" s="112">
        <v>379401</v>
      </c>
      <c r="GK18" s="111">
        <v>0</v>
      </c>
      <c r="GL18" s="114">
        <v>44995</v>
      </c>
      <c r="GM18" s="114">
        <v>681768</v>
      </c>
      <c r="GN18" s="114">
        <v>225450</v>
      </c>
      <c r="GO18" s="114">
        <v>358282</v>
      </c>
      <c r="GP18" s="114">
        <v>20575</v>
      </c>
      <c r="GQ18" s="113">
        <v>1331070</v>
      </c>
      <c r="GR18" s="116">
        <v>1710471</v>
      </c>
      <c r="GS18" s="110">
        <v>1247083</v>
      </c>
      <c r="GT18" s="114">
        <v>680300</v>
      </c>
      <c r="GU18" s="113">
        <v>1927383</v>
      </c>
      <c r="GV18" s="110">
        <v>0</v>
      </c>
      <c r="GW18" s="114">
        <v>1691248</v>
      </c>
      <c r="GX18" s="114">
        <v>641657</v>
      </c>
      <c r="GY18" s="114">
        <v>329364</v>
      </c>
      <c r="GZ18" s="114">
        <v>351670</v>
      </c>
      <c r="HA18" s="114">
        <v>360000</v>
      </c>
      <c r="HB18" s="112">
        <v>3373939</v>
      </c>
      <c r="HC18" s="116">
        <v>5301322</v>
      </c>
      <c r="HD18" s="110">
        <v>2710313</v>
      </c>
      <c r="HE18" s="114">
        <v>4264357</v>
      </c>
      <c r="HF18" s="112">
        <v>6974670</v>
      </c>
      <c r="HG18" s="111">
        <v>0</v>
      </c>
      <c r="HH18" s="114">
        <v>18150052</v>
      </c>
      <c r="HI18" s="114">
        <v>19504829</v>
      </c>
      <c r="HJ18" s="114">
        <v>23015006</v>
      </c>
      <c r="HK18" s="114">
        <v>32061044</v>
      </c>
      <c r="HL18" s="114">
        <v>19894898</v>
      </c>
      <c r="HM18" s="113">
        <v>112625829</v>
      </c>
      <c r="HN18" s="109">
        <v>119600499</v>
      </c>
      <c r="HO18" s="115">
        <v>3141154</v>
      </c>
      <c r="HP18" s="114">
        <v>5155209</v>
      </c>
      <c r="HQ18" s="113">
        <v>8296363</v>
      </c>
      <c r="HR18" s="110">
        <v>0</v>
      </c>
      <c r="HS18" s="114">
        <v>22837566</v>
      </c>
      <c r="HT18" s="114">
        <v>19176260</v>
      </c>
      <c r="HU18" s="114">
        <v>14658983</v>
      </c>
      <c r="HV18" s="114">
        <v>11981839</v>
      </c>
      <c r="HW18" s="114">
        <v>6872717</v>
      </c>
      <c r="HX18" s="112">
        <v>75527365</v>
      </c>
      <c r="HY18" s="116">
        <v>83823728</v>
      </c>
      <c r="HZ18" s="150">
        <v>0</v>
      </c>
      <c r="IA18" s="135">
        <v>89109</v>
      </c>
      <c r="IB18" s="150">
        <v>89109</v>
      </c>
      <c r="IC18" s="134">
        <v>0</v>
      </c>
      <c r="ID18" s="135">
        <v>35011310</v>
      </c>
      <c r="IE18" s="136">
        <v>41821894</v>
      </c>
      <c r="IF18" s="137">
        <v>45276394</v>
      </c>
      <c r="IG18" s="135">
        <v>44015622</v>
      </c>
      <c r="IH18" s="137">
        <v>31872336</v>
      </c>
      <c r="II18" s="138">
        <v>197997556</v>
      </c>
      <c r="IJ18" s="150">
        <v>198086665</v>
      </c>
      <c r="IK18" s="232">
        <v>0</v>
      </c>
      <c r="IL18" s="236">
        <v>0</v>
      </c>
      <c r="IM18" s="237">
        <v>0</v>
      </c>
      <c r="IN18" s="140"/>
      <c r="IO18" s="119">
        <v>711700</v>
      </c>
      <c r="IP18" s="119">
        <v>520892</v>
      </c>
      <c r="IQ18" s="119">
        <v>384476</v>
      </c>
      <c r="IR18" s="119">
        <v>1298641</v>
      </c>
      <c r="IS18" s="119">
        <v>2438512</v>
      </c>
      <c r="IT18" s="141">
        <v>5354221</v>
      </c>
      <c r="IU18" s="318">
        <v>5354221</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21483985</v>
      </c>
      <c r="JL18" s="119">
        <v>16079192</v>
      </c>
      <c r="JM18" s="119">
        <v>14093950</v>
      </c>
      <c r="JN18" s="119">
        <v>9046979</v>
      </c>
      <c r="JO18" s="119">
        <v>2921306</v>
      </c>
      <c r="JP18" s="120">
        <v>63625412</v>
      </c>
      <c r="JQ18" s="318">
        <v>63625412</v>
      </c>
      <c r="JR18" s="142">
        <v>0</v>
      </c>
      <c r="JS18" s="119">
        <v>0</v>
      </c>
      <c r="JT18" s="141">
        <v>0</v>
      </c>
      <c r="JU18" s="118">
        <v>0</v>
      </c>
      <c r="JV18" s="119">
        <v>333681</v>
      </c>
      <c r="JW18" s="119">
        <v>179244</v>
      </c>
      <c r="JX18" s="119">
        <v>143905</v>
      </c>
      <c r="JY18" s="119">
        <v>55175</v>
      </c>
      <c r="JZ18" s="119">
        <v>234804</v>
      </c>
      <c r="KA18" s="120">
        <v>946809</v>
      </c>
      <c r="KB18" s="318">
        <v>946809</v>
      </c>
      <c r="KC18" s="234">
        <v>0</v>
      </c>
      <c r="KD18" s="230">
        <v>89109</v>
      </c>
      <c r="KE18" s="120">
        <v>89109</v>
      </c>
      <c r="KF18" s="118">
        <v>0</v>
      </c>
      <c r="KG18" s="119">
        <v>2589296</v>
      </c>
      <c r="KH18" s="119">
        <v>6683157</v>
      </c>
      <c r="KI18" s="119">
        <v>10402588</v>
      </c>
      <c r="KJ18" s="119">
        <v>11907779</v>
      </c>
      <c r="KK18" s="119">
        <v>7243695</v>
      </c>
      <c r="KL18" s="120">
        <v>38826515</v>
      </c>
      <c r="KM18" s="143">
        <v>38915624</v>
      </c>
      <c r="KN18" s="232">
        <v>0</v>
      </c>
      <c r="KO18" s="236">
        <v>0</v>
      </c>
      <c r="KP18" s="237">
        <v>0</v>
      </c>
      <c r="KQ18" s="140"/>
      <c r="KR18" s="119">
        <v>8880355</v>
      </c>
      <c r="KS18" s="119">
        <v>14810195</v>
      </c>
      <c r="KT18" s="119">
        <v>11081917</v>
      </c>
      <c r="KU18" s="119">
        <v>9984161</v>
      </c>
      <c r="KV18" s="119">
        <v>10077621</v>
      </c>
      <c r="KW18" s="120">
        <v>54834249</v>
      </c>
      <c r="KX18" s="318">
        <v>54834249</v>
      </c>
      <c r="KY18" s="142">
        <v>0</v>
      </c>
      <c r="KZ18" s="119">
        <v>0</v>
      </c>
      <c r="LA18" s="120">
        <v>0</v>
      </c>
      <c r="LB18" s="145"/>
      <c r="LC18" s="119">
        <v>182889</v>
      </c>
      <c r="LD18" s="119">
        <v>854154</v>
      </c>
      <c r="LE18" s="119">
        <v>1306010</v>
      </c>
      <c r="LF18" s="119">
        <v>1850422</v>
      </c>
      <c r="LG18" s="119">
        <v>812955</v>
      </c>
      <c r="LH18" s="120">
        <v>5006430</v>
      </c>
      <c r="LI18" s="121">
        <v>5006430</v>
      </c>
      <c r="LJ18" s="142">
        <v>0</v>
      </c>
      <c r="LK18" s="119">
        <v>0</v>
      </c>
      <c r="LL18" s="120">
        <v>0</v>
      </c>
      <c r="LM18" s="145"/>
      <c r="LN18" s="119">
        <v>0</v>
      </c>
      <c r="LO18" s="119">
        <v>268531</v>
      </c>
      <c r="LP18" s="119">
        <v>2655445</v>
      </c>
      <c r="LQ18" s="119">
        <v>3475403</v>
      </c>
      <c r="LR18" s="119">
        <v>2254119</v>
      </c>
      <c r="LS18" s="120">
        <v>8653498</v>
      </c>
      <c r="LT18" s="318">
        <v>8653498</v>
      </c>
      <c r="LU18" s="142">
        <v>0</v>
      </c>
      <c r="LV18" s="119">
        <v>0</v>
      </c>
      <c r="LW18" s="120">
        <v>0</v>
      </c>
      <c r="LX18" s="145"/>
      <c r="LY18" s="119">
        <v>829404</v>
      </c>
      <c r="LZ18" s="119">
        <v>2426529</v>
      </c>
      <c r="MA18" s="119">
        <v>5208103</v>
      </c>
      <c r="MB18" s="119">
        <v>6397062</v>
      </c>
      <c r="MC18" s="119">
        <v>5889324</v>
      </c>
      <c r="MD18" s="120">
        <v>20750422</v>
      </c>
      <c r="ME18" s="121">
        <v>20750422</v>
      </c>
      <c r="MF18" s="142">
        <v>0</v>
      </c>
      <c r="MG18" s="119">
        <v>0</v>
      </c>
      <c r="MH18" s="120">
        <v>0</v>
      </c>
      <c r="MI18" s="145"/>
      <c r="MJ18" s="119">
        <v>9926117</v>
      </c>
      <c r="MK18" s="119">
        <v>29998882</v>
      </c>
      <c r="ML18" s="119">
        <v>98508998</v>
      </c>
      <c r="MM18" s="119">
        <v>142091512</v>
      </c>
      <c r="MN18" s="119">
        <v>101194042</v>
      </c>
      <c r="MO18" s="120">
        <v>381719551</v>
      </c>
      <c r="MP18" s="143">
        <v>381719551</v>
      </c>
      <c r="MQ18" s="142">
        <v>0</v>
      </c>
      <c r="MR18" s="119">
        <v>0</v>
      </c>
      <c r="MS18" s="120">
        <v>0</v>
      </c>
      <c r="MT18" s="145"/>
      <c r="MU18" s="119">
        <v>0</v>
      </c>
      <c r="MV18" s="119">
        <v>5104028</v>
      </c>
      <c r="MW18" s="119">
        <v>50336725</v>
      </c>
      <c r="MX18" s="119">
        <v>85899329</v>
      </c>
      <c r="MY18" s="119">
        <v>71597459</v>
      </c>
      <c r="MZ18" s="120">
        <v>212937541</v>
      </c>
      <c r="NA18" s="143">
        <v>212937541</v>
      </c>
      <c r="NB18" s="142">
        <v>0</v>
      </c>
      <c r="NC18" s="119">
        <v>0</v>
      </c>
      <c r="ND18" s="120">
        <v>0</v>
      </c>
      <c r="NE18" s="145"/>
      <c r="NF18" s="119">
        <v>9926117</v>
      </c>
      <c r="NG18" s="119">
        <v>24280196</v>
      </c>
      <c r="NH18" s="119">
        <v>47468885</v>
      </c>
      <c r="NI18" s="119">
        <v>51578840</v>
      </c>
      <c r="NJ18" s="119">
        <v>23713621</v>
      </c>
      <c r="NK18" s="120">
        <v>156967659</v>
      </c>
      <c r="NL18" s="318">
        <v>156967659</v>
      </c>
      <c r="NM18" s="142">
        <v>0</v>
      </c>
      <c r="NN18" s="119">
        <v>0</v>
      </c>
      <c r="NO18" s="120">
        <v>0</v>
      </c>
      <c r="NP18" s="145"/>
      <c r="NQ18" s="119">
        <v>0</v>
      </c>
      <c r="NR18" s="119">
        <v>0</v>
      </c>
      <c r="NS18" s="119">
        <v>0</v>
      </c>
      <c r="NT18" s="119">
        <v>0</v>
      </c>
      <c r="NU18" s="119">
        <v>396050</v>
      </c>
      <c r="NV18" s="120">
        <v>396050</v>
      </c>
      <c r="NW18" s="121">
        <v>396050</v>
      </c>
      <c r="NX18" s="142">
        <v>0</v>
      </c>
      <c r="NY18" s="119">
        <v>0</v>
      </c>
      <c r="NZ18" s="120">
        <v>0</v>
      </c>
      <c r="OA18" s="145"/>
      <c r="OB18" s="119">
        <v>0</v>
      </c>
      <c r="OC18" s="119">
        <v>614658</v>
      </c>
      <c r="OD18" s="119">
        <v>703388</v>
      </c>
      <c r="OE18" s="119">
        <v>4613343</v>
      </c>
      <c r="OF18" s="119">
        <v>5486912</v>
      </c>
      <c r="OG18" s="120">
        <v>11418301</v>
      </c>
      <c r="OH18" s="121">
        <v>11418301</v>
      </c>
      <c r="OI18" s="142">
        <v>16024473</v>
      </c>
      <c r="OJ18" s="119">
        <v>32038713</v>
      </c>
      <c r="OK18" s="141">
        <v>48063186</v>
      </c>
      <c r="OL18" s="118">
        <v>0</v>
      </c>
      <c r="OM18" s="119">
        <v>178963857</v>
      </c>
      <c r="ON18" s="119">
        <v>228123581</v>
      </c>
      <c r="OO18" s="119">
        <v>289616856</v>
      </c>
      <c r="OP18" s="119">
        <v>344764678</v>
      </c>
      <c r="OQ18" s="119">
        <v>254963961</v>
      </c>
      <c r="OR18" s="120">
        <v>1296432933</v>
      </c>
      <c r="OS18" s="143">
        <v>1344496119</v>
      </c>
    </row>
    <row r="19" spans="2:409" ht="21" customHeight="1" x14ac:dyDescent="0.2">
      <c r="B19" s="62" t="s">
        <v>13</v>
      </c>
      <c r="C19" s="110">
        <v>3960880</v>
      </c>
      <c r="D19" s="114">
        <v>5978542</v>
      </c>
      <c r="E19" s="113">
        <v>9939422</v>
      </c>
      <c r="F19" s="110">
        <v>0</v>
      </c>
      <c r="G19" s="170">
        <v>48772373</v>
      </c>
      <c r="H19" s="114">
        <v>62670674</v>
      </c>
      <c r="I19" s="114">
        <v>57511830</v>
      </c>
      <c r="J19" s="114">
        <v>61600673</v>
      </c>
      <c r="K19" s="114">
        <v>54221762</v>
      </c>
      <c r="L19" s="112">
        <v>284777312</v>
      </c>
      <c r="M19" s="116">
        <v>294716734</v>
      </c>
      <c r="N19" s="110">
        <v>870244</v>
      </c>
      <c r="O19" s="114">
        <v>1506659</v>
      </c>
      <c r="P19" s="113">
        <v>2376903</v>
      </c>
      <c r="Q19" s="110">
        <v>0</v>
      </c>
      <c r="R19" s="114">
        <v>14815418</v>
      </c>
      <c r="S19" s="114">
        <v>19910456</v>
      </c>
      <c r="T19" s="114">
        <v>17500653</v>
      </c>
      <c r="U19" s="114">
        <v>23185316</v>
      </c>
      <c r="V19" s="114">
        <v>30261592</v>
      </c>
      <c r="W19" s="113">
        <v>105673435</v>
      </c>
      <c r="X19" s="116">
        <v>108050338</v>
      </c>
      <c r="Y19" s="110">
        <v>0</v>
      </c>
      <c r="Z19" s="114">
        <v>0</v>
      </c>
      <c r="AA19" s="113">
        <v>0</v>
      </c>
      <c r="AB19" s="110">
        <v>0</v>
      </c>
      <c r="AC19" s="114">
        <v>6839044</v>
      </c>
      <c r="AD19" s="114">
        <v>10578909</v>
      </c>
      <c r="AE19" s="114">
        <v>9684152</v>
      </c>
      <c r="AF19" s="114">
        <v>14368624</v>
      </c>
      <c r="AG19" s="114">
        <v>19904792</v>
      </c>
      <c r="AH19" s="113">
        <v>61375521</v>
      </c>
      <c r="AI19" s="116">
        <v>61375521</v>
      </c>
      <c r="AJ19" s="110">
        <v>0</v>
      </c>
      <c r="AK19" s="114">
        <v>0</v>
      </c>
      <c r="AL19" s="113">
        <v>0</v>
      </c>
      <c r="AM19" s="110">
        <v>0</v>
      </c>
      <c r="AN19" s="114">
        <v>40753</v>
      </c>
      <c r="AO19" s="114">
        <v>122193</v>
      </c>
      <c r="AP19" s="114">
        <v>348315</v>
      </c>
      <c r="AQ19" s="114">
        <v>928846</v>
      </c>
      <c r="AR19" s="114">
        <v>2509960</v>
      </c>
      <c r="AS19" s="113">
        <v>3950067</v>
      </c>
      <c r="AT19" s="116">
        <v>3950067</v>
      </c>
      <c r="AU19" s="110">
        <v>241889</v>
      </c>
      <c r="AV19" s="114">
        <v>908035</v>
      </c>
      <c r="AW19" s="113">
        <v>1149924</v>
      </c>
      <c r="AX19" s="110">
        <v>0</v>
      </c>
      <c r="AY19" s="114">
        <v>4881208</v>
      </c>
      <c r="AZ19" s="114">
        <v>5379072</v>
      </c>
      <c r="BA19" s="114">
        <v>4182400</v>
      </c>
      <c r="BB19" s="114">
        <v>4268868</v>
      </c>
      <c r="BC19" s="114">
        <v>4737733</v>
      </c>
      <c r="BD19" s="113">
        <v>23449281</v>
      </c>
      <c r="BE19" s="116">
        <v>24599205</v>
      </c>
      <c r="BF19" s="110">
        <v>26507</v>
      </c>
      <c r="BG19" s="114">
        <v>238890</v>
      </c>
      <c r="BH19" s="112">
        <v>265397</v>
      </c>
      <c r="BI19" s="111">
        <v>0</v>
      </c>
      <c r="BJ19" s="114">
        <v>552093</v>
      </c>
      <c r="BK19" s="114">
        <v>647108</v>
      </c>
      <c r="BL19" s="114">
        <v>299099</v>
      </c>
      <c r="BM19" s="114">
        <v>399937</v>
      </c>
      <c r="BN19" s="114">
        <v>385640</v>
      </c>
      <c r="BO19" s="113">
        <v>2283877</v>
      </c>
      <c r="BP19" s="116">
        <v>2549274</v>
      </c>
      <c r="BQ19" s="110">
        <v>601848</v>
      </c>
      <c r="BR19" s="114">
        <v>359734</v>
      </c>
      <c r="BS19" s="113">
        <v>961582</v>
      </c>
      <c r="BT19" s="110">
        <v>0</v>
      </c>
      <c r="BU19" s="114">
        <v>2502320</v>
      </c>
      <c r="BV19" s="114">
        <v>3183174</v>
      </c>
      <c r="BW19" s="114">
        <v>2986687</v>
      </c>
      <c r="BX19" s="114">
        <v>3219041</v>
      </c>
      <c r="BY19" s="114">
        <v>2723467</v>
      </c>
      <c r="BZ19" s="113">
        <v>14614689</v>
      </c>
      <c r="CA19" s="116">
        <v>15576271</v>
      </c>
      <c r="CB19" s="110">
        <v>294451</v>
      </c>
      <c r="CC19" s="114">
        <v>1184273</v>
      </c>
      <c r="CD19" s="113">
        <v>1478724</v>
      </c>
      <c r="CE19" s="110">
        <v>0</v>
      </c>
      <c r="CF19" s="114">
        <v>10939334</v>
      </c>
      <c r="CG19" s="114">
        <v>14448947</v>
      </c>
      <c r="CH19" s="114">
        <v>11749783</v>
      </c>
      <c r="CI19" s="114">
        <v>9660908</v>
      </c>
      <c r="CJ19" s="114">
        <v>4428877</v>
      </c>
      <c r="CK19" s="113">
        <v>51227849</v>
      </c>
      <c r="CL19" s="116">
        <v>52706573</v>
      </c>
      <c r="CM19" s="110">
        <v>0</v>
      </c>
      <c r="CN19" s="114">
        <v>0</v>
      </c>
      <c r="CO19" s="113">
        <v>0</v>
      </c>
      <c r="CP19" s="111">
        <v>0</v>
      </c>
      <c r="CQ19" s="114">
        <v>9443603</v>
      </c>
      <c r="CR19" s="114">
        <v>12167220</v>
      </c>
      <c r="CS19" s="114">
        <v>9953634</v>
      </c>
      <c r="CT19" s="114">
        <v>6686595</v>
      </c>
      <c r="CU19" s="114">
        <v>3124205</v>
      </c>
      <c r="CV19" s="113">
        <v>41375257</v>
      </c>
      <c r="CW19" s="116">
        <v>41375257</v>
      </c>
      <c r="CX19" s="110">
        <v>294451</v>
      </c>
      <c r="CY19" s="114">
        <v>1184273</v>
      </c>
      <c r="CZ19" s="113">
        <v>1478724</v>
      </c>
      <c r="DA19" s="110">
        <v>0</v>
      </c>
      <c r="DB19" s="114">
        <v>1495731</v>
      </c>
      <c r="DC19" s="114">
        <v>2281727</v>
      </c>
      <c r="DD19" s="114">
        <v>1796149</v>
      </c>
      <c r="DE19" s="114">
        <v>2974313</v>
      </c>
      <c r="DF19" s="114">
        <v>1304672</v>
      </c>
      <c r="DG19" s="113">
        <v>9852592</v>
      </c>
      <c r="DH19" s="116">
        <v>11331316</v>
      </c>
      <c r="DI19" s="110">
        <v>0</v>
      </c>
      <c r="DJ19" s="114">
        <v>8304</v>
      </c>
      <c r="DK19" s="112">
        <v>8304</v>
      </c>
      <c r="DL19" s="111">
        <v>0</v>
      </c>
      <c r="DM19" s="114">
        <v>1129412</v>
      </c>
      <c r="DN19" s="114">
        <v>2047603</v>
      </c>
      <c r="DO19" s="114">
        <v>6052674</v>
      </c>
      <c r="DP19" s="114">
        <v>4821707</v>
      </c>
      <c r="DQ19" s="114">
        <v>2146740</v>
      </c>
      <c r="DR19" s="113">
        <v>16198136</v>
      </c>
      <c r="DS19" s="116">
        <v>16206440</v>
      </c>
      <c r="DT19" s="110">
        <v>0</v>
      </c>
      <c r="DU19" s="114">
        <v>8304</v>
      </c>
      <c r="DV19" s="113">
        <v>8304</v>
      </c>
      <c r="DW19" s="110">
        <v>0</v>
      </c>
      <c r="DX19" s="114">
        <v>987008</v>
      </c>
      <c r="DY19" s="114">
        <v>1795134</v>
      </c>
      <c r="DZ19" s="114">
        <v>5371814</v>
      </c>
      <c r="EA19" s="114">
        <v>4362694</v>
      </c>
      <c r="EB19" s="114">
        <v>2114011</v>
      </c>
      <c r="EC19" s="113">
        <v>14630661</v>
      </c>
      <c r="ED19" s="116">
        <v>14638965</v>
      </c>
      <c r="EE19" s="110">
        <v>0</v>
      </c>
      <c r="EF19" s="112">
        <v>0</v>
      </c>
      <c r="EG19" s="113">
        <v>0</v>
      </c>
      <c r="EH19" s="110">
        <v>0</v>
      </c>
      <c r="EI19" s="114">
        <v>142404</v>
      </c>
      <c r="EJ19" s="114">
        <v>252469</v>
      </c>
      <c r="EK19" s="114">
        <v>680860</v>
      </c>
      <c r="EL19" s="114">
        <v>459013</v>
      </c>
      <c r="EM19" s="114">
        <v>32729</v>
      </c>
      <c r="EN19" s="112">
        <v>1567475</v>
      </c>
      <c r="EO19" s="116">
        <v>1567475</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5"/>
      <c r="FE19" s="114">
        <v>0</v>
      </c>
      <c r="FF19" s="114">
        <v>0</v>
      </c>
      <c r="FG19" s="114">
        <v>0</v>
      </c>
      <c r="FH19" s="114">
        <v>0</v>
      </c>
      <c r="FI19" s="114">
        <v>0</v>
      </c>
      <c r="FJ19" s="113">
        <v>0</v>
      </c>
      <c r="FK19" s="116">
        <v>0</v>
      </c>
      <c r="FL19" s="110">
        <v>535892</v>
      </c>
      <c r="FM19" s="114">
        <v>1513046</v>
      </c>
      <c r="FN19" s="113">
        <v>2048938</v>
      </c>
      <c r="FO19" s="110">
        <v>0</v>
      </c>
      <c r="FP19" s="114">
        <v>2338598</v>
      </c>
      <c r="FQ19" s="114">
        <v>5475034</v>
      </c>
      <c r="FR19" s="114">
        <v>4300685</v>
      </c>
      <c r="FS19" s="114">
        <v>3922019</v>
      </c>
      <c r="FT19" s="114">
        <v>3015160</v>
      </c>
      <c r="FU19" s="113">
        <v>19051496</v>
      </c>
      <c r="FV19" s="116">
        <v>21100434</v>
      </c>
      <c r="FW19" s="115">
        <v>366548</v>
      </c>
      <c r="FX19" s="114">
        <v>921888</v>
      </c>
      <c r="FY19" s="112">
        <v>1288436</v>
      </c>
      <c r="FZ19" s="111">
        <v>0</v>
      </c>
      <c r="GA19" s="114">
        <v>1681184</v>
      </c>
      <c r="GB19" s="114">
        <v>4558796</v>
      </c>
      <c r="GC19" s="114">
        <v>3888251</v>
      </c>
      <c r="GD19" s="114">
        <v>3689000</v>
      </c>
      <c r="GE19" s="114">
        <v>2922800</v>
      </c>
      <c r="GF19" s="113">
        <v>16740031</v>
      </c>
      <c r="GG19" s="316">
        <v>18028467</v>
      </c>
      <c r="GH19" s="115">
        <v>25344</v>
      </c>
      <c r="GI19" s="114">
        <v>160833</v>
      </c>
      <c r="GJ19" s="112">
        <v>186177</v>
      </c>
      <c r="GK19" s="111">
        <v>0</v>
      </c>
      <c r="GL19" s="114">
        <v>54711</v>
      </c>
      <c r="GM19" s="114">
        <v>288477</v>
      </c>
      <c r="GN19" s="114">
        <v>118874</v>
      </c>
      <c r="GO19" s="114">
        <v>89575</v>
      </c>
      <c r="GP19" s="114">
        <v>36960</v>
      </c>
      <c r="GQ19" s="113">
        <v>588597</v>
      </c>
      <c r="GR19" s="116">
        <v>774774</v>
      </c>
      <c r="GS19" s="110">
        <v>144000</v>
      </c>
      <c r="GT19" s="114">
        <v>430325</v>
      </c>
      <c r="GU19" s="113">
        <v>574325</v>
      </c>
      <c r="GV19" s="110">
        <v>0</v>
      </c>
      <c r="GW19" s="114">
        <v>602703</v>
      </c>
      <c r="GX19" s="114">
        <v>627761</v>
      </c>
      <c r="GY19" s="114">
        <v>293560</v>
      </c>
      <c r="GZ19" s="114">
        <v>143444</v>
      </c>
      <c r="HA19" s="114">
        <v>55400</v>
      </c>
      <c r="HB19" s="112">
        <v>1722868</v>
      </c>
      <c r="HC19" s="116">
        <v>2297193</v>
      </c>
      <c r="HD19" s="110">
        <v>1741222</v>
      </c>
      <c r="HE19" s="114">
        <v>859041</v>
      </c>
      <c r="HF19" s="112">
        <v>2600263</v>
      </c>
      <c r="HG19" s="111">
        <v>0</v>
      </c>
      <c r="HH19" s="114">
        <v>11349718</v>
      </c>
      <c r="HI19" s="114">
        <v>13180192</v>
      </c>
      <c r="HJ19" s="114">
        <v>12606574</v>
      </c>
      <c r="HK19" s="114">
        <v>15840529</v>
      </c>
      <c r="HL19" s="114">
        <v>11320067</v>
      </c>
      <c r="HM19" s="113">
        <v>64297080</v>
      </c>
      <c r="HN19" s="109">
        <v>66897343</v>
      </c>
      <c r="HO19" s="115">
        <v>519071</v>
      </c>
      <c r="HP19" s="114">
        <v>907219</v>
      </c>
      <c r="HQ19" s="113">
        <v>1426290</v>
      </c>
      <c r="HR19" s="110">
        <v>0</v>
      </c>
      <c r="HS19" s="114">
        <v>8199893</v>
      </c>
      <c r="HT19" s="114">
        <v>7608442</v>
      </c>
      <c r="HU19" s="114">
        <v>5301461</v>
      </c>
      <c r="HV19" s="114">
        <v>4170194</v>
      </c>
      <c r="HW19" s="114">
        <v>3049326</v>
      </c>
      <c r="HX19" s="112">
        <v>28329316</v>
      </c>
      <c r="HY19" s="116">
        <v>29755606</v>
      </c>
      <c r="HZ19" s="131">
        <v>32984</v>
      </c>
      <c r="IA19" s="132">
        <v>199974</v>
      </c>
      <c r="IB19" s="133">
        <v>232958</v>
      </c>
      <c r="IC19" s="146">
        <v>0</v>
      </c>
      <c r="ID19" s="132">
        <v>10790561</v>
      </c>
      <c r="IE19" s="147">
        <v>13837777</v>
      </c>
      <c r="IF19" s="133">
        <v>16171309</v>
      </c>
      <c r="IG19" s="132">
        <v>8775537</v>
      </c>
      <c r="IH19" s="133">
        <v>6817297</v>
      </c>
      <c r="II19" s="148">
        <v>56392481</v>
      </c>
      <c r="IJ19" s="139">
        <v>56625439</v>
      </c>
      <c r="IK19" s="232">
        <v>0</v>
      </c>
      <c r="IL19" s="236">
        <v>0</v>
      </c>
      <c r="IM19" s="237">
        <v>0</v>
      </c>
      <c r="IN19" s="140"/>
      <c r="IO19" s="119">
        <v>80083</v>
      </c>
      <c r="IP19" s="119">
        <v>139182</v>
      </c>
      <c r="IQ19" s="119">
        <v>391692</v>
      </c>
      <c r="IR19" s="119">
        <v>250019</v>
      </c>
      <c r="IS19" s="119">
        <v>336488</v>
      </c>
      <c r="IT19" s="141">
        <v>1197464</v>
      </c>
      <c r="IU19" s="318">
        <v>1197464</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563596</v>
      </c>
      <c r="JL19" s="119">
        <v>7050095</v>
      </c>
      <c r="JM19" s="119">
        <v>5896766</v>
      </c>
      <c r="JN19" s="119">
        <v>2896275</v>
      </c>
      <c r="JO19" s="119">
        <v>2089537</v>
      </c>
      <c r="JP19" s="120">
        <v>24496269</v>
      </c>
      <c r="JQ19" s="318">
        <v>24496269</v>
      </c>
      <c r="JR19" s="142">
        <v>0</v>
      </c>
      <c r="JS19" s="119">
        <v>0</v>
      </c>
      <c r="JT19" s="141">
        <v>0</v>
      </c>
      <c r="JU19" s="118">
        <v>0</v>
      </c>
      <c r="JV19" s="119">
        <v>159547</v>
      </c>
      <c r="JW19" s="119">
        <v>405579</v>
      </c>
      <c r="JX19" s="119">
        <v>924294</v>
      </c>
      <c r="JY19" s="119">
        <v>560032</v>
      </c>
      <c r="JZ19" s="119">
        <v>431472</v>
      </c>
      <c r="KA19" s="120">
        <v>2480924</v>
      </c>
      <c r="KB19" s="318">
        <v>2480924</v>
      </c>
      <c r="KC19" s="234">
        <v>32984</v>
      </c>
      <c r="KD19" s="230">
        <v>199974</v>
      </c>
      <c r="KE19" s="120">
        <v>232958</v>
      </c>
      <c r="KF19" s="118">
        <v>0</v>
      </c>
      <c r="KG19" s="119">
        <v>1298089</v>
      </c>
      <c r="KH19" s="119">
        <v>1335985</v>
      </c>
      <c r="KI19" s="119">
        <v>1518946</v>
      </c>
      <c r="KJ19" s="119">
        <v>265773</v>
      </c>
      <c r="KK19" s="119">
        <v>0</v>
      </c>
      <c r="KL19" s="120">
        <v>4418793</v>
      </c>
      <c r="KM19" s="143">
        <v>4651751</v>
      </c>
      <c r="KN19" s="232">
        <v>0</v>
      </c>
      <c r="KO19" s="236">
        <v>0</v>
      </c>
      <c r="KP19" s="237">
        <v>0</v>
      </c>
      <c r="KQ19" s="140"/>
      <c r="KR19" s="119">
        <v>2689246</v>
      </c>
      <c r="KS19" s="119">
        <v>4510603</v>
      </c>
      <c r="KT19" s="119">
        <v>7215372</v>
      </c>
      <c r="KU19" s="119">
        <v>3630828</v>
      </c>
      <c r="KV19" s="119">
        <v>3215547</v>
      </c>
      <c r="KW19" s="120">
        <v>21261596</v>
      </c>
      <c r="KX19" s="318">
        <v>21261596</v>
      </c>
      <c r="KY19" s="142">
        <v>0</v>
      </c>
      <c r="KZ19" s="119">
        <v>0</v>
      </c>
      <c r="LA19" s="120">
        <v>0</v>
      </c>
      <c r="LB19" s="145"/>
      <c r="LC19" s="119">
        <v>0</v>
      </c>
      <c r="LD19" s="119">
        <v>396333</v>
      </c>
      <c r="LE19" s="119">
        <v>224239</v>
      </c>
      <c r="LF19" s="119">
        <v>1172610</v>
      </c>
      <c r="LG19" s="119">
        <v>744253</v>
      </c>
      <c r="LH19" s="120">
        <v>2537435</v>
      </c>
      <c r="LI19" s="121">
        <v>2537435</v>
      </c>
      <c r="LJ19" s="142">
        <v>0</v>
      </c>
      <c r="LK19" s="119">
        <v>0</v>
      </c>
      <c r="LL19" s="120">
        <v>0</v>
      </c>
      <c r="LM19" s="145"/>
      <c r="LN19" s="119">
        <v>0</v>
      </c>
      <c r="LO19" s="119">
        <v>0</v>
      </c>
      <c r="LP19" s="119">
        <v>0</v>
      </c>
      <c r="LQ19" s="119">
        <v>0</v>
      </c>
      <c r="LR19" s="119">
        <v>0</v>
      </c>
      <c r="LS19" s="120">
        <v>0</v>
      </c>
      <c r="LT19" s="318">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3454695</v>
      </c>
      <c r="MK19" s="119">
        <v>8877010</v>
      </c>
      <c r="ML19" s="119">
        <v>29370205</v>
      </c>
      <c r="MM19" s="119">
        <v>54758295</v>
      </c>
      <c r="MN19" s="119">
        <v>45858114</v>
      </c>
      <c r="MO19" s="120">
        <v>142318319</v>
      </c>
      <c r="MP19" s="143">
        <v>142318319</v>
      </c>
      <c r="MQ19" s="142">
        <v>0</v>
      </c>
      <c r="MR19" s="119">
        <v>0</v>
      </c>
      <c r="MS19" s="120">
        <v>0</v>
      </c>
      <c r="MT19" s="145"/>
      <c r="MU19" s="119">
        <v>449911</v>
      </c>
      <c r="MV19" s="119">
        <v>679182</v>
      </c>
      <c r="MW19" s="119">
        <v>16911426</v>
      </c>
      <c r="MX19" s="119">
        <v>44282481</v>
      </c>
      <c r="MY19" s="119">
        <v>35873708</v>
      </c>
      <c r="MZ19" s="120">
        <v>98196708</v>
      </c>
      <c r="NA19" s="143">
        <v>98196708</v>
      </c>
      <c r="NB19" s="142">
        <v>0</v>
      </c>
      <c r="NC19" s="119">
        <v>0</v>
      </c>
      <c r="ND19" s="120">
        <v>0</v>
      </c>
      <c r="NE19" s="145"/>
      <c r="NF19" s="119">
        <v>3004784</v>
      </c>
      <c r="NG19" s="119">
        <v>8197828</v>
      </c>
      <c r="NH19" s="119">
        <v>12458779</v>
      </c>
      <c r="NI19" s="119">
        <v>10475814</v>
      </c>
      <c r="NJ19" s="119">
        <v>9561730</v>
      </c>
      <c r="NK19" s="120">
        <v>43698935</v>
      </c>
      <c r="NL19" s="318">
        <v>43698935</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422676</v>
      </c>
      <c r="OG19" s="120">
        <v>422676</v>
      </c>
      <c r="OH19" s="121">
        <v>422676</v>
      </c>
      <c r="OI19" s="142">
        <v>3993864</v>
      </c>
      <c r="OJ19" s="119">
        <v>6178516</v>
      </c>
      <c r="OK19" s="141">
        <v>10172380</v>
      </c>
      <c r="OL19" s="118">
        <v>0</v>
      </c>
      <c r="OM19" s="119">
        <v>63017629</v>
      </c>
      <c r="ON19" s="119">
        <v>85385461</v>
      </c>
      <c r="OO19" s="119">
        <v>103053344</v>
      </c>
      <c r="OP19" s="119">
        <v>125134505</v>
      </c>
      <c r="OQ19" s="119">
        <v>106897173</v>
      </c>
      <c r="OR19" s="120">
        <v>483488112</v>
      </c>
      <c r="OS19" s="143">
        <v>493660492</v>
      </c>
    </row>
    <row r="20" spans="2:409" ht="21" customHeight="1" x14ac:dyDescent="0.2">
      <c r="B20" s="62" t="s">
        <v>15</v>
      </c>
      <c r="C20" s="110">
        <v>2353945</v>
      </c>
      <c r="D20" s="114">
        <v>3866744</v>
      </c>
      <c r="E20" s="113">
        <v>6220689</v>
      </c>
      <c r="F20" s="109">
        <v>0</v>
      </c>
      <c r="G20" s="114">
        <v>33098629</v>
      </c>
      <c r="H20" s="114">
        <v>45072571</v>
      </c>
      <c r="I20" s="114">
        <v>42798848</v>
      </c>
      <c r="J20" s="114">
        <v>38979155</v>
      </c>
      <c r="K20" s="114">
        <v>26455293</v>
      </c>
      <c r="L20" s="109">
        <v>186404496</v>
      </c>
      <c r="M20" s="116">
        <v>192625185</v>
      </c>
      <c r="N20" s="110">
        <v>228939</v>
      </c>
      <c r="O20" s="114">
        <v>596853</v>
      </c>
      <c r="P20" s="113">
        <v>825792</v>
      </c>
      <c r="Q20" s="110">
        <v>0</v>
      </c>
      <c r="R20" s="114">
        <v>6751816</v>
      </c>
      <c r="S20" s="114">
        <v>11758565</v>
      </c>
      <c r="T20" s="114">
        <v>11306696</v>
      </c>
      <c r="U20" s="114">
        <v>10374638</v>
      </c>
      <c r="V20" s="114">
        <v>14087456</v>
      </c>
      <c r="W20" s="113">
        <v>54279171</v>
      </c>
      <c r="X20" s="116">
        <v>55104963</v>
      </c>
      <c r="Y20" s="110">
        <v>0</v>
      </c>
      <c r="Z20" s="114">
        <v>0</v>
      </c>
      <c r="AA20" s="113">
        <v>0</v>
      </c>
      <c r="AB20" s="110">
        <v>0</v>
      </c>
      <c r="AC20" s="114">
        <v>3148069</v>
      </c>
      <c r="AD20" s="114">
        <v>6885644</v>
      </c>
      <c r="AE20" s="114">
        <v>6582107</v>
      </c>
      <c r="AF20" s="114">
        <v>5971713</v>
      </c>
      <c r="AG20" s="114">
        <v>8581394</v>
      </c>
      <c r="AH20" s="113">
        <v>31168927</v>
      </c>
      <c r="AI20" s="116">
        <v>31168927</v>
      </c>
      <c r="AJ20" s="110">
        <v>0</v>
      </c>
      <c r="AK20" s="114">
        <v>0</v>
      </c>
      <c r="AL20" s="113">
        <v>0</v>
      </c>
      <c r="AM20" s="110">
        <v>0</v>
      </c>
      <c r="AN20" s="114">
        <v>0</v>
      </c>
      <c r="AO20" s="114">
        <v>61315</v>
      </c>
      <c r="AP20" s="114">
        <v>657636</v>
      </c>
      <c r="AQ20" s="114">
        <v>757018</v>
      </c>
      <c r="AR20" s="114">
        <v>1773131</v>
      </c>
      <c r="AS20" s="113">
        <v>3249100</v>
      </c>
      <c r="AT20" s="116">
        <v>3249100</v>
      </c>
      <c r="AU20" s="110">
        <v>13823</v>
      </c>
      <c r="AV20" s="114">
        <v>385385</v>
      </c>
      <c r="AW20" s="113">
        <v>399208</v>
      </c>
      <c r="AX20" s="110">
        <v>0</v>
      </c>
      <c r="AY20" s="114">
        <v>1737619</v>
      </c>
      <c r="AZ20" s="114">
        <v>2773179</v>
      </c>
      <c r="BA20" s="114">
        <v>2218418</v>
      </c>
      <c r="BB20" s="114">
        <v>1812854</v>
      </c>
      <c r="BC20" s="114">
        <v>2551376</v>
      </c>
      <c r="BD20" s="113">
        <v>11093446</v>
      </c>
      <c r="BE20" s="116">
        <v>11492654</v>
      </c>
      <c r="BF20" s="110">
        <v>0</v>
      </c>
      <c r="BG20" s="114">
        <v>49530</v>
      </c>
      <c r="BH20" s="112">
        <v>49530</v>
      </c>
      <c r="BI20" s="111">
        <v>0</v>
      </c>
      <c r="BJ20" s="114">
        <v>233016</v>
      </c>
      <c r="BK20" s="114">
        <v>483993</v>
      </c>
      <c r="BL20" s="114">
        <v>93117</v>
      </c>
      <c r="BM20" s="114">
        <v>85462</v>
      </c>
      <c r="BN20" s="114">
        <v>206172</v>
      </c>
      <c r="BO20" s="113">
        <v>1101760</v>
      </c>
      <c r="BP20" s="116">
        <v>1151290</v>
      </c>
      <c r="BQ20" s="110">
        <v>215116</v>
      </c>
      <c r="BR20" s="114">
        <v>161938</v>
      </c>
      <c r="BS20" s="113">
        <v>377054</v>
      </c>
      <c r="BT20" s="110">
        <v>0</v>
      </c>
      <c r="BU20" s="114">
        <v>1633112</v>
      </c>
      <c r="BV20" s="114">
        <v>1554434</v>
      </c>
      <c r="BW20" s="114">
        <v>1755418</v>
      </c>
      <c r="BX20" s="114">
        <v>1747591</v>
      </c>
      <c r="BY20" s="114">
        <v>975383</v>
      </c>
      <c r="BZ20" s="113">
        <v>7665938</v>
      </c>
      <c r="CA20" s="116">
        <v>8042992</v>
      </c>
      <c r="CB20" s="110">
        <v>0</v>
      </c>
      <c r="CC20" s="114">
        <v>177030</v>
      </c>
      <c r="CD20" s="113">
        <v>177030</v>
      </c>
      <c r="CE20" s="110">
        <v>0</v>
      </c>
      <c r="CF20" s="114">
        <v>7983644</v>
      </c>
      <c r="CG20" s="114">
        <v>11755841</v>
      </c>
      <c r="CH20" s="114">
        <v>8421998</v>
      </c>
      <c r="CI20" s="114">
        <v>3812963</v>
      </c>
      <c r="CJ20" s="114">
        <v>2230214</v>
      </c>
      <c r="CK20" s="113">
        <v>34204660</v>
      </c>
      <c r="CL20" s="116">
        <v>34381690</v>
      </c>
      <c r="CM20" s="110">
        <v>0</v>
      </c>
      <c r="CN20" s="114">
        <v>0</v>
      </c>
      <c r="CO20" s="113">
        <v>0</v>
      </c>
      <c r="CP20" s="111">
        <v>0</v>
      </c>
      <c r="CQ20" s="114">
        <v>6167265</v>
      </c>
      <c r="CR20" s="114">
        <v>9282654</v>
      </c>
      <c r="CS20" s="114">
        <v>6020567</v>
      </c>
      <c r="CT20" s="114">
        <v>2540165</v>
      </c>
      <c r="CU20" s="114">
        <v>1334559</v>
      </c>
      <c r="CV20" s="113">
        <v>25345210</v>
      </c>
      <c r="CW20" s="116">
        <v>25345210</v>
      </c>
      <c r="CX20" s="110">
        <v>0</v>
      </c>
      <c r="CY20" s="114">
        <v>177030</v>
      </c>
      <c r="CZ20" s="113">
        <v>177030</v>
      </c>
      <c r="DA20" s="110">
        <v>0</v>
      </c>
      <c r="DB20" s="114">
        <v>1816379</v>
      </c>
      <c r="DC20" s="114">
        <v>2473187</v>
      </c>
      <c r="DD20" s="114">
        <v>2401431</v>
      </c>
      <c r="DE20" s="114">
        <v>1272798</v>
      </c>
      <c r="DF20" s="114">
        <v>895655</v>
      </c>
      <c r="DG20" s="113">
        <v>8859450</v>
      </c>
      <c r="DH20" s="116">
        <v>9036480</v>
      </c>
      <c r="DI20" s="110">
        <v>13508</v>
      </c>
      <c r="DJ20" s="114">
        <v>0</v>
      </c>
      <c r="DK20" s="112">
        <v>13508</v>
      </c>
      <c r="DL20" s="111">
        <v>0</v>
      </c>
      <c r="DM20" s="114">
        <v>1436566</v>
      </c>
      <c r="DN20" s="114">
        <v>3178593</v>
      </c>
      <c r="DO20" s="114">
        <v>8294619</v>
      </c>
      <c r="DP20" s="114">
        <v>8550151</v>
      </c>
      <c r="DQ20" s="114">
        <v>2804599</v>
      </c>
      <c r="DR20" s="113">
        <v>24264528</v>
      </c>
      <c r="DS20" s="116">
        <v>24278036</v>
      </c>
      <c r="DT20" s="110">
        <v>13508</v>
      </c>
      <c r="DU20" s="114">
        <v>0</v>
      </c>
      <c r="DV20" s="113">
        <v>13508</v>
      </c>
      <c r="DW20" s="110">
        <v>0</v>
      </c>
      <c r="DX20" s="114">
        <v>883071</v>
      </c>
      <c r="DY20" s="114">
        <v>3146678</v>
      </c>
      <c r="DZ20" s="114">
        <v>8058127</v>
      </c>
      <c r="EA20" s="114">
        <v>8296766</v>
      </c>
      <c r="EB20" s="114">
        <v>2804599</v>
      </c>
      <c r="EC20" s="113">
        <v>23189241</v>
      </c>
      <c r="ED20" s="116">
        <v>23202749</v>
      </c>
      <c r="EE20" s="110">
        <v>0</v>
      </c>
      <c r="EF20" s="112">
        <v>0</v>
      </c>
      <c r="EG20" s="113">
        <v>0</v>
      </c>
      <c r="EH20" s="110">
        <v>0</v>
      </c>
      <c r="EI20" s="114">
        <v>553495</v>
      </c>
      <c r="EJ20" s="114">
        <v>31915</v>
      </c>
      <c r="EK20" s="114">
        <v>236492</v>
      </c>
      <c r="EL20" s="114">
        <v>253385</v>
      </c>
      <c r="EM20" s="114">
        <v>0</v>
      </c>
      <c r="EN20" s="112">
        <v>1075287</v>
      </c>
      <c r="EO20" s="116">
        <v>1075287</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5"/>
      <c r="FE20" s="114">
        <v>0</v>
      </c>
      <c r="FF20" s="114">
        <v>0</v>
      </c>
      <c r="FG20" s="114">
        <v>0</v>
      </c>
      <c r="FH20" s="114">
        <v>0</v>
      </c>
      <c r="FI20" s="114">
        <v>0</v>
      </c>
      <c r="FJ20" s="113">
        <v>0</v>
      </c>
      <c r="FK20" s="116">
        <v>0</v>
      </c>
      <c r="FL20" s="110">
        <v>501616</v>
      </c>
      <c r="FM20" s="114">
        <v>1118199</v>
      </c>
      <c r="FN20" s="113">
        <v>1619815</v>
      </c>
      <c r="FO20" s="110">
        <v>0</v>
      </c>
      <c r="FP20" s="114">
        <v>1976668</v>
      </c>
      <c r="FQ20" s="114">
        <v>4748186</v>
      </c>
      <c r="FR20" s="114">
        <v>3330109</v>
      </c>
      <c r="FS20" s="114">
        <v>2758388</v>
      </c>
      <c r="FT20" s="114">
        <v>1946766</v>
      </c>
      <c r="FU20" s="113">
        <v>14760117</v>
      </c>
      <c r="FV20" s="116">
        <v>16379932</v>
      </c>
      <c r="FW20" s="115">
        <v>394894</v>
      </c>
      <c r="FX20" s="114">
        <v>755580</v>
      </c>
      <c r="FY20" s="112">
        <v>1150474</v>
      </c>
      <c r="FZ20" s="111">
        <v>0</v>
      </c>
      <c r="GA20" s="114">
        <v>1407562</v>
      </c>
      <c r="GB20" s="114">
        <v>4178668</v>
      </c>
      <c r="GC20" s="114">
        <v>2984324</v>
      </c>
      <c r="GD20" s="114">
        <v>2284943</v>
      </c>
      <c r="GE20" s="114">
        <v>1820946</v>
      </c>
      <c r="GF20" s="113">
        <v>12676443</v>
      </c>
      <c r="GG20" s="316">
        <v>13826917</v>
      </c>
      <c r="GH20" s="115">
        <v>46332</v>
      </c>
      <c r="GI20" s="114">
        <v>68112</v>
      </c>
      <c r="GJ20" s="112">
        <v>114444</v>
      </c>
      <c r="GK20" s="111">
        <v>0</v>
      </c>
      <c r="GL20" s="114">
        <v>100026</v>
      </c>
      <c r="GM20" s="114">
        <v>56628</v>
      </c>
      <c r="GN20" s="114">
        <v>59382</v>
      </c>
      <c r="GO20" s="114">
        <v>120285</v>
      </c>
      <c r="GP20" s="114">
        <v>47520</v>
      </c>
      <c r="GQ20" s="113">
        <v>383841</v>
      </c>
      <c r="GR20" s="116">
        <v>498285</v>
      </c>
      <c r="GS20" s="110">
        <v>60390</v>
      </c>
      <c r="GT20" s="114">
        <v>294507</v>
      </c>
      <c r="GU20" s="113">
        <v>354897</v>
      </c>
      <c r="GV20" s="110">
        <v>0</v>
      </c>
      <c r="GW20" s="114">
        <v>469080</v>
      </c>
      <c r="GX20" s="114">
        <v>512890</v>
      </c>
      <c r="GY20" s="114">
        <v>286403</v>
      </c>
      <c r="GZ20" s="114">
        <v>353160</v>
      </c>
      <c r="HA20" s="114">
        <v>78300</v>
      </c>
      <c r="HB20" s="112">
        <v>1699833</v>
      </c>
      <c r="HC20" s="116">
        <v>2054730</v>
      </c>
      <c r="HD20" s="110">
        <v>1267405</v>
      </c>
      <c r="HE20" s="114">
        <v>1256582</v>
      </c>
      <c r="HF20" s="112">
        <v>2523987</v>
      </c>
      <c r="HG20" s="111">
        <v>0</v>
      </c>
      <c r="HH20" s="114">
        <v>8661425</v>
      </c>
      <c r="HI20" s="114">
        <v>6380124</v>
      </c>
      <c r="HJ20" s="114">
        <v>6992681</v>
      </c>
      <c r="HK20" s="114">
        <v>10836370</v>
      </c>
      <c r="HL20" s="114">
        <v>3558049</v>
      </c>
      <c r="HM20" s="113">
        <v>36428649</v>
      </c>
      <c r="HN20" s="109">
        <v>38952636</v>
      </c>
      <c r="HO20" s="115">
        <v>342477</v>
      </c>
      <c r="HP20" s="114">
        <v>718080</v>
      </c>
      <c r="HQ20" s="113">
        <v>1060557</v>
      </c>
      <c r="HR20" s="110">
        <v>0</v>
      </c>
      <c r="HS20" s="114">
        <v>6288510</v>
      </c>
      <c r="HT20" s="114">
        <v>7251262</v>
      </c>
      <c r="HU20" s="114">
        <v>4452745</v>
      </c>
      <c r="HV20" s="114">
        <v>2646645</v>
      </c>
      <c r="HW20" s="114">
        <v>1828209</v>
      </c>
      <c r="HX20" s="112">
        <v>22467371</v>
      </c>
      <c r="HY20" s="116">
        <v>23527928</v>
      </c>
      <c r="HZ20" s="150">
        <v>139425</v>
      </c>
      <c r="IA20" s="135">
        <v>2126224</v>
      </c>
      <c r="IB20" s="150">
        <v>2265649</v>
      </c>
      <c r="IC20" s="134">
        <v>0</v>
      </c>
      <c r="ID20" s="135">
        <v>19655287</v>
      </c>
      <c r="IE20" s="136">
        <v>22861036</v>
      </c>
      <c r="IF20" s="137">
        <v>26928292</v>
      </c>
      <c r="IG20" s="135">
        <v>17119919</v>
      </c>
      <c r="IH20" s="137">
        <v>11472536</v>
      </c>
      <c r="II20" s="138">
        <v>98037070</v>
      </c>
      <c r="IJ20" s="150">
        <v>100302719</v>
      </c>
      <c r="IK20" s="232">
        <v>0</v>
      </c>
      <c r="IL20" s="236">
        <v>0</v>
      </c>
      <c r="IM20" s="237">
        <v>0</v>
      </c>
      <c r="IN20" s="140"/>
      <c r="IO20" s="119">
        <v>100048</v>
      </c>
      <c r="IP20" s="119">
        <v>340701</v>
      </c>
      <c r="IQ20" s="119">
        <v>1041569</v>
      </c>
      <c r="IR20" s="119">
        <v>1223225</v>
      </c>
      <c r="IS20" s="119">
        <v>1975011</v>
      </c>
      <c r="IT20" s="141">
        <v>4680554</v>
      </c>
      <c r="IU20" s="318">
        <v>4680554</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7854537</v>
      </c>
      <c r="JL20" s="119">
        <v>10346156</v>
      </c>
      <c r="JM20" s="119">
        <v>8615502</v>
      </c>
      <c r="JN20" s="119">
        <v>3840673</v>
      </c>
      <c r="JO20" s="119">
        <v>1677687</v>
      </c>
      <c r="JP20" s="120">
        <v>32334555</v>
      </c>
      <c r="JQ20" s="318">
        <v>32334555</v>
      </c>
      <c r="JR20" s="142">
        <v>0</v>
      </c>
      <c r="JS20" s="119">
        <v>0</v>
      </c>
      <c r="JT20" s="141">
        <v>0</v>
      </c>
      <c r="JU20" s="118">
        <v>0</v>
      </c>
      <c r="JV20" s="119">
        <v>283627</v>
      </c>
      <c r="JW20" s="119">
        <v>370851</v>
      </c>
      <c r="JX20" s="119">
        <v>411582</v>
      </c>
      <c r="JY20" s="119">
        <v>300725</v>
      </c>
      <c r="JZ20" s="119">
        <v>477843</v>
      </c>
      <c r="KA20" s="120">
        <v>1844628</v>
      </c>
      <c r="KB20" s="318">
        <v>1844628</v>
      </c>
      <c r="KC20" s="234">
        <v>139425</v>
      </c>
      <c r="KD20" s="230">
        <v>1126201</v>
      </c>
      <c r="KE20" s="120">
        <v>1265626</v>
      </c>
      <c r="KF20" s="118">
        <v>0</v>
      </c>
      <c r="KG20" s="119">
        <v>2481700</v>
      </c>
      <c r="KH20" s="119">
        <v>2883569</v>
      </c>
      <c r="KI20" s="119">
        <v>3191686</v>
      </c>
      <c r="KJ20" s="119">
        <v>2177094</v>
      </c>
      <c r="KK20" s="119">
        <v>1496448</v>
      </c>
      <c r="KL20" s="120">
        <v>12230497</v>
      </c>
      <c r="KM20" s="143">
        <v>13496123</v>
      </c>
      <c r="KN20" s="232">
        <v>0</v>
      </c>
      <c r="KO20" s="236">
        <v>1000023</v>
      </c>
      <c r="KP20" s="237">
        <v>1000023</v>
      </c>
      <c r="KQ20" s="140"/>
      <c r="KR20" s="119">
        <v>8935375</v>
      </c>
      <c r="KS20" s="119">
        <v>8919759</v>
      </c>
      <c r="KT20" s="119">
        <v>11974189</v>
      </c>
      <c r="KU20" s="119">
        <v>5684512</v>
      </c>
      <c r="KV20" s="119">
        <v>3392621</v>
      </c>
      <c r="KW20" s="120">
        <v>38906456</v>
      </c>
      <c r="KX20" s="318">
        <v>39906479</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1693764</v>
      </c>
      <c r="LQ20" s="119">
        <v>3893690</v>
      </c>
      <c r="LR20" s="119">
        <v>2452926</v>
      </c>
      <c r="LS20" s="120">
        <v>8040380</v>
      </c>
      <c r="LT20" s="318">
        <v>804038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5366715</v>
      </c>
      <c r="MK20" s="119">
        <v>9761892</v>
      </c>
      <c r="ML20" s="119">
        <v>36582552</v>
      </c>
      <c r="MM20" s="119">
        <v>58368526</v>
      </c>
      <c r="MN20" s="119">
        <v>33968797</v>
      </c>
      <c r="MO20" s="120">
        <v>144048482</v>
      </c>
      <c r="MP20" s="143">
        <v>144048482</v>
      </c>
      <c r="MQ20" s="142">
        <v>0</v>
      </c>
      <c r="MR20" s="119">
        <v>0</v>
      </c>
      <c r="MS20" s="120">
        <v>0</v>
      </c>
      <c r="MT20" s="145"/>
      <c r="MU20" s="119">
        <v>210634</v>
      </c>
      <c r="MV20" s="119">
        <v>215592</v>
      </c>
      <c r="MW20" s="119">
        <v>22050484</v>
      </c>
      <c r="MX20" s="119">
        <v>40384585</v>
      </c>
      <c r="MY20" s="119">
        <v>25193692</v>
      </c>
      <c r="MZ20" s="120">
        <v>88054987</v>
      </c>
      <c r="NA20" s="143">
        <v>88054987</v>
      </c>
      <c r="NB20" s="142">
        <v>0</v>
      </c>
      <c r="NC20" s="119">
        <v>0</v>
      </c>
      <c r="ND20" s="120">
        <v>0</v>
      </c>
      <c r="NE20" s="145"/>
      <c r="NF20" s="119">
        <v>5156081</v>
      </c>
      <c r="NG20" s="119">
        <v>9546300</v>
      </c>
      <c r="NH20" s="119">
        <v>14532068</v>
      </c>
      <c r="NI20" s="119">
        <v>17983941</v>
      </c>
      <c r="NJ20" s="119">
        <v>8775105</v>
      </c>
      <c r="NK20" s="120">
        <v>55993495</v>
      </c>
      <c r="NL20" s="318">
        <v>55993495</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493370</v>
      </c>
      <c r="OJ20" s="119">
        <v>5992968</v>
      </c>
      <c r="OK20" s="141">
        <v>8486338</v>
      </c>
      <c r="OL20" s="118">
        <v>0</v>
      </c>
      <c r="OM20" s="119">
        <v>58120631</v>
      </c>
      <c r="ON20" s="119">
        <v>77695499</v>
      </c>
      <c r="OO20" s="119">
        <v>106309692</v>
      </c>
      <c r="OP20" s="119">
        <v>114467600</v>
      </c>
      <c r="OQ20" s="119">
        <v>71896626</v>
      </c>
      <c r="OR20" s="120">
        <v>428490048</v>
      </c>
      <c r="OS20" s="143">
        <v>436976386</v>
      </c>
    </row>
    <row r="21" spans="2:409" ht="21" customHeight="1" x14ac:dyDescent="0.2">
      <c r="B21" s="62" t="s">
        <v>16</v>
      </c>
      <c r="C21" s="110">
        <v>6164738</v>
      </c>
      <c r="D21" s="114">
        <v>14122305</v>
      </c>
      <c r="E21" s="113">
        <v>20287043</v>
      </c>
      <c r="F21" s="109">
        <v>0</v>
      </c>
      <c r="G21" s="114">
        <v>84780229</v>
      </c>
      <c r="H21" s="114">
        <v>140550838</v>
      </c>
      <c r="I21" s="114">
        <v>105507927</v>
      </c>
      <c r="J21" s="114">
        <v>105446798</v>
      </c>
      <c r="K21" s="114">
        <v>76651491</v>
      </c>
      <c r="L21" s="109">
        <v>512937283</v>
      </c>
      <c r="M21" s="116">
        <v>533224326</v>
      </c>
      <c r="N21" s="110">
        <v>1241611</v>
      </c>
      <c r="O21" s="114">
        <v>2374417</v>
      </c>
      <c r="P21" s="113">
        <v>3616028</v>
      </c>
      <c r="Q21" s="110">
        <v>0</v>
      </c>
      <c r="R21" s="114">
        <v>17550279</v>
      </c>
      <c r="S21" s="114">
        <v>33209815</v>
      </c>
      <c r="T21" s="114">
        <v>25609188</v>
      </c>
      <c r="U21" s="114">
        <v>31038222</v>
      </c>
      <c r="V21" s="114">
        <v>26784747</v>
      </c>
      <c r="W21" s="113">
        <v>134192251</v>
      </c>
      <c r="X21" s="116">
        <v>137808279</v>
      </c>
      <c r="Y21" s="110">
        <v>0</v>
      </c>
      <c r="Z21" s="114">
        <v>0</v>
      </c>
      <c r="AA21" s="113">
        <v>0</v>
      </c>
      <c r="AB21" s="110">
        <v>0</v>
      </c>
      <c r="AC21" s="114">
        <v>7206734</v>
      </c>
      <c r="AD21" s="114">
        <v>13676804</v>
      </c>
      <c r="AE21" s="114">
        <v>12784337</v>
      </c>
      <c r="AF21" s="114">
        <v>17378223</v>
      </c>
      <c r="AG21" s="114">
        <v>13931363</v>
      </c>
      <c r="AH21" s="113">
        <v>64977461</v>
      </c>
      <c r="AI21" s="116">
        <v>64977461</v>
      </c>
      <c r="AJ21" s="110">
        <v>0</v>
      </c>
      <c r="AK21" s="114">
        <v>0</v>
      </c>
      <c r="AL21" s="113">
        <v>0</v>
      </c>
      <c r="AM21" s="110">
        <v>0</v>
      </c>
      <c r="AN21" s="114">
        <v>87186</v>
      </c>
      <c r="AO21" s="114">
        <v>614378</v>
      </c>
      <c r="AP21" s="114">
        <v>641563</v>
      </c>
      <c r="AQ21" s="114">
        <v>1073127</v>
      </c>
      <c r="AR21" s="114">
        <v>2556539</v>
      </c>
      <c r="AS21" s="113">
        <v>4972793</v>
      </c>
      <c r="AT21" s="116">
        <v>4972793</v>
      </c>
      <c r="AU21" s="110">
        <v>560820</v>
      </c>
      <c r="AV21" s="114">
        <v>1410865</v>
      </c>
      <c r="AW21" s="113">
        <v>1971685</v>
      </c>
      <c r="AX21" s="110">
        <v>0</v>
      </c>
      <c r="AY21" s="114">
        <v>7046552</v>
      </c>
      <c r="AZ21" s="114">
        <v>13052225</v>
      </c>
      <c r="BA21" s="114">
        <v>7817295</v>
      </c>
      <c r="BB21" s="114">
        <v>8025969</v>
      </c>
      <c r="BC21" s="114">
        <v>6268095</v>
      </c>
      <c r="BD21" s="113">
        <v>42210136</v>
      </c>
      <c r="BE21" s="116">
        <v>44181821</v>
      </c>
      <c r="BF21" s="110">
        <v>115121</v>
      </c>
      <c r="BG21" s="114">
        <v>411210</v>
      </c>
      <c r="BH21" s="112">
        <v>526331</v>
      </c>
      <c r="BI21" s="111">
        <v>0</v>
      </c>
      <c r="BJ21" s="114">
        <v>389625</v>
      </c>
      <c r="BK21" s="114">
        <v>1721001</v>
      </c>
      <c r="BL21" s="114">
        <v>530342</v>
      </c>
      <c r="BM21" s="114">
        <v>298937</v>
      </c>
      <c r="BN21" s="114">
        <v>661551</v>
      </c>
      <c r="BO21" s="113">
        <v>3601456</v>
      </c>
      <c r="BP21" s="116">
        <v>4127787</v>
      </c>
      <c r="BQ21" s="110">
        <v>565670</v>
      </c>
      <c r="BR21" s="114">
        <v>552342</v>
      </c>
      <c r="BS21" s="113">
        <v>1118012</v>
      </c>
      <c r="BT21" s="110">
        <v>0</v>
      </c>
      <c r="BU21" s="114">
        <v>2820182</v>
      </c>
      <c r="BV21" s="114">
        <v>4145407</v>
      </c>
      <c r="BW21" s="114">
        <v>3835651</v>
      </c>
      <c r="BX21" s="114">
        <v>4261966</v>
      </c>
      <c r="BY21" s="114">
        <v>3367199</v>
      </c>
      <c r="BZ21" s="113">
        <v>18430405</v>
      </c>
      <c r="CA21" s="116">
        <v>19548417</v>
      </c>
      <c r="CB21" s="110">
        <v>1010065</v>
      </c>
      <c r="CC21" s="114">
        <v>4224315</v>
      </c>
      <c r="CD21" s="113">
        <v>5234380</v>
      </c>
      <c r="CE21" s="110">
        <v>0</v>
      </c>
      <c r="CF21" s="114">
        <v>31745905</v>
      </c>
      <c r="CG21" s="114">
        <v>54390156</v>
      </c>
      <c r="CH21" s="114">
        <v>36341145</v>
      </c>
      <c r="CI21" s="114">
        <v>25389294</v>
      </c>
      <c r="CJ21" s="114">
        <v>16282613</v>
      </c>
      <c r="CK21" s="113">
        <v>164149113</v>
      </c>
      <c r="CL21" s="116">
        <v>169383493</v>
      </c>
      <c r="CM21" s="110">
        <v>0</v>
      </c>
      <c r="CN21" s="114">
        <v>0</v>
      </c>
      <c r="CO21" s="113">
        <v>0</v>
      </c>
      <c r="CP21" s="111">
        <v>0</v>
      </c>
      <c r="CQ21" s="114">
        <v>20774868</v>
      </c>
      <c r="CR21" s="114">
        <v>36078678</v>
      </c>
      <c r="CS21" s="114">
        <v>25841129</v>
      </c>
      <c r="CT21" s="114">
        <v>19164904</v>
      </c>
      <c r="CU21" s="114">
        <v>13860066</v>
      </c>
      <c r="CV21" s="113">
        <v>115719645</v>
      </c>
      <c r="CW21" s="116">
        <v>115719645</v>
      </c>
      <c r="CX21" s="110">
        <v>1010065</v>
      </c>
      <c r="CY21" s="114">
        <v>4224315</v>
      </c>
      <c r="CZ21" s="113">
        <v>5234380</v>
      </c>
      <c r="DA21" s="110">
        <v>0</v>
      </c>
      <c r="DB21" s="114">
        <v>10971037</v>
      </c>
      <c r="DC21" s="114">
        <v>18311478</v>
      </c>
      <c r="DD21" s="114">
        <v>10500016</v>
      </c>
      <c r="DE21" s="114">
        <v>6224390</v>
      </c>
      <c r="DF21" s="114">
        <v>2422547</v>
      </c>
      <c r="DG21" s="113">
        <v>48429468</v>
      </c>
      <c r="DH21" s="116">
        <v>53663848</v>
      </c>
      <c r="DI21" s="110">
        <v>0</v>
      </c>
      <c r="DJ21" s="114">
        <v>0</v>
      </c>
      <c r="DK21" s="112">
        <v>0</v>
      </c>
      <c r="DL21" s="111">
        <v>0</v>
      </c>
      <c r="DM21" s="114">
        <v>2050021</v>
      </c>
      <c r="DN21" s="114">
        <v>6160405</v>
      </c>
      <c r="DO21" s="114">
        <v>7861208</v>
      </c>
      <c r="DP21" s="114">
        <v>6712650</v>
      </c>
      <c r="DQ21" s="114">
        <v>2164244</v>
      </c>
      <c r="DR21" s="113">
        <v>24948528</v>
      </c>
      <c r="DS21" s="116">
        <v>24948528</v>
      </c>
      <c r="DT21" s="110">
        <v>0</v>
      </c>
      <c r="DU21" s="114">
        <v>0</v>
      </c>
      <c r="DV21" s="113">
        <v>0</v>
      </c>
      <c r="DW21" s="110">
        <v>0</v>
      </c>
      <c r="DX21" s="114">
        <v>1940955</v>
      </c>
      <c r="DY21" s="114">
        <v>5464805</v>
      </c>
      <c r="DZ21" s="114">
        <v>7319058</v>
      </c>
      <c r="EA21" s="114">
        <v>6318763</v>
      </c>
      <c r="EB21" s="114">
        <v>1956352</v>
      </c>
      <c r="EC21" s="113">
        <v>22999933</v>
      </c>
      <c r="ED21" s="116">
        <v>22999933</v>
      </c>
      <c r="EE21" s="110">
        <v>0</v>
      </c>
      <c r="EF21" s="112">
        <v>0</v>
      </c>
      <c r="EG21" s="113">
        <v>0</v>
      </c>
      <c r="EH21" s="110">
        <v>0</v>
      </c>
      <c r="EI21" s="114">
        <v>109066</v>
      </c>
      <c r="EJ21" s="114">
        <v>695600</v>
      </c>
      <c r="EK21" s="114">
        <v>542150</v>
      </c>
      <c r="EL21" s="114">
        <v>393887</v>
      </c>
      <c r="EM21" s="114">
        <v>207892</v>
      </c>
      <c r="EN21" s="112">
        <v>1948595</v>
      </c>
      <c r="EO21" s="116">
        <v>1948595</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5"/>
      <c r="FE21" s="114">
        <v>0</v>
      </c>
      <c r="FF21" s="114">
        <v>0</v>
      </c>
      <c r="FG21" s="114">
        <v>0</v>
      </c>
      <c r="FH21" s="114">
        <v>0</v>
      </c>
      <c r="FI21" s="114">
        <v>0</v>
      </c>
      <c r="FJ21" s="113">
        <v>0</v>
      </c>
      <c r="FK21" s="116">
        <v>0</v>
      </c>
      <c r="FL21" s="110">
        <v>1462067</v>
      </c>
      <c r="FM21" s="114">
        <v>2707386</v>
      </c>
      <c r="FN21" s="113">
        <v>4169453</v>
      </c>
      <c r="FO21" s="110">
        <v>0</v>
      </c>
      <c r="FP21" s="114">
        <v>3741631</v>
      </c>
      <c r="FQ21" s="114">
        <v>12336152</v>
      </c>
      <c r="FR21" s="114">
        <v>7805083</v>
      </c>
      <c r="FS21" s="114">
        <v>7888097</v>
      </c>
      <c r="FT21" s="114">
        <v>5373830</v>
      </c>
      <c r="FU21" s="113">
        <v>37144793</v>
      </c>
      <c r="FV21" s="116">
        <v>41314246</v>
      </c>
      <c r="FW21" s="115">
        <v>821373</v>
      </c>
      <c r="FX21" s="114">
        <v>2138231</v>
      </c>
      <c r="FY21" s="112">
        <v>2959604</v>
      </c>
      <c r="FZ21" s="111">
        <v>0</v>
      </c>
      <c r="GA21" s="114">
        <v>3032497</v>
      </c>
      <c r="GB21" s="114">
        <v>11967571</v>
      </c>
      <c r="GC21" s="114">
        <v>7516243</v>
      </c>
      <c r="GD21" s="114">
        <v>7204168</v>
      </c>
      <c r="GE21" s="114">
        <v>5150800</v>
      </c>
      <c r="GF21" s="113">
        <v>34871279</v>
      </c>
      <c r="GG21" s="316">
        <v>37830883</v>
      </c>
      <c r="GH21" s="115">
        <v>51084</v>
      </c>
      <c r="GI21" s="114">
        <v>161874</v>
      </c>
      <c r="GJ21" s="112">
        <v>212958</v>
      </c>
      <c r="GK21" s="111">
        <v>0</v>
      </c>
      <c r="GL21" s="114">
        <v>151727</v>
      </c>
      <c r="GM21" s="114">
        <v>97141</v>
      </c>
      <c r="GN21" s="114">
        <v>71940</v>
      </c>
      <c r="GO21" s="114">
        <v>363656</v>
      </c>
      <c r="GP21" s="114">
        <v>55756</v>
      </c>
      <c r="GQ21" s="113">
        <v>740220</v>
      </c>
      <c r="GR21" s="116">
        <v>953178</v>
      </c>
      <c r="GS21" s="110">
        <v>589610</v>
      </c>
      <c r="GT21" s="114">
        <v>407281</v>
      </c>
      <c r="GU21" s="113">
        <v>996891</v>
      </c>
      <c r="GV21" s="110">
        <v>0</v>
      </c>
      <c r="GW21" s="114">
        <v>557407</v>
      </c>
      <c r="GX21" s="114">
        <v>271440</v>
      </c>
      <c r="GY21" s="114">
        <v>216900</v>
      </c>
      <c r="GZ21" s="114">
        <v>320273</v>
      </c>
      <c r="HA21" s="114">
        <v>167274</v>
      </c>
      <c r="HB21" s="112">
        <v>1533294</v>
      </c>
      <c r="HC21" s="116">
        <v>2530185</v>
      </c>
      <c r="HD21" s="110">
        <v>1467757</v>
      </c>
      <c r="HE21" s="114">
        <v>2849773</v>
      </c>
      <c r="HF21" s="112">
        <v>4317530</v>
      </c>
      <c r="HG21" s="111">
        <v>0</v>
      </c>
      <c r="HH21" s="114">
        <v>17317149</v>
      </c>
      <c r="HI21" s="114">
        <v>18111149</v>
      </c>
      <c r="HJ21" s="114">
        <v>18414890</v>
      </c>
      <c r="HK21" s="114">
        <v>28021199</v>
      </c>
      <c r="HL21" s="114">
        <v>21943374</v>
      </c>
      <c r="HM21" s="113">
        <v>103807761</v>
      </c>
      <c r="HN21" s="109">
        <v>108125291</v>
      </c>
      <c r="HO21" s="115">
        <v>983238</v>
      </c>
      <c r="HP21" s="114">
        <v>1966414</v>
      </c>
      <c r="HQ21" s="113">
        <v>2949652</v>
      </c>
      <c r="HR21" s="110">
        <v>0</v>
      </c>
      <c r="HS21" s="114">
        <v>12375244</v>
      </c>
      <c r="HT21" s="114">
        <v>16343161</v>
      </c>
      <c r="HU21" s="114">
        <v>9476413</v>
      </c>
      <c r="HV21" s="114">
        <v>6397336</v>
      </c>
      <c r="HW21" s="114">
        <v>4102683</v>
      </c>
      <c r="HX21" s="112">
        <v>48694837</v>
      </c>
      <c r="HY21" s="116">
        <v>51644489</v>
      </c>
      <c r="HZ21" s="131">
        <v>46661</v>
      </c>
      <c r="IA21" s="132">
        <v>83570</v>
      </c>
      <c r="IB21" s="133">
        <v>130231</v>
      </c>
      <c r="IC21" s="146">
        <v>0</v>
      </c>
      <c r="ID21" s="132">
        <v>15905290</v>
      </c>
      <c r="IE21" s="147">
        <v>28500013</v>
      </c>
      <c r="IF21" s="133">
        <v>38343370</v>
      </c>
      <c r="IG21" s="132">
        <v>23603999</v>
      </c>
      <c r="IH21" s="133">
        <v>24328609</v>
      </c>
      <c r="II21" s="148">
        <v>130681281</v>
      </c>
      <c r="IJ21" s="139">
        <v>130811512</v>
      </c>
      <c r="IK21" s="232">
        <v>0</v>
      </c>
      <c r="IL21" s="236">
        <v>0</v>
      </c>
      <c r="IM21" s="237">
        <v>0</v>
      </c>
      <c r="IN21" s="140"/>
      <c r="IO21" s="119">
        <v>828411</v>
      </c>
      <c r="IP21" s="119">
        <v>1442368</v>
      </c>
      <c r="IQ21" s="119">
        <v>2764570</v>
      </c>
      <c r="IR21" s="119">
        <v>1844372</v>
      </c>
      <c r="IS21" s="119">
        <v>2341016</v>
      </c>
      <c r="IT21" s="141">
        <v>9220737</v>
      </c>
      <c r="IU21" s="318">
        <v>9220737</v>
      </c>
      <c r="IV21" s="142">
        <v>0</v>
      </c>
      <c r="IW21" s="119">
        <v>0</v>
      </c>
      <c r="IX21" s="120">
        <v>0</v>
      </c>
      <c r="IY21" s="144"/>
      <c r="IZ21" s="119">
        <v>18446</v>
      </c>
      <c r="JA21" s="119">
        <v>18446</v>
      </c>
      <c r="JB21" s="119">
        <v>53607</v>
      </c>
      <c r="JC21" s="119">
        <v>190960</v>
      </c>
      <c r="JD21" s="119">
        <v>107899</v>
      </c>
      <c r="JE21" s="120">
        <v>389358</v>
      </c>
      <c r="JF21" s="121">
        <v>389358</v>
      </c>
      <c r="JG21" s="142">
        <v>0</v>
      </c>
      <c r="JH21" s="119">
        <v>0</v>
      </c>
      <c r="JI21" s="141">
        <v>0</v>
      </c>
      <c r="JJ21" s="118">
        <v>0</v>
      </c>
      <c r="JK21" s="119">
        <v>7981829</v>
      </c>
      <c r="JL21" s="119">
        <v>10045702</v>
      </c>
      <c r="JM21" s="119">
        <v>9413899</v>
      </c>
      <c r="JN21" s="119">
        <v>4517697</v>
      </c>
      <c r="JO21" s="119">
        <v>3049867</v>
      </c>
      <c r="JP21" s="120">
        <v>35008994</v>
      </c>
      <c r="JQ21" s="318">
        <v>35008994</v>
      </c>
      <c r="JR21" s="142">
        <v>0</v>
      </c>
      <c r="JS21" s="119">
        <v>0</v>
      </c>
      <c r="JT21" s="141">
        <v>0</v>
      </c>
      <c r="JU21" s="118">
        <v>0</v>
      </c>
      <c r="JV21" s="119">
        <v>236234</v>
      </c>
      <c r="JW21" s="119">
        <v>1282855</v>
      </c>
      <c r="JX21" s="119">
        <v>1029762</v>
      </c>
      <c r="JY21" s="119">
        <v>437942</v>
      </c>
      <c r="JZ21" s="119">
        <v>761672</v>
      </c>
      <c r="KA21" s="120">
        <v>3748465</v>
      </c>
      <c r="KB21" s="318">
        <v>3748465</v>
      </c>
      <c r="KC21" s="234">
        <v>46661</v>
      </c>
      <c r="KD21" s="230">
        <v>83570</v>
      </c>
      <c r="KE21" s="120">
        <v>130231</v>
      </c>
      <c r="KF21" s="118">
        <v>0</v>
      </c>
      <c r="KG21" s="119">
        <v>2503354</v>
      </c>
      <c r="KH21" s="119">
        <v>4312405</v>
      </c>
      <c r="KI21" s="119">
        <v>4212390</v>
      </c>
      <c r="KJ21" s="119">
        <v>5218938</v>
      </c>
      <c r="KK21" s="119">
        <v>1559633</v>
      </c>
      <c r="KL21" s="120">
        <v>17806720</v>
      </c>
      <c r="KM21" s="143">
        <v>17936951</v>
      </c>
      <c r="KN21" s="232">
        <v>0</v>
      </c>
      <c r="KO21" s="236">
        <v>0</v>
      </c>
      <c r="KP21" s="237">
        <v>0</v>
      </c>
      <c r="KQ21" s="140"/>
      <c r="KR21" s="119">
        <v>4337016</v>
      </c>
      <c r="KS21" s="119">
        <v>9513808</v>
      </c>
      <c r="KT21" s="119">
        <v>17113156</v>
      </c>
      <c r="KU21" s="119">
        <v>9374630</v>
      </c>
      <c r="KV21" s="119">
        <v>10725256</v>
      </c>
      <c r="KW21" s="120">
        <v>51063866</v>
      </c>
      <c r="KX21" s="318">
        <v>51063866</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755760</v>
      </c>
      <c r="LP21" s="119">
        <v>2335875</v>
      </c>
      <c r="LQ21" s="119">
        <v>1721752</v>
      </c>
      <c r="LR21" s="119">
        <v>4104109</v>
      </c>
      <c r="LS21" s="120">
        <v>8917496</v>
      </c>
      <c r="LT21" s="318">
        <v>8917496</v>
      </c>
      <c r="LU21" s="142">
        <v>0</v>
      </c>
      <c r="LV21" s="119">
        <v>0</v>
      </c>
      <c r="LW21" s="120">
        <v>0</v>
      </c>
      <c r="LX21" s="145"/>
      <c r="LY21" s="119">
        <v>0</v>
      </c>
      <c r="LZ21" s="119">
        <v>1128669</v>
      </c>
      <c r="MA21" s="119">
        <v>1420111</v>
      </c>
      <c r="MB21" s="119">
        <v>297708</v>
      </c>
      <c r="MC21" s="119">
        <v>1679157</v>
      </c>
      <c r="MD21" s="120">
        <v>4525645</v>
      </c>
      <c r="ME21" s="121">
        <v>4525645</v>
      </c>
      <c r="MF21" s="142">
        <v>0</v>
      </c>
      <c r="MG21" s="119">
        <v>0</v>
      </c>
      <c r="MH21" s="120">
        <v>0</v>
      </c>
      <c r="MI21" s="145"/>
      <c r="MJ21" s="119">
        <v>13335164</v>
      </c>
      <c r="MK21" s="119">
        <v>30136408</v>
      </c>
      <c r="ML21" s="119">
        <v>94917672</v>
      </c>
      <c r="MM21" s="119">
        <v>131143847</v>
      </c>
      <c r="MN21" s="119">
        <v>89448288</v>
      </c>
      <c r="MO21" s="120">
        <v>358981379</v>
      </c>
      <c r="MP21" s="143">
        <v>358981379</v>
      </c>
      <c r="MQ21" s="142">
        <v>0</v>
      </c>
      <c r="MR21" s="119">
        <v>0</v>
      </c>
      <c r="MS21" s="120">
        <v>0</v>
      </c>
      <c r="MT21" s="145"/>
      <c r="MU21" s="119">
        <v>1156471</v>
      </c>
      <c r="MV21" s="119">
        <v>3547097</v>
      </c>
      <c r="MW21" s="119">
        <v>49984608</v>
      </c>
      <c r="MX21" s="119">
        <v>87733096</v>
      </c>
      <c r="MY21" s="119">
        <v>59389037</v>
      </c>
      <c r="MZ21" s="120">
        <v>201810309</v>
      </c>
      <c r="NA21" s="143">
        <v>201810309</v>
      </c>
      <c r="NB21" s="142">
        <v>0</v>
      </c>
      <c r="NC21" s="119">
        <v>0</v>
      </c>
      <c r="ND21" s="120">
        <v>0</v>
      </c>
      <c r="NE21" s="145"/>
      <c r="NF21" s="119">
        <v>12178693</v>
      </c>
      <c r="NG21" s="119">
        <v>26589311</v>
      </c>
      <c r="NH21" s="119">
        <v>44073355</v>
      </c>
      <c r="NI21" s="119">
        <v>39508438</v>
      </c>
      <c r="NJ21" s="119">
        <v>21498794</v>
      </c>
      <c r="NK21" s="120">
        <v>143848591</v>
      </c>
      <c r="NL21" s="318">
        <v>143848591</v>
      </c>
      <c r="NM21" s="142">
        <v>0</v>
      </c>
      <c r="NN21" s="119">
        <v>0</v>
      </c>
      <c r="NO21" s="120">
        <v>0</v>
      </c>
      <c r="NP21" s="145"/>
      <c r="NQ21" s="119">
        <v>0</v>
      </c>
      <c r="NR21" s="119">
        <v>0</v>
      </c>
      <c r="NS21" s="119">
        <v>0</v>
      </c>
      <c r="NT21" s="119">
        <v>0</v>
      </c>
      <c r="NU21" s="119">
        <v>365543</v>
      </c>
      <c r="NV21" s="120">
        <v>365543</v>
      </c>
      <c r="NW21" s="121">
        <v>365543</v>
      </c>
      <c r="NX21" s="142">
        <v>0</v>
      </c>
      <c r="NY21" s="119">
        <v>0</v>
      </c>
      <c r="NZ21" s="120">
        <v>0</v>
      </c>
      <c r="OA21" s="145"/>
      <c r="OB21" s="119">
        <v>0</v>
      </c>
      <c r="OC21" s="119">
        <v>0</v>
      </c>
      <c r="OD21" s="119">
        <v>859709</v>
      </c>
      <c r="OE21" s="119">
        <v>3902313</v>
      </c>
      <c r="OF21" s="119">
        <v>8194914</v>
      </c>
      <c r="OG21" s="120">
        <v>12956936</v>
      </c>
      <c r="OH21" s="121">
        <v>12956936</v>
      </c>
      <c r="OI21" s="142">
        <v>6211399</v>
      </c>
      <c r="OJ21" s="119">
        <v>14205875</v>
      </c>
      <c r="OK21" s="141">
        <v>20417274</v>
      </c>
      <c r="OL21" s="118">
        <v>0</v>
      </c>
      <c r="OM21" s="119">
        <v>114020683</v>
      </c>
      <c r="ON21" s="119">
        <v>199187259</v>
      </c>
      <c r="OO21" s="119">
        <v>238768969</v>
      </c>
      <c r="OP21" s="119">
        <v>260194644</v>
      </c>
      <c r="OQ21" s="119">
        <v>190428388</v>
      </c>
      <c r="OR21" s="120">
        <v>1002599943</v>
      </c>
      <c r="OS21" s="143">
        <v>1023017217</v>
      </c>
    </row>
    <row r="22" spans="2:409" ht="21" customHeight="1" x14ac:dyDescent="0.2">
      <c r="B22" s="62" t="s">
        <v>17</v>
      </c>
      <c r="C22" s="110">
        <v>6689447</v>
      </c>
      <c r="D22" s="114">
        <v>16532789</v>
      </c>
      <c r="E22" s="113">
        <v>23222236</v>
      </c>
      <c r="F22" s="109">
        <v>0</v>
      </c>
      <c r="G22" s="114">
        <v>83141188</v>
      </c>
      <c r="H22" s="114">
        <v>169121390</v>
      </c>
      <c r="I22" s="114">
        <v>152576542</v>
      </c>
      <c r="J22" s="114">
        <v>137338284</v>
      </c>
      <c r="K22" s="114">
        <v>105003853</v>
      </c>
      <c r="L22" s="109">
        <v>647181257</v>
      </c>
      <c r="M22" s="116">
        <v>670403493</v>
      </c>
      <c r="N22" s="110">
        <v>1419714</v>
      </c>
      <c r="O22" s="114">
        <v>3418197</v>
      </c>
      <c r="P22" s="113">
        <v>4837911</v>
      </c>
      <c r="Q22" s="110">
        <v>0</v>
      </c>
      <c r="R22" s="114">
        <v>19398779</v>
      </c>
      <c r="S22" s="114">
        <v>44206782</v>
      </c>
      <c r="T22" s="114">
        <v>46492924</v>
      </c>
      <c r="U22" s="114">
        <v>50777575</v>
      </c>
      <c r="V22" s="114">
        <v>54329339</v>
      </c>
      <c r="W22" s="113">
        <v>215205399</v>
      </c>
      <c r="X22" s="116">
        <v>220043310</v>
      </c>
      <c r="Y22" s="110">
        <v>0</v>
      </c>
      <c r="Z22" s="114">
        <v>0</v>
      </c>
      <c r="AA22" s="113">
        <v>0</v>
      </c>
      <c r="AB22" s="110">
        <v>0</v>
      </c>
      <c r="AC22" s="114">
        <v>8503802</v>
      </c>
      <c r="AD22" s="114">
        <v>23538516</v>
      </c>
      <c r="AE22" s="114">
        <v>27424335</v>
      </c>
      <c r="AF22" s="114">
        <v>31940719</v>
      </c>
      <c r="AG22" s="114">
        <v>33471840</v>
      </c>
      <c r="AH22" s="113">
        <v>124879212</v>
      </c>
      <c r="AI22" s="116">
        <v>124879212</v>
      </c>
      <c r="AJ22" s="110">
        <v>0</v>
      </c>
      <c r="AK22" s="114">
        <v>0</v>
      </c>
      <c r="AL22" s="113">
        <v>0</v>
      </c>
      <c r="AM22" s="110">
        <v>0</v>
      </c>
      <c r="AN22" s="114">
        <v>15443</v>
      </c>
      <c r="AO22" s="114">
        <v>493116</v>
      </c>
      <c r="AP22" s="114">
        <v>1222581</v>
      </c>
      <c r="AQ22" s="114">
        <v>2470123</v>
      </c>
      <c r="AR22" s="114">
        <v>5448531</v>
      </c>
      <c r="AS22" s="113">
        <v>9649794</v>
      </c>
      <c r="AT22" s="116">
        <v>9649794</v>
      </c>
      <c r="AU22" s="110">
        <v>768796</v>
      </c>
      <c r="AV22" s="114">
        <v>2467327</v>
      </c>
      <c r="AW22" s="113">
        <v>3236123</v>
      </c>
      <c r="AX22" s="110">
        <v>0</v>
      </c>
      <c r="AY22" s="114">
        <v>6733557</v>
      </c>
      <c r="AZ22" s="114">
        <v>12543768</v>
      </c>
      <c r="BA22" s="114">
        <v>10592755</v>
      </c>
      <c r="BB22" s="114">
        <v>9416244</v>
      </c>
      <c r="BC22" s="114">
        <v>9901667</v>
      </c>
      <c r="BD22" s="113">
        <v>49187991</v>
      </c>
      <c r="BE22" s="116">
        <v>52424114</v>
      </c>
      <c r="BF22" s="110">
        <v>123908</v>
      </c>
      <c r="BG22" s="114">
        <v>360509</v>
      </c>
      <c r="BH22" s="112">
        <v>484417</v>
      </c>
      <c r="BI22" s="111">
        <v>0</v>
      </c>
      <c r="BJ22" s="114">
        <v>460753</v>
      </c>
      <c r="BK22" s="114">
        <v>1414786</v>
      </c>
      <c r="BL22" s="114">
        <v>1132824</v>
      </c>
      <c r="BM22" s="114">
        <v>647724</v>
      </c>
      <c r="BN22" s="114">
        <v>618099</v>
      </c>
      <c r="BO22" s="113">
        <v>4274186</v>
      </c>
      <c r="BP22" s="116">
        <v>4758603</v>
      </c>
      <c r="BQ22" s="110">
        <v>527010</v>
      </c>
      <c r="BR22" s="114">
        <v>590361</v>
      </c>
      <c r="BS22" s="113">
        <v>1117371</v>
      </c>
      <c r="BT22" s="110">
        <v>0</v>
      </c>
      <c r="BU22" s="114">
        <v>3685224</v>
      </c>
      <c r="BV22" s="114">
        <v>6216596</v>
      </c>
      <c r="BW22" s="114">
        <v>6120429</v>
      </c>
      <c r="BX22" s="114">
        <v>6302765</v>
      </c>
      <c r="BY22" s="114">
        <v>4889202</v>
      </c>
      <c r="BZ22" s="113">
        <v>27214216</v>
      </c>
      <c r="CA22" s="116">
        <v>28331587</v>
      </c>
      <c r="CB22" s="110">
        <v>776386</v>
      </c>
      <c r="CC22" s="114">
        <v>3215313</v>
      </c>
      <c r="CD22" s="113">
        <v>3991699</v>
      </c>
      <c r="CE22" s="110">
        <v>0</v>
      </c>
      <c r="CF22" s="114">
        <v>26302982</v>
      </c>
      <c r="CG22" s="114">
        <v>56986587</v>
      </c>
      <c r="CH22" s="114">
        <v>42846150</v>
      </c>
      <c r="CI22" s="114">
        <v>27607077</v>
      </c>
      <c r="CJ22" s="114">
        <v>14559612</v>
      </c>
      <c r="CK22" s="113">
        <v>168302408</v>
      </c>
      <c r="CL22" s="116">
        <v>172294107</v>
      </c>
      <c r="CM22" s="110">
        <v>0</v>
      </c>
      <c r="CN22" s="114">
        <v>0</v>
      </c>
      <c r="CO22" s="113">
        <v>0</v>
      </c>
      <c r="CP22" s="111">
        <v>0</v>
      </c>
      <c r="CQ22" s="114">
        <v>22560053</v>
      </c>
      <c r="CR22" s="114">
        <v>44124019</v>
      </c>
      <c r="CS22" s="114">
        <v>33361073</v>
      </c>
      <c r="CT22" s="114">
        <v>23481502</v>
      </c>
      <c r="CU22" s="114">
        <v>12360116</v>
      </c>
      <c r="CV22" s="113">
        <v>135886763</v>
      </c>
      <c r="CW22" s="116">
        <v>135886763</v>
      </c>
      <c r="CX22" s="110">
        <v>776386</v>
      </c>
      <c r="CY22" s="114">
        <v>3215313</v>
      </c>
      <c r="CZ22" s="113">
        <v>3991699</v>
      </c>
      <c r="DA22" s="110">
        <v>0</v>
      </c>
      <c r="DB22" s="114">
        <v>3742929</v>
      </c>
      <c r="DC22" s="114">
        <v>12862568</v>
      </c>
      <c r="DD22" s="114">
        <v>9485077</v>
      </c>
      <c r="DE22" s="114">
        <v>4125575</v>
      </c>
      <c r="DF22" s="114">
        <v>2199496</v>
      </c>
      <c r="DG22" s="113">
        <v>32415645</v>
      </c>
      <c r="DH22" s="116">
        <v>36407344</v>
      </c>
      <c r="DI22" s="110">
        <v>14006</v>
      </c>
      <c r="DJ22" s="114">
        <v>143122</v>
      </c>
      <c r="DK22" s="112">
        <v>157128</v>
      </c>
      <c r="DL22" s="111">
        <v>0</v>
      </c>
      <c r="DM22" s="114">
        <v>2959982</v>
      </c>
      <c r="DN22" s="114">
        <v>7578481</v>
      </c>
      <c r="DO22" s="114">
        <v>14074521</v>
      </c>
      <c r="DP22" s="114">
        <v>12266315</v>
      </c>
      <c r="DQ22" s="114">
        <v>6007425</v>
      </c>
      <c r="DR22" s="113">
        <v>42886724</v>
      </c>
      <c r="DS22" s="116">
        <v>43043852</v>
      </c>
      <c r="DT22" s="110">
        <v>14006</v>
      </c>
      <c r="DU22" s="114">
        <v>143122</v>
      </c>
      <c r="DV22" s="113">
        <v>157128</v>
      </c>
      <c r="DW22" s="110">
        <v>0</v>
      </c>
      <c r="DX22" s="114">
        <v>2515547</v>
      </c>
      <c r="DY22" s="114">
        <v>5725525</v>
      </c>
      <c r="DZ22" s="114">
        <v>12324848</v>
      </c>
      <c r="EA22" s="114">
        <v>10832774</v>
      </c>
      <c r="EB22" s="114">
        <v>4975947</v>
      </c>
      <c r="EC22" s="113">
        <v>36374641</v>
      </c>
      <c r="ED22" s="116">
        <v>36531769</v>
      </c>
      <c r="EE22" s="110">
        <v>0</v>
      </c>
      <c r="EF22" s="112">
        <v>0</v>
      </c>
      <c r="EG22" s="113">
        <v>0</v>
      </c>
      <c r="EH22" s="110">
        <v>0</v>
      </c>
      <c r="EI22" s="114">
        <v>444435</v>
      </c>
      <c r="EJ22" s="114">
        <v>1852956</v>
      </c>
      <c r="EK22" s="114">
        <v>1749673</v>
      </c>
      <c r="EL22" s="114">
        <v>1433541</v>
      </c>
      <c r="EM22" s="114">
        <v>1031478</v>
      </c>
      <c r="EN22" s="112">
        <v>6512083</v>
      </c>
      <c r="EO22" s="116">
        <v>6512083</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5"/>
      <c r="FE22" s="114">
        <v>0</v>
      </c>
      <c r="FF22" s="114">
        <v>0</v>
      </c>
      <c r="FG22" s="114">
        <v>0</v>
      </c>
      <c r="FH22" s="114">
        <v>0</v>
      </c>
      <c r="FI22" s="114">
        <v>0</v>
      </c>
      <c r="FJ22" s="113">
        <v>0</v>
      </c>
      <c r="FK22" s="116">
        <v>0</v>
      </c>
      <c r="FL22" s="110">
        <v>1542852</v>
      </c>
      <c r="FM22" s="114">
        <v>4087162</v>
      </c>
      <c r="FN22" s="113">
        <v>5630014</v>
      </c>
      <c r="FO22" s="110">
        <v>0</v>
      </c>
      <c r="FP22" s="114">
        <v>4140296</v>
      </c>
      <c r="FQ22" s="114">
        <v>16467647</v>
      </c>
      <c r="FR22" s="114">
        <v>12862547</v>
      </c>
      <c r="FS22" s="114">
        <v>10358358</v>
      </c>
      <c r="FT22" s="114">
        <v>8307750</v>
      </c>
      <c r="FU22" s="113">
        <v>52136598</v>
      </c>
      <c r="FV22" s="116">
        <v>57766612</v>
      </c>
      <c r="FW22" s="115">
        <v>993489</v>
      </c>
      <c r="FX22" s="114">
        <v>3071031</v>
      </c>
      <c r="FY22" s="112">
        <v>4064520</v>
      </c>
      <c r="FZ22" s="111">
        <v>0</v>
      </c>
      <c r="GA22" s="114">
        <v>3054556</v>
      </c>
      <c r="GB22" s="114">
        <v>15259767</v>
      </c>
      <c r="GC22" s="114">
        <v>11451060</v>
      </c>
      <c r="GD22" s="114">
        <v>9920949</v>
      </c>
      <c r="GE22" s="114">
        <v>8049554</v>
      </c>
      <c r="GF22" s="113">
        <v>47735886</v>
      </c>
      <c r="GG22" s="316">
        <v>51800406</v>
      </c>
      <c r="GH22" s="115">
        <v>39600</v>
      </c>
      <c r="GI22" s="114">
        <v>161847</v>
      </c>
      <c r="GJ22" s="112">
        <v>201447</v>
      </c>
      <c r="GK22" s="111">
        <v>0</v>
      </c>
      <c r="GL22" s="114">
        <v>315639</v>
      </c>
      <c r="GM22" s="114">
        <v>331748</v>
      </c>
      <c r="GN22" s="114">
        <v>476770</v>
      </c>
      <c r="GO22" s="114">
        <v>262030</v>
      </c>
      <c r="GP22" s="114">
        <v>97996</v>
      </c>
      <c r="GQ22" s="113">
        <v>1484183</v>
      </c>
      <c r="GR22" s="116">
        <v>1685630</v>
      </c>
      <c r="GS22" s="110">
        <v>509763</v>
      </c>
      <c r="GT22" s="114">
        <v>854284</v>
      </c>
      <c r="GU22" s="113">
        <v>1364047</v>
      </c>
      <c r="GV22" s="110">
        <v>0</v>
      </c>
      <c r="GW22" s="114">
        <v>770101</v>
      </c>
      <c r="GX22" s="114">
        <v>876132</v>
      </c>
      <c r="GY22" s="114">
        <v>934717</v>
      </c>
      <c r="GZ22" s="114">
        <v>175379</v>
      </c>
      <c r="HA22" s="114">
        <v>160200</v>
      </c>
      <c r="HB22" s="112">
        <v>2916529</v>
      </c>
      <c r="HC22" s="116">
        <v>4280576</v>
      </c>
      <c r="HD22" s="110">
        <v>1633200</v>
      </c>
      <c r="HE22" s="114">
        <v>2861435</v>
      </c>
      <c r="HF22" s="112">
        <v>4494635</v>
      </c>
      <c r="HG22" s="111">
        <v>0</v>
      </c>
      <c r="HH22" s="114">
        <v>16154690</v>
      </c>
      <c r="HI22" s="114">
        <v>21265918</v>
      </c>
      <c r="HJ22" s="114">
        <v>20908882</v>
      </c>
      <c r="HK22" s="114">
        <v>25401919</v>
      </c>
      <c r="HL22" s="114">
        <v>15053284</v>
      </c>
      <c r="HM22" s="113">
        <v>98784693</v>
      </c>
      <c r="HN22" s="109">
        <v>103279328</v>
      </c>
      <c r="HO22" s="115">
        <v>1303289</v>
      </c>
      <c r="HP22" s="114">
        <v>2807560</v>
      </c>
      <c r="HQ22" s="113">
        <v>4110849</v>
      </c>
      <c r="HR22" s="110">
        <v>0</v>
      </c>
      <c r="HS22" s="114">
        <v>14184459</v>
      </c>
      <c r="HT22" s="114">
        <v>22615975</v>
      </c>
      <c r="HU22" s="114">
        <v>15391518</v>
      </c>
      <c r="HV22" s="114">
        <v>10927040</v>
      </c>
      <c r="HW22" s="114">
        <v>6746443</v>
      </c>
      <c r="HX22" s="112">
        <v>69865435</v>
      </c>
      <c r="HY22" s="116">
        <v>73976284</v>
      </c>
      <c r="HZ22" s="150">
        <v>41905</v>
      </c>
      <c r="IA22" s="135">
        <v>177813</v>
      </c>
      <c r="IB22" s="150">
        <v>219718</v>
      </c>
      <c r="IC22" s="134">
        <v>0</v>
      </c>
      <c r="ID22" s="135">
        <v>28572780</v>
      </c>
      <c r="IE22" s="136">
        <v>44100640</v>
      </c>
      <c r="IF22" s="137">
        <v>52669123</v>
      </c>
      <c r="IG22" s="135">
        <v>49428654</v>
      </c>
      <c r="IH22" s="137">
        <v>35776328</v>
      </c>
      <c r="II22" s="138">
        <v>210547525</v>
      </c>
      <c r="IJ22" s="150">
        <v>210767243</v>
      </c>
      <c r="IK22" s="232">
        <v>0</v>
      </c>
      <c r="IL22" s="236">
        <v>0</v>
      </c>
      <c r="IM22" s="237">
        <v>0</v>
      </c>
      <c r="IN22" s="140"/>
      <c r="IO22" s="119">
        <v>158488</v>
      </c>
      <c r="IP22" s="119">
        <v>258960</v>
      </c>
      <c r="IQ22" s="119">
        <v>747486</v>
      </c>
      <c r="IR22" s="119">
        <v>1231325</v>
      </c>
      <c r="IS22" s="119">
        <v>239936</v>
      </c>
      <c r="IT22" s="141">
        <v>2636195</v>
      </c>
      <c r="IU22" s="318">
        <v>2636195</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2589542</v>
      </c>
      <c r="JL22" s="119">
        <v>18760983</v>
      </c>
      <c r="JM22" s="119">
        <v>14963149</v>
      </c>
      <c r="JN22" s="119">
        <v>15038457</v>
      </c>
      <c r="JO22" s="119">
        <v>9432745</v>
      </c>
      <c r="JP22" s="120">
        <v>70784876</v>
      </c>
      <c r="JQ22" s="318">
        <v>70784876</v>
      </c>
      <c r="JR22" s="142">
        <v>41905</v>
      </c>
      <c r="JS22" s="119">
        <v>84378</v>
      </c>
      <c r="JT22" s="141">
        <v>126283</v>
      </c>
      <c r="JU22" s="118">
        <v>0</v>
      </c>
      <c r="JV22" s="119">
        <v>1509362</v>
      </c>
      <c r="JW22" s="119">
        <v>2254487</v>
      </c>
      <c r="JX22" s="119">
        <v>1386471</v>
      </c>
      <c r="JY22" s="119">
        <v>1983282</v>
      </c>
      <c r="JZ22" s="119">
        <v>636041</v>
      </c>
      <c r="KA22" s="120">
        <v>7769643</v>
      </c>
      <c r="KB22" s="318">
        <v>7895926</v>
      </c>
      <c r="KC22" s="234">
        <v>0</v>
      </c>
      <c r="KD22" s="230">
        <v>93435</v>
      </c>
      <c r="KE22" s="120">
        <v>93435</v>
      </c>
      <c r="KF22" s="118">
        <v>0</v>
      </c>
      <c r="KG22" s="119">
        <v>2837240</v>
      </c>
      <c r="KH22" s="119">
        <v>5052164</v>
      </c>
      <c r="KI22" s="119">
        <v>9802077</v>
      </c>
      <c r="KJ22" s="119">
        <v>6385610</v>
      </c>
      <c r="KK22" s="119">
        <v>3647126</v>
      </c>
      <c r="KL22" s="120">
        <v>27724217</v>
      </c>
      <c r="KM22" s="143">
        <v>27817652</v>
      </c>
      <c r="KN22" s="232">
        <v>0</v>
      </c>
      <c r="KO22" s="236">
        <v>0</v>
      </c>
      <c r="KP22" s="237">
        <v>0</v>
      </c>
      <c r="KQ22" s="140"/>
      <c r="KR22" s="119">
        <v>11290807</v>
      </c>
      <c r="KS22" s="119">
        <v>16563108</v>
      </c>
      <c r="KT22" s="119">
        <v>17871418</v>
      </c>
      <c r="KU22" s="119">
        <v>12683647</v>
      </c>
      <c r="KV22" s="119">
        <v>7160912</v>
      </c>
      <c r="KW22" s="120">
        <v>65569892</v>
      </c>
      <c r="KX22" s="318">
        <v>65569892</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517611</v>
      </c>
      <c r="LP22" s="119">
        <v>7650884</v>
      </c>
      <c r="LQ22" s="119">
        <v>10480416</v>
      </c>
      <c r="LR22" s="119">
        <v>12291021</v>
      </c>
      <c r="LS22" s="120">
        <v>30939932</v>
      </c>
      <c r="LT22" s="318">
        <v>30939932</v>
      </c>
      <c r="LU22" s="142">
        <v>0</v>
      </c>
      <c r="LV22" s="119">
        <v>0</v>
      </c>
      <c r="LW22" s="120">
        <v>0</v>
      </c>
      <c r="LX22" s="145"/>
      <c r="LY22" s="119">
        <v>187341</v>
      </c>
      <c r="LZ22" s="119">
        <v>693327</v>
      </c>
      <c r="MA22" s="119">
        <v>247638</v>
      </c>
      <c r="MB22" s="119">
        <v>1625917</v>
      </c>
      <c r="MC22" s="119">
        <v>2368547</v>
      </c>
      <c r="MD22" s="120">
        <v>5122770</v>
      </c>
      <c r="ME22" s="121">
        <v>5122770</v>
      </c>
      <c r="MF22" s="142">
        <v>0</v>
      </c>
      <c r="MG22" s="119">
        <v>0</v>
      </c>
      <c r="MH22" s="120">
        <v>0</v>
      </c>
      <c r="MI22" s="145"/>
      <c r="MJ22" s="119">
        <v>10926292</v>
      </c>
      <c r="MK22" s="119">
        <v>33715465</v>
      </c>
      <c r="ML22" s="119">
        <v>95839112</v>
      </c>
      <c r="MM22" s="119">
        <v>121428352</v>
      </c>
      <c r="MN22" s="119">
        <v>100020020</v>
      </c>
      <c r="MO22" s="120">
        <v>361929241</v>
      </c>
      <c r="MP22" s="143">
        <v>361929241</v>
      </c>
      <c r="MQ22" s="142">
        <v>0</v>
      </c>
      <c r="MR22" s="119">
        <v>0</v>
      </c>
      <c r="MS22" s="120">
        <v>0</v>
      </c>
      <c r="MT22" s="145"/>
      <c r="MU22" s="119">
        <v>456758</v>
      </c>
      <c r="MV22" s="119">
        <v>3050747</v>
      </c>
      <c r="MW22" s="119">
        <v>51656912</v>
      </c>
      <c r="MX22" s="119">
        <v>78305361</v>
      </c>
      <c r="MY22" s="119">
        <v>67592986</v>
      </c>
      <c r="MZ22" s="120">
        <v>201062764</v>
      </c>
      <c r="NA22" s="143">
        <v>201062764</v>
      </c>
      <c r="NB22" s="142">
        <v>0</v>
      </c>
      <c r="NC22" s="119">
        <v>0</v>
      </c>
      <c r="ND22" s="120">
        <v>0</v>
      </c>
      <c r="NE22" s="145"/>
      <c r="NF22" s="119">
        <v>10469534</v>
      </c>
      <c r="NG22" s="119">
        <v>30664718</v>
      </c>
      <c r="NH22" s="119">
        <v>43815076</v>
      </c>
      <c r="NI22" s="119">
        <v>41976131</v>
      </c>
      <c r="NJ22" s="119">
        <v>26859574</v>
      </c>
      <c r="NK22" s="120">
        <v>153785033</v>
      </c>
      <c r="NL22" s="318">
        <v>153785033</v>
      </c>
      <c r="NM22" s="142">
        <v>0</v>
      </c>
      <c r="NN22" s="119">
        <v>0</v>
      </c>
      <c r="NO22" s="120">
        <v>0</v>
      </c>
      <c r="NP22" s="145"/>
      <c r="NQ22" s="119">
        <v>0</v>
      </c>
      <c r="NR22" s="119">
        <v>0</v>
      </c>
      <c r="NS22" s="119">
        <v>0</v>
      </c>
      <c r="NT22" s="119">
        <v>0</v>
      </c>
      <c r="NU22" s="119">
        <v>1403334</v>
      </c>
      <c r="NV22" s="120">
        <v>1403334</v>
      </c>
      <c r="NW22" s="121">
        <v>1403334</v>
      </c>
      <c r="NX22" s="142">
        <v>0</v>
      </c>
      <c r="NY22" s="119">
        <v>0</v>
      </c>
      <c r="NZ22" s="120">
        <v>0</v>
      </c>
      <c r="OA22" s="145"/>
      <c r="OB22" s="119">
        <v>0</v>
      </c>
      <c r="OC22" s="119">
        <v>0</v>
      </c>
      <c r="OD22" s="119">
        <v>367124</v>
      </c>
      <c r="OE22" s="119">
        <v>1146860</v>
      </c>
      <c r="OF22" s="119">
        <v>4164126</v>
      </c>
      <c r="OG22" s="120">
        <v>5678110</v>
      </c>
      <c r="OH22" s="121">
        <v>5678110</v>
      </c>
      <c r="OI22" s="142">
        <v>6731352</v>
      </c>
      <c r="OJ22" s="119">
        <v>16710602</v>
      </c>
      <c r="OK22" s="141">
        <v>23441954</v>
      </c>
      <c r="OL22" s="118">
        <v>0</v>
      </c>
      <c r="OM22" s="119">
        <v>122640260</v>
      </c>
      <c r="ON22" s="119">
        <v>246937495</v>
      </c>
      <c r="OO22" s="119">
        <v>301084777</v>
      </c>
      <c r="OP22" s="119">
        <v>308195290</v>
      </c>
      <c r="OQ22" s="119">
        <v>240800201</v>
      </c>
      <c r="OR22" s="120">
        <v>1219658023</v>
      </c>
      <c r="OS22" s="143">
        <v>1243099977</v>
      </c>
    </row>
    <row r="23" spans="2:409" ht="21" customHeight="1" x14ac:dyDescent="0.2">
      <c r="B23" s="62" t="s">
        <v>18</v>
      </c>
      <c r="C23" s="110">
        <v>7987018</v>
      </c>
      <c r="D23" s="114">
        <v>15942342</v>
      </c>
      <c r="E23" s="113">
        <v>23929360</v>
      </c>
      <c r="F23" s="109">
        <v>0</v>
      </c>
      <c r="G23" s="114">
        <v>142846074</v>
      </c>
      <c r="H23" s="114">
        <v>175787738</v>
      </c>
      <c r="I23" s="114">
        <v>161548569</v>
      </c>
      <c r="J23" s="114">
        <v>146938756</v>
      </c>
      <c r="K23" s="114">
        <v>105558811</v>
      </c>
      <c r="L23" s="109">
        <v>732679948</v>
      </c>
      <c r="M23" s="116">
        <v>756609308</v>
      </c>
      <c r="N23" s="110">
        <v>2156061</v>
      </c>
      <c r="O23" s="114">
        <v>4190286</v>
      </c>
      <c r="P23" s="113">
        <v>6346347</v>
      </c>
      <c r="Q23" s="110">
        <v>0</v>
      </c>
      <c r="R23" s="114">
        <v>39876159</v>
      </c>
      <c r="S23" s="114">
        <v>50732167</v>
      </c>
      <c r="T23" s="114">
        <v>49248103</v>
      </c>
      <c r="U23" s="114">
        <v>56875148</v>
      </c>
      <c r="V23" s="114">
        <v>49481085</v>
      </c>
      <c r="W23" s="113">
        <v>246212662</v>
      </c>
      <c r="X23" s="116">
        <v>252559009</v>
      </c>
      <c r="Y23" s="110">
        <v>0</v>
      </c>
      <c r="Z23" s="114">
        <v>0</v>
      </c>
      <c r="AA23" s="113">
        <v>0</v>
      </c>
      <c r="AB23" s="110">
        <v>0</v>
      </c>
      <c r="AC23" s="114">
        <v>18579271</v>
      </c>
      <c r="AD23" s="114">
        <v>25196440</v>
      </c>
      <c r="AE23" s="114">
        <v>29513080</v>
      </c>
      <c r="AF23" s="114">
        <v>35769437</v>
      </c>
      <c r="AG23" s="114">
        <v>28607889</v>
      </c>
      <c r="AH23" s="113">
        <v>137666117</v>
      </c>
      <c r="AI23" s="116">
        <v>137666117</v>
      </c>
      <c r="AJ23" s="110">
        <v>0</v>
      </c>
      <c r="AK23" s="114">
        <v>0</v>
      </c>
      <c r="AL23" s="113">
        <v>0</v>
      </c>
      <c r="AM23" s="110">
        <v>0</v>
      </c>
      <c r="AN23" s="114">
        <v>130615</v>
      </c>
      <c r="AO23" s="114">
        <v>584223</v>
      </c>
      <c r="AP23" s="114">
        <v>847578</v>
      </c>
      <c r="AQ23" s="114">
        <v>3675275</v>
      </c>
      <c r="AR23" s="114">
        <v>5879996</v>
      </c>
      <c r="AS23" s="113">
        <v>11117687</v>
      </c>
      <c r="AT23" s="116">
        <v>11117687</v>
      </c>
      <c r="AU23" s="110">
        <v>1240981</v>
      </c>
      <c r="AV23" s="114">
        <v>3013916</v>
      </c>
      <c r="AW23" s="113">
        <v>4254897</v>
      </c>
      <c r="AX23" s="110">
        <v>0</v>
      </c>
      <c r="AY23" s="114">
        <v>13189893</v>
      </c>
      <c r="AZ23" s="114">
        <v>14359473</v>
      </c>
      <c r="BA23" s="114">
        <v>10063025</v>
      </c>
      <c r="BB23" s="114">
        <v>9207940</v>
      </c>
      <c r="BC23" s="114">
        <v>8296222</v>
      </c>
      <c r="BD23" s="113">
        <v>55116553</v>
      </c>
      <c r="BE23" s="116">
        <v>59371450</v>
      </c>
      <c r="BF23" s="110">
        <v>184569</v>
      </c>
      <c r="BG23" s="114">
        <v>510329</v>
      </c>
      <c r="BH23" s="112">
        <v>694898</v>
      </c>
      <c r="BI23" s="111">
        <v>0</v>
      </c>
      <c r="BJ23" s="114">
        <v>1585483</v>
      </c>
      <c r="BK23" s="114">
        <v>2893528</v>
      </c>
      <c r="BL23" s="114">
        <v>1266308</v>
      </c>
      <c r="BM23" s="114">
        <v>954517</v>
      </c>
      <c r="BN23" s="114">
        <v>798983</v>
      </c>
      <c r="BO23" s="113">
        <v>7498819</v>
      </c>
      <c r="BP23" s="116">
        <v>8193717</v>
      </c>
      <c r="BQ23" s="110">
        <v>730511</v>
      </c>
      <c r="BR23" s="114">
        <v>666041</v>
      </c>
      <c r="BS23" s="113">
        <v>1396552</v>
      </c>
      <c r="BT23" s="110">
        <v>0</v>
      </c>
      <c r="BU23" s="114">
        <v>6390897</v>
      </c>
      <c r="BV23" s="114">
        <v>7698503</v>
      </c>
      <c r="BW23" s="114">
        <v>7558112</v>
      </c>
      <c r="BX23" s="114">
        <v>7267979</v>
      </c>
      <c r="BY23" s="114">
        <v>5897995</v>
      </c>
      <c r="BZ23" s="113">
        <v>34813486</v>
      </c>
      <c r="CA23" s="116">
        <v>36210038</v>
      </c>
      <c r="CB23" s="110">
        <v>1044538</v>
      </c>
      <c r="CC23" s="114">
        <v>3562119</v>
      </c>
      <c r="CD23" s="113">
        <v>4606657</v>
      </c>
      <c r="CE23" s="110">
        <v>0</v>
      </c>
      <c r="CF23" s="114">
        <v>48216361</v>
      </c>
      <c r="CG23" s="114">
        <v>58472936</v>
      </c>
      <c r="CH23" s="114">
        <v>50470499</v>
      </c>
      <c r="CI23" s="114">
        <v>28626129</v>
      </c>
      <c r="CJ23" s="114">
        <v>15086321</v>
      </c>
      <c r="CK23" s="113">
        <v>200872246</v>
      </c>
      <c r="CL23" s="116">
        <v>205478903</v>
      </c>
      <c r="CM23" s="110">
        <v>0</v>
      </c>
      <c r="CN23" s="114">
        <v>0</v>
      </c>
      <c r="CO23" s="113">
        <v>0</v>
      </c>
      <c r="CP23" s="111">
        <v>0</v>
      </c>
      <c r="CQ23" s="114">
        <v>39698805</v>
      </c>
      <c r="CR23" s="114">
        <v>46321798</v>
      </c>
      <c r="CS23" s="114">
        <v>41915983</v>
      </c>
      <c r="CT23" s="114">
        <v>23031141</v>
      </c>
      <c r="CU23" s="114">
        <v>12479756</v>
      </c>
      <c r="CV23" s="113">
        <v>163447483</v>
      </c>
      <c r="CW23" s="116">
        <v>163447483</v>
      </c>
      <c r="CX23" s="110">
        <v>1044538</v>
      </c>
      <c r="CY23" s="114">
        <v>3562119</v>
      </c>
      <c r="CZ23" s="113">
        <v>4606657</v>
      </c>
      <c r="DA23" s="110">
        <v>0</v>
      </c>
      <c r="DB23" s="114">
        <v>8517556</v>
      </c>
      <c r="DC23" s="114">
        <v>12151138</v>
      </c>
      <c r="DD23" s="114">
        <v>8554516</v>
      </c>
      <c r="DE23" s="114">
        <v>5594988</v>
      </c>
      <c r="DF23" s="114">
        <v>2606565</v>
      </c>
      <c r="DG23" s="113">
        <v>37424763</v>
      </c>
      <c r="DH23" s="116">
        <v>42031420</v>
      </c>
      <c r="DI23" s="110">
        <v>0</v>
      </c>
      <c r="DJ23" s="114">
        <v>335231</v>
      </c>
      <c r="DK23" s="112">
        <v>335231</v>
      </c>
      <c r="DL23" s="111">
        <v>0</v>
      </c>
      <c r="DM23" s="114">
        <v>3309781</v>
      </c>
      <c r="DN23" s="114">
        <v>7487392</v>
      </c>
      <c r="DO23" s="114">
        <v>15152327</v>
      </c>
      <c r="DP23" s="114">
        <v>14418293</v>
      </c>
      <c r="DQ23" s="114">
        <v>7784420</v>
      </c>
      <c r="DR23" s="113">
        <v>48152213</v>
      </c>
      <c r="DS23" s="116">
        <v>48487444</v>
      </c>
      <c r="DT23" s="110">
        <v>0</v>
      </c>
      <c r="DU23" s="114">
        <v>335231</v>
      </c>
      <c r="DV23" s="113">
        <v>335231</v>
      </c>
      <c r="DW23" s="110">
        <v>0</v>
      </c>
      <c r="DX23" s="114">
        <v>3284952</v>
      </c>
      <c r="DY23" s="114">
        <v>7261204</v>
      </c>
      <c r="DZ23" s="114">
        <v>14965518</v>
      </c>
      <c r="EA23" s="114">
        <v>14128858</v>
      </c>
      <c r="EB23" s="114">
        <v>7784420</v>
      </c>
      <c r="EC23" s="113">
        <v>47424952</v>
      </c>
      <c r="ED23" s="116">
        <v>47760183</v>
      </c>
      <c r="EE23" s="110">
        <v>0</v>
      </c>
      <c r="EF23" s="112">
        <v>0</v>
      </c>
      <c r="EG23" s="113">
        <v>0</v>
      </c>
      <c r="EH23" s="110">
        <v>0</v>
      </c>
      <c r="EI23" s="114">
        <v>24829</v>
      </c>
      <c r="EJ23" s="114">
        <v>160279</v>
      </c>
      <c r="EK23" s="114">
        <v>186809</v>
      </c>
      <c r="EL23" s="114">
        <v>289435</v>
      </c>
      <c r="EM23" s="114">
        <v>0</v>
      </c>
      <c r="EN23" s="112">
        <v>661352</v>
      </c>
      <c r="EO23" s="116">
        <v>661352</v>
      </c>
      <c r="EP23" s="110">
        <v>0</v>
      </c>
      <c r="EQ23" s="114">
        <v>0</v>
      </c>
      <c r="ER23" s="112">
        <v>0</v>
      </c>
      <c r="ES23" s="111">
        <v>0</v>
      </c>
      <c r="ET23" s="114">
        <v>0</v>
      </c>
      <c r="EU23" s="114">
        <v>65909</v>
      </c>
      <c r="EV23" s="114">
        <v>0</v>
      </c>
      <c r="EW23" s="114">
        <v>0</v>
      </c>
      <c r="EX23" s="114">
        <v>0</v>
      </c>
      <c r="EY23" s="113">
        <v>65909</v>
      </c>
      <c r="EZ23" s="116">
        <v>65909</v>
      </c>
      <c r="FA23" s="110">
        <v>0</v>
      </c>
      <c r="FB23" s="114">
        <v>0</v>
      </c>
      <c r="FC23" s="112">
        <v>0</v>
      </c>
      <c r="FD23" s="345"/>
      <c r="FE23" s="114">
        <v>0</v>
      </c>
      <c r="FF23" s="114">
        <v>0</v>
      </c>
      <c r="FG23" s="114">
        <v>0</v>
      </c>
      <c r="FH23" s="114">
        <v>0</v>
      </c>
      <c r="FI23" s="114">
        <v>0</v>
      </c>
      <c r="FJ23" s="113">
        <v>0</v>
      </c>
      <c r="FK23" s="116">
        <v>0</v>
      </c>
      <c r="FL23" s="110">
        <v>1823541</v>
      </c>
      <c r="FM23" s="114">
        <v>3702663</v>
      </c>
      <c r="FN23" s="113">
        <v>5526204</v>
      </c>
      <c r="FO23" s="110">
        <v>0</v>
      </c>
      <c r="FP23" s="114">
        <v>7961627</v>
      </c>
      <c r="FQ23" s="114">
        <v>14556111</v>
      </c>
      <c r="FR23" s="114">
        <v>10323091</v>
      </c>
      <c r="FS23" s="114">
        <v>11341517</v>
      </c>
      <c r="FT23" s="114">
        <v>7773519</v>
      </c>
      <c r="FU23" s="113">
        <v>51955865</v>
      </c>
      <c r="FV23" s="116">
        <v>57482069</v>
      </c>
      <c r="FW23" s="115">
        <v>992212</v>
      </c>
      <c r="FX23" s="114">
        <v>2818178</v>
      </c>
      <c r="FY23" s="112">
        <v>3810390</v>
      </c>
      <c r="FZ23" s="111">
        <v>0</v>
      </c>
      <c r="GA23" s="114">
        <v>6025260</v>
      </c>
      <c r="GB23" s="114">
        <v>13802232</v>
      </c>
      <c r="GC23" s="114">
        <v>9970283</v>
      </c>
      <c r="GD23" s="114">
        <v>10442366</v>
      </c>
      <c r="GE23" s="114">
        <v>7561539</v>
      </c>
      <c r="GF23" s="113">
        <v>47801680</v>
      </c>
      <c r="GG23" s="316">
        <v>51612070</v>
      </c>
      <c r="GH23" s="115">
        <v>83887</v>
      </c>
      <c r="GI23" s="114">
        <v>128370</v>
      </c>
      <c r="GJ23" s="112">
        <v>212257</v>
      </c>
      <c r="GK23" s="111">
        <v>0</v>
      </c>
      <c r="GL23" s="114">
        <v>249207</v>
      </c>
      <c r="GM23" s="114">
        <v>342841</v>
      </c>
      <c r="GN23" s="114">
        <v>105358</v>
      </c>
      <c r="GO23" s="114">
        <v>320111</v>
      </c>
      <c r="GP23" s="114">
        <v>45480</v>
      </c>
      <c r="GQ23" s="113">
        <v>1062997</v>
      </c>
      <c r="GR23" s="116">
        <v>1275254</v>
      </c>
      <c r="GS23" s="110">
        <v>747442</v>
      </c>
      <c r="GT23" s="114">
        <v>756115</v>
      </c>
      <c r="GU23" s="113">
        <v>1503557</v>
      </c>
      <c r="GV23" s="110">
        <v>0</v>
      </c>
      <c r="GW23" s="114">
        <v>1687160</v>
      </c>
      <c r="GX23" s="114">
        <v>411038</v>
      </c>
      <c r="GY23" s="114">
        <v>247450</v>
      </c>
      <c r="GZ23" s="114">
        <v>579040</v>
      </c>
      <c r="HA23" s="114">
        <v>166500</v>
      </c>
      <c r="HB23" s="112">
        <v>3091188</v>
      </c>
      <c r="HC23" s="116">
        <v>4594745</v>
      </c>
      <c r="HD23" s="110">
        <v>1526470</v>
      </c>
      <c r="HE23" s="114">
        <v>1161026</v>
      </c>
      <c r="HF23" s="112">
        <v>2687496</v>
      </c>
      <c r="HG23" s="111">
        <v>0</v>
      </c>
      <c r="HH23" s="114">
        <v>19892449</v>
      </c>
      <c r="HI23" s="114">
        <v>22786713</v>
      </c>
      <c r="HJ23" s="114">
        <v>20847892</v>
      </c>
      <c r="HK23" s="114">
        <v>25385337</v>
      </c>
      <c r="HL23" s="114">
        <v>19492632</v>
      </c>
      <c r="HM23" s="113">
        <v>108405023</v>
      </c>
      <c r="HN23" s="109">
        <v>111092519</v>
      </c>
      <c r="HO23" s="115">
        <v>1436408</v>
      </c>
      <c r="HP23" s="114">
        <v>2991017</v>
      </c>
      <c r="HQ23" s="113">
        <v>4427425</v>
      </c>
      <c r="HR23" s="110">
        <v>0</v>
      </c>
      <c r="HS23" s="114">
        <v>23589697</v>
      </c>
      <c r="HT23" s="114">
        <v>21752419</v>
      </c>
      <c r="HU23" s="114">
        <v>15506657</v>
      </c>
      <c r="HV23" s="114">
        <v>10292332</v>
      </c>
      <c r="HW23" s="114">
        <v>5940834</v>
      </c>
      <c r="HX23" s="112">
        <v>77081939</v>
      </c>
      <c r="HY23" s="116">
        <v>81509364</v>
      </c>
      <c r="HZ23" s="131">
        <v>455176</v>
      </c>
      <c r="IA23" s="132">
        <v>1989174</v>
      </c>
      <c r="IB23" s="133">
        <v>2444350</v>
      </c>
      <c r="IC23" s="146">
        <v>0</v>
      </c>
      <c r="ID23" s="132">
        <v>35345907</v>
      </c>
      <c r="IE23" s="147">
        <v>44785349</v>
      </c>
      <c r="IF23" s="133">
        <v>54649563</v>
      </c>
      <c r="IG23" s="132">
        <v>40351775</v>
      </c>
      <c r="IH23" s="133">
        <v>25111985</v>
      </c>
      <c r="II23" s="148">
        <v>200244579</v>
      </c>
      <c r="IJ23" s="139">
        <v>202688929</v>
      </c>
      <c r="IK23" s="232">
        <v>0</v>
      </c>
      <c r="IL23" s="236">
        <v>0</v>
      </c>
      <c r="IM23" s="237">
        <v>0</v>
      </c>
      <c r="IN23" s="140"/>
      <c r="IO23" s="119">
        <v>133186</v>
      </c>
      <c r="IP23" s="119">
        <v>551764</v>
      </c>
      <c r="IQ23" s="119">
        <v>180667</v>
      </c>
      <c r="IR23" s="119">
        <v>250660</v>
      </c>
      <c r="IS23" s="119">
        <v>237450</v>
      </c>
      <c r="IT23" s="141">
        <v>1353727</v>
      </c>
      <c r="IU23" s="318">
        <v>1353727</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3101663</v>
      </c>
      <c r="JL23" s="119">
        <v>11405111</v>
      </c>
      <c r="JM23" s="119">
        <v>8071669</v>
      </c>
      <c r="JN23" s="119">
        <v>4962886</v>
      </c>
      <c r="JO23" s="119">
        <v>1960315</v>
      </c>
      <c r="JP23" s="120">
        <v>39501644</v>
      </c>
      <c r="JQ23" s="318">
        <v>39501644</v>
      </c>
      <c r="JR23" s="142">
        <v>0</v>
      </c>
      <c r="JS23" s="119">
        <v>0</v>
      </c>
      <c r="JT23" s="141">
        <v>0</v>
      </c>
      <c r="JU23" s="118">
        <v>0</v>
      </c>
      <c r="JV23" s="119">
        <v>1219690</v>
      </c>
      <c r="JW23" s="119">
        <v>1129318</v>
      </c>
      <c r="JX23" s="119">
        <v>3519542</v>
      </c>
      <c r="JY23" s="119">
        <v>1806520</v>
      </c>
      <c r="JZ23" s="119">
        <v>1523533</v>
      </c>
      <c r="KA23" s="120">
        <v>9198603</v>
      </c>
      <c r="KB23" s="318">
        <v>9198603</v>
      </c>
      <c r="KC23" s="234">
        <v>455176</v>
      </c>
      <c r="KD23" s="230">
        <v>1228434</v>
      </c>
      <c r="KE23" s="120">
        <v>1683610</v>
      </c>
      <c r="KF23" s="118">
        <v>0</v>
      </c>
      <c r="KG23" s="119">
        <v>5713342</v>
      </c>
      <c r="KH23" s="119">
        <v>10003023</v>
      </c>
      <c r="KI23" s="119">
        <v>10296775</v>
      </c>
      <c r="KJ23" s="119">
        <v>6129689</v>
      </c>
      <c r="KK23" s="119">
        <v>2137628</v>
      </c>
      <c r="KL23" s="120">
        <v>34280457</v>
      </c>
      <c r="KM23" s="143">
        <v>35964067</v>
      </c>
      <c r="KN23" s="232">
        <v>0</v>
      </c>
      <c r="KO23" s="236">
        <v>760740</v>
      </c>
      <c r="KP23" s="237">
        <v>760740</v>
      </c>
      <c r="KQ23" s="140"/>
      <c r="KR23" s="119">
        <v>14286592</v>
      </c>
      <c r="KS23" s="119">
        <v>18416874</v>
      </c>
      <c r="KT23" s="119">
        <v>27396905</v>
      </c>
      <c r="KU23" s="119">
        <v>16634620</v>
      </c>
      <c r="KV23" s="119">
        <v>8654271</v>
      </c>
      <c r="KW23" s="120">
        <v>85389262</v>
      </c>
      <c r="KX23" s="318">
        <v>86150002</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548272</v>
      </c>
      <c r="LP23" s="119">
        <v>1490450</v>
      </c>
      <c r="LQ23" s="119">
        <v>5357334</v>
      </c>
      <c r="LR23" s="119">
        <v>1198267</v>
      </c>
      <c r="LS23" s="120">
        <v>8594323</v>
      </c>
      <c r="LT23" s="318">
        <v>8594323</v>
      </c>
      <c r="LU23" s="142">
        <v>0</v>
      </c>
      <c r="LV23" s="119">
        <v>0</v>
      </c>
      <c r="LW23" s="120">
        <v>0</v>
      </c>
      <c r="LX23" s="145"/>
      <c r="LY23" s="119">
        <v>891434</v>
      </c>
      <c r="LZ23" s="119">
        <v>2730987</v>
      </c>
      <c r="MA23" s="119">
        <v>3693555</v>
      </c>
      <c r="MB23" s="119">
        <v>5210066</v>
      </c>
      <c r="MC23" s="119">
        <v>9400521</v>
      </c>
      <c r="MD23" s="120">
        <v>21926563</v>
      </c>
      <c r="ME23" s="121">
        <v>21926563</v>
      </c>
      <c r="MF23" s="142">
        <v>0</v>
      </c>
      <c r="MG23" s="119">
        <v>0</v>
      </c>
      <c r="MH23" s="120">
        <v>0</v>
      </c>
      <c r="MI23" s="145"/>
      <c r="MJ23" s="119">
        <v>9805264</v>
      </c>
      <c r="MK23" s="119">
        <v>25195325</v>
      </c>
      <c r="ML23" s="119">
        <v>80750357</v>
      </c>
      <c r="MM23" s="119">
        <v>160525305</v>
      </c>
      <c r="MN23" s="119">
        <v>109281015</v>
      </c>
      <c r="MO23" s="120">
        <v>385557266</v>
      </c>
      <c r="MP23" s="143">
        <v>385557266</v>
      </c>
      <c r="MQ23" s="142">
        <v>0</v>
      </c>
      <c r="MR23" s="119">
        <v>0</v>
      </c>
      <c r="MS23" s="120">
        <v>0</v>
      </c>
      <c r="MT23" s="145"/>
      <c r="MU23" s="119">
        <v>1403536</v>
      </c>
      <c r="MV23" s="119">
        <v>2791958</v>
      </c>
      <c r="MW23" s="119">
        <v>46475734</v>
      </c>
      <c r="MX23" s="119">
        <v>115913086</v>
      </c>
      <c r="MY23" s="119">
        <v>76128877</v>
      </c>
      <c r="MZ23" s="120">
        <v>242713191</v>
      </c>
      <c r="NA23" s="143">
        <v>242713191</v>
      </c>
      <c r="NB23" s="142">
        <v>0</v>
      </c>
      <c r="NC23" s="119">
        <v>0</v>
      </c>
      <c r="ND23" s="120">
        <v>0</v>
      </c>
      <c r="NE23" s="145"/>
      <c r="NF23" s="119">
        <v>8401728</v>
      </c>
      <c r="NG23" s="119">
        <v>22403367</v>
      </c>
      <c r="NH23" s="119">
        <v>33865483</v>
      </c>
      <c r="NI23" s="119">
        <v>39372662</v>
      </c>
      <c r="NJ23" s="119">
        <v>24282817</v>
      </c>
      <c r="NK23" s="120">
        <v>128326057</v>
      </c>
      <c r="NL23" s="318">
        <v>128326057</v>
      </c>
      <c r="NM23" s="142">
        <v>0</v>
      </c>
      <c r="NN23" s="119">
        <v>0</v>
      </c>
      <c r="NO23" s="120">
        <v>0</v>
      </c>
      <c r="NP23" s="145"/>
      <c r="NQ23" s="119">
        <v>0</v>
      </c>
      <c r="NR23" s="119">
        <v>0</v>
      </c>
      <c r="NS23" s="119">
        <v>0</v>
      </c>
      <c r="NT23" s="119">
        <v>385552</v>
      </c>
      <c r="NU23" s="119">
        <v>1368414</v>
      </c>
      <c r="NV23" s="120">
        <v>1753966</v>
      </c>
      <c r="NW23" s="121">
        <v>1753966</v>
      </c>
      <c r="NX23" s="142">
        <v>0</v>
      </c>
      <c r="NY23" s="119">
        <v>0</v>
      </c>
      <c r="NZ23" s="120">
        <v>0</v>
      </c>
      <c r="OA23" s="145"/>
      <c r="OB23" s="119">
        <v>0</v>
      </c>
      <c r="OC23" s="119">
        <v>0</v>
      </c>
      <c r="OD23" s="119">
        <v>409140</v>
      </c>
      <c r="OE23" s="119">
        <v>4854005</v>
      </c>
      <c r="OF23" s="119">
        <v>7500907</v>
      </c>
      <c r="OG23" s="120">
        <v>12764052</v>
      </c>
      <c r="OH23" s="121">
        <v>12764052</v>
      </c>
      <c r="OI23" s="142">
        <v>8442194</v>
      </c>
      <c r="OJ23" s="119">
        <v>17931516</v>
      </c>
      <c r="OK23" s="141">
        <v>26373710</v>
      </c>
      <c r="OL23" s="118">
        <v>0</v>
      </c>
      <c r="OM23" s="119">
        <v>187997245</v>
      </c>
      <c r="ON23" s="119">
        <v>245768412</v>
      </c>
      <c r="OO23" s="119">
        <v>296948489</v>
      </c>
      <c r="OP23" s="119">
        <v>347815836</v>
      </c>
      <c r="OQ23" s="119">
        <v>239951811</v>
      </c>
      <c r="OR23" s="120">
        <v>1318481793</v>
      </c>
      <c r="OS23" s="143">
        <v>1344855503</v>
      </c>
    </row>
    <row r="24" spans="2:409" ht="21" customHeight="1" x14ac:dyDescent="0.2">
      <c r="B24" s="62" t="s">
        <v>19</v>
      </c>
      <c r="C24" s="110">
        <v>4659048</v>
      </c>
      <c r="D24" s="114">
        <v>8190951</v>
      </c>
      <c r="E24" s="113">
        <v>12849999</v>
      </c>
      <c r="F24" s="109">
        <v>0</v>
      </c>
      <c r="G24" s="114">
        <v>63691136</v>
      </c>
      <c r="H24" s="114">
        <v>71738295</v>
      </c>
      <c r="I24" s="114">
        <v>62848795</v>
      </c>
      <c r="J24" s="114">
        <v>48526323</v>
      </c>
      <c r="K24" s="114">
        <v>42083822</v>
      </c>
      <c r="L24" s="109">
        <v>288888371</v>
      </c>
      <c r="M24" s="116">
        <v>301738370</v>
      </c>
      <c r="N24" s="110">
        <v>1263034</v>
      </c>
      <c r="O24" s="114">
        <v>1814515</v>
      </c>
      <c r="P24" s="113">
        <v>3077549</v>
      </c>
      <c r="Q24" s="110">
        <v>0</v>
      </c>
      <c r="R24" s="114">
        <v>15953983</v>
      </c>
      <c r="S24" s="114">
        <v>18422354</v>
      </c>
      <c r="T24" s="114">
        <v>17397959</v>
      </c>
      <c r="U24" s="114">
        <v>18593560</v>
      </c>
      <c r="V24" s="114">
        <v>18738056</v>
      </c>
      <c r="W24" s="113">
        <v>89105912</v>
      </c>
      <c r="X24" s="116">
        <v>92183461</v>
      </c>
      <c r="Y24" s="110">
        <v>0</v>
      </c>
      <c r="Z24" s="114">
        <v>0</v>
      </c>
      <c r="AA24" s="113">
        <v>0</v>
      </c>
      <c r="AB24" s="110">
        <v>0</v>
      </c>
      <c r="AC24" s="114">
        <v>6182155</v>
      </c>
      <c r="AD24" s="114">
        <v>8166986</v>
      </c>
      <c r="AE24" s="114">
        <v>7892275</v>
      </c>
      <c r="AF24" s="114">
        <v>10482910</v>
      </c>
      <c r="AG24" s="114">
        <v>9452123</v>
      </c>
      <c r="AH24" s="113">
        <v>42176449</v>
      </c>
      <c r="AI24" s="116">
        <v>42176449</v>
      </c>
      <c r="AJ24" s="110">
        <v>0</v>
      </c>
      <c r="AK24" s="114">
        <v>0</v>
      </c>
      <c r="AL24" s="113">
        <v>0</v>
      </c>
      <c r="AM24" s="110">
        <v>0</v>
      </c>
      <c r="AN24" s="114">
        <v>251591</v>
      </c>
      <c r="AO24" s="114">
        <v>251172</v>
      </c>
      <c r="AP24" s="114">
        <v>926927</v>
      </c>
      <c r="AQ24" s="114">
        <v>984497</v>
      </c>
      <c r="AR24" s="114">
        <v>2500578</v>
      </c>
      <c r="AS24" s="113">
        <v>4914765</v>
      </c>
      <c r="AT24" s="116">
        <v>4914765</v>
      </c>
      <c r="AU24" s="110">
        <v>717001</v>
      </c>
      <c r="AV24" s="114">
        <v>1210540</v>
      </c>
      <c r="AW24" s="113">
        <v>1927541</v>
      </c>
      <c r="AX24" s="110">
        <v>0</v>
      </c>
      <c r="AY24" s="114">
        <v>6200097</v>
      </c>
      <c r="AZ24" s="114">
        <v>6280369</v>
      </c>
      <c r="BA24" s="114">
        <v>4908332</v>
      </c>
      <c r="BB24" s="114">
        <v>3810916</v>
      </c>
      <c r="BC24" s="114">
        <v>4475815</v>
      </c>
      <c r="BD24" s="113">
        <v>25675529</v>
      </c>
      <c r="BE24" s="116">
        <v>27603070</v>
      </c>
      <c r="BF24" s="110">
        <v>78312</v>
      </c>
      <c r="BG24" s="114">
        <v>165303</v>
      </c>
      <c r="BH24" s="112">
        <v>243615</v>
      </c>
      <c r="BI24" s="111">
        <v>0</v>
      </c>
      <c r="BJ24" s="114">
        <v>719949</v>
      </c>
      <c r="BK24" s="114">
        <v>609430</v>
      </c>
      <c r="BL24" s="114">
        <v>447888</v>
      </c>
      <c r="BM24" s="114">
        <v>577708</v>
      </c>
      <c r="BN24" s="114">
        <v>157055</v>
      </c>
      <c r="BO24" s="113">
        <v>2512030</v>
      </c>
      <c r="BP24" s="116">
        <v>2755645</v>
      </c>
      <c r="BQ24" s="110">
        <v>467721</v>
      </c>
      <c r="BR24" s="114">
        <v>438672</v>
      </c>
      <c r="BS24" s="113">
        <v>906393</v>
      </c>
      <c r="BT24" s="110">
        <v>0</v>
      </c>
      <c r="BU24" s="114">
        <v>2600191</v>
      </c>
      <c r="BV24" s="114">
        <v>3114397</v>
      </c>
      <c r="BW24" s="114">
        <v>3222537</v>
      </c>
      <c r="BX24" s="114">
        <v>2737529</v>
      </c>
      <c r="BY24" s="114">
        <v>2152485</v>
      </c>
      <c r="BZ24" s="113">
        <v>13827139</v>
      </c>
      <c r="CA24" s="116">
        <v>14733532</v>
      </c>
      <c r="CB24" s="110">
        <v>548434</v>
      </c>
      <c r="CC24" s="114">
        <v>1997961</v>
      </c>
      <c r="CD24" s="113">
        <v>2546395</v>
      </c>
      <c r="CE24" s="110">
        <v>0</v>
      </c>
      <c r="CF24" s="114">
        <v>20236136</v>
      </c>
      <c r="CG24" s="114">
        <v>22987580</v>
      </c>
      <c r="CH24" s="114">
        <v>18403468</v>
      </c>
      <c r="CI24" s="114">
        <v>9072947</v>
      </c>
      <c r="CJ24" s="114">
        <v>6947467</v>
      </c>
      <c r="CK24" s="113">
        <v>77647598</v>
      </c>
      <c r="CL24" s="116">
        <v>80193993</v>
      </c>
      <c r="CM24" s="110">
        <v>0</v>
      </c>
      <c r="CN24" s="114">
        <v>0</v>
      </c>
      <c r="CO24" s="113">
        <v>0</v>
      </c>
      <c r="CP24" s="111">
        <v>0</v>
      </c>
      <c r="CQ24" s="114">
        <v>15053531</v>
      </c>
      <c r="CR24" s="114">
        <v>15452010</v>
      </c>
      <c r="CS24" s="114">
        <v>13094613</v>
      </c>
      <c r="CT24" s="114">
        <v>6027496</v>
      </c>
      <c r="CU24" s="114">
        <v>5556335</v>
      </c>
      <c r="CV24" s="113">
        <v>55183985</v>
      </c>
      <c r="CW24" s="116">
        <v>55183985</v>
      </c>
      <c r="CX24" s="110">
        <v>548434</v>
      </c>
      <c r="CY24" s="114">
        <v>1997961</v>
      </c>
      <c r="CZ24" s="113">
        <v>2546395</v>
      </c>
      <c r="DA24" s="110">
        <v>0</v>
      </c>
      <c r="DB24" s="114">
        <v>5182605</v>
      </c>
      <c r="DC24" s="114">
        <v>7535570</v>
      </c>
      <c r="DD24" s="114">
        <v>5308855</v>
      </c>
      <c r="DE24" s="114">
        <v>3045451</v>
      </c>
      <c r="DF24" s="114">
        <v>1391132</v>
      </c>
      <c r="DG24" s="113">
        <v>22463613</v>
      </c>
      <c r="DH24" s="116">
        <v>25010008</v>
      </c>
      <c r="DI24" s="110">
        <v>0</v>
      </c>
      <c r="DJ24" s="114">
        <v>59396</v>
      </c>
      <c r="DK24" s="112">
        <v>59396</v>
      </c>
      <c r="DL24" s="111">
        <v>0</v>
      </c>
      <c r="DM24" s="114">
        <v>1337928</v>
      </c>
      <c r="DN24" s="114">
        <v>3425502</v>
      </c>
      <c r="DO24" s="114">
        <v>5616487</v>
      </c>
      <c r="DP24" s="114">
        <v>3844887</v>
      </c>
      <c r="DQ24" s="114">
        <v>3246385</v>
      </c>
      <c r="DR24" s="113">
        <v>17471189</v>
      </c>
      <c r="DS24" s="116">
        <v>17530585</v>
      </c>
      <c r="DT24" s="110">
        <v>0</v>
      </c>
      <c r="DU24" s="114">
        <v>59396</v>
      </c>
      <c r="DV24" s="113">
        <v>59396</v>
      </c>
      <c r="DW24" s="110">
        <v>0</v>
      </c>
      <c r="DX24" s="114">
        <v>1255260</v>
      </c>
      <c r="DY24" s="114">
        <v>2950264</v>
      </c>
      <c r="DZ24" s="114">
        <v>4909150</v>
      </c>
      <c r="EA24" s="114">
        <v>2279160</v>
      </c>
      <c r="EB24" s="114">
        <v>2675787</v>
      </c>
      <c r="EC24" s="113">
        <v>14069621</v>
      </c>
      <c r="ED24" s="116">
        <v>14129017</v>
      </c>
      <c r="EE24" s="110">
        <v>0</v>
      </c>
      <c r="EF24" s="112">
        <v>0</v>
      </c>
      <c r="EG24" s="113">
        <v>0</v>
      </c>
      <c r="EH24" s="110">
        <v>0</v>
      </c>
      <c r="EI24" s="114">
        <v>82668</v>
      </c>
      <c r="EJ24" s="114">
        <v>475238</v>
      </c>
      <c r="EK24" s="114">
        <v>707337</v>
      </c>
      <c r="EL24" s="114">
        <v>1565727</v>
      </c>
      <c r="EM24" s="114">
        <v>570598</v>
      </c>
      <c r="EN24" s="112">
        <v>3401568</v>
      </c>
      <c r="EO24" s="116">
        <v>3401568</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5"/>
      <c r="FE24" s="114">
        <v>0</v>
      </c>
      <c r="FF24" s="114">
        <v>0</v>
      </c>
      <c r="FG24" s="114">
        <v>0</v>
      </c>
      <c r="FH24" s="114">
        <v>0</v>
      </c>
      <c r="FI24" s="114">
        <v>0</v>
      </c>
      <c r="FJ24" s="113">
        <v>0</v>
      </c>
      <c r="FK24" s="116">
        <v>0</v>
      </c>
      <c r="FL24" s="110">
        <v>1357625</v>
      </c>
      <c r="FM24" s="114">
        <v>1580668</v>
      </c>
      <c r="FN24" s="113">
        <v>2938293</v>
      </c>
      <c r="FO24" s="110">
        <v>0</v>
      </c>
      <c r="FP24" s="114">
        <v>4102635</v>
      </c>
      <c r="FQ24" s="114">
        <v>6773778</v>
      </c>
      <c r="FR24" s="114">
        <v>4856858</v>
      </c>
      <c r="FS24" s="114">
        <v>3850909</v>
      </c>
      <c r="FT24" s="114">
        <v>3638248</v>
      </c>
      <c r="FU24" s="113">
        <v>23222428</v>
      </c>
      <c r="FV24" s="116">
        <v>26160721</v>
      </c>
      <c r="FW24" s="115">
        <v>697757</v>
      </c>
      <c r="FX24" s="114">
        <v>1229697</v>
      </c>
      <c r="FY24" s="112">
        <v>1927454</v>
      </c>
      <c r="FZ24" s="111">
        <v>0</v>
      </c>
      <c r="GA24" s="114">
        <v>3555318</v>
      </c>
      <c r="GB24" s="114">
        <v>6060021</v>
      </c>
      <c r="GC24" s="114">
        <v>4757883</v>
      </c>
      <c r="GD24" s="114">
        <v>3747153</v>
      </c>
      <c r="GE24" s="114">
        <v>3562614</v>
      </c>
      <c r="GF24" s="113">
        <v>21682989</v>
      </c>
      <c r="GG24" s="316">
        <v>23610443</v>
      </c>
      <c r="GH24" s="115">
        <v>35112</v>
      </c>
      <c r="GI24" s="114">
        <v>31185</v>
      </c>
      <c r="GJ24" s="112">
        <v>66297</v>
      </c>
      <c r="GK24" s="111">
        <v>0</v>
      </c>
      <c r="GL24" s="114">
        <v>245058</v>
      </c>
      <c r="GM24" s="114">
        <v>159647</v>
      </c>
      <c r="GN24" s="114">
        <v>0</v>
      </c>
      <c r="GO24" s="114">
        <v>44748</v>
      </c>
      <c r="GP24" s="114">
        <v>29304</v>
      </c>
      <c r="GQ24" s="113">
        <v>478757</v>
      </c>
      <c r="GR24" s="116">
        <v>545054</v>
      </c>
      <c r="GS24" s="110">
        <v>624756</v>
      </c>
      <c r="GT24" s="114">
        <v>319786</v>
      </c>
      <c r="GU24" s="113">
        <v>944542</v>
      </c>
      <c r="GV24" s="110">
        <v>0</v>
      </c>
      <c r="GW24" s="114">
        <v>302259</v>
      </c>
      <c r="GX24" s="114">
        <v>554110</v>
      </c>
      <c r="GY24" s="114">
        <v>98975</v>
      </c>
      <c r="GZ24" s="114">
        <v>59008</v>
      </c>
      <c r="HA24" s="114">
        <v>46330</v>
      </c>
      <c r="HB24" s="112">
        <v>1060682</v>
      </c>
      <c r="HC24" s="116">
        <v>2005224</v>
      </c>
      <c r="HD24" s="110">
        <v>747208</v>
      </c>
      <c r="HE24" s="114">
        <v>1612490</v>
      </c>
      <c r="HF24" s="112">
        <v>2359698</v>
      </c>
      <c r="HG24" s="111">
        <v>0</v>
      </c>
      <c r="HH24" s="114">
        <v>11580776</v>
      </c>
      <c r="HI24" s="114">
        <v>11883288</v>
      </c>
      <c r="HJ24" s="114">
        <v>10841618</v>
      </c>
      <c r="HK24" s="114">
        <v>9821751</v>
      </c>
      <c r="HL24" s="114">
        <v>7026536</v>
      </c>
      <c r="HM24" s="113">
        <v>51153969</v>
      </c>
      <c r="HN24" s="109">
        <v>53513667</v>
      </c>
      <c r="HO24" s="115">
        <v>742747</v>
      </c>
      <c r="HP24" s="114">
        <v>1125921</v>
      </c>
      <c r="HQ24" s="113">
        <v>1868668</v>
      </c>
      <c r="HR24" s="110">
        <v>0</v>
      </c>
      <c r="HS24" s="114">
        <v>10479678</v>
      </c>
      <c r="HT24" s="114">
        <v>8245793</v>
      </c>
      <c r="HU24" s="114">
        <v>5732405</v>
      </c>
      <c r="HV24" s="114">
        <v>3342269</v>
      </c>
      <c r="HW24" s="114">
        <v>2487130</v>
      </c>
      <c r="HX24" s="112">
        <v>30287275</v>
      </c>
      <c r="HY24" s="116">
        <v>32155943</v>
      </c>
      <c r="HZ24" s="150">
        <v>0</v>
      </c>
      <c r="IA24" s="135">
        <v>188170</v>
      </c>
      <c r="IB24" s="150">
        <v>188170</v>
      </c>
      <c r="IC24" s="134">
        <v>0</v>
      </c>
      <c r="ID24" s="135">
        <v>15116245</v>
      </c>
      <c r="IE24" s="136">
        <v>25657192</v>
      </c>
      <c r="IF24" s="137">
        <v>27244248</v>
      </c>
      <c r="IG24" s="135">
        <v>16082284</v>
      </c>
      <c r="IH24" s="137">
        <v>13979176</v>
      </c>
      <c r="II24" s="138">
        <v>98079145</v>
      </c>
      <c r="IJ24" s="150">
        <v>98267315</v>
      </c>
      <c r="IK24" s="232">
        <v>0</v>
      </c>
      <c r="IL24" s="236">
        <v>0</v>
      </c>
      <c r="IM24" s="237">
        <v>0</v>
      </c>
      <c r="IN24" s="140"/>
      <c r="IO24" s="119">
        <v>975017</v>
      </c>
      <c r="IP24" s="119">
        <v>1022413</v>
      </c>
      <c r="IQ24" s="119">
        <v>639024</v>
      </c>
      <c r="IR24" s="119">
        <v>582455</v>
      </c>
      <c r="IS24" s="119">
        <v>1179025</v>
      </c>
      <c r="IT24" s="141">
        <v>4397934</v>
      </c>
      <c r="IU24" s="318">
        <v>4397934</v>
      </c>
      <c r="IV24" s="142">
        <v>0</v>
      </c>
      <c r="IW24" s="119">
        <v>0</v>
      </c>
      <c r="IX24" s="120">
        <v>0</v>
      </c>
      <c r="IY24" s="144"/>
      <c r="IZ24" s="119">
        <v>11459</v>
      </c>
      <c r="JA24" s="119">
        <v>34377</v>
      </c>
      <c r="JB24" s="119">
        <v>34377</v>
      </c>
      <c r="JC24" s="119">
        <v>76476</v>
      </c>
      <c r="JD24" s="119">
        <v>71877</v>
      </c>
      <c r="JE24" s="120">
        <v>228566</v>
      </c>
      <c r="JF24" s="121">
        <v>228566</v>
      </c>
      <c r="JG24" s="142">
        <v>0</v>
      </c>
      <c r="JH24" s="119">
        <v>0</v>
      </c>
      <c r="JI24" s="141">
        <v>0</v>
      </c>
      <c r="JJ24" s="118">
        <v>0</v>
      </c>
      <c r="JK24" s="119">
        <v>6399548</v>
      </c>
      <c r="JL24" s="119">
        <v>7669764</v>
      </c>
      <c r="JM24" s="119">
        <v>5490585</v>
      </c>
      <c r="JN24" s="119">
        <v>3370465</v>
      </c>
      <c r="JO24" s="119">
        <v>1220096</v>
      </c>
      <c r="JP24" s="120">
        <v>24150458</v>
      </c>
      <c r="JQ24" s="318">
        <v>24150458</v>
      </c>
      <c r="JR24" s="142">
        <v>0</v>
      </c>
      <c r="JS24" s="119">
        <v>0</v>
      </c>
      <c r="JT24" s="141">
        <v>0</v>
      </c>
      <c r="JU24" s="118">
        <v>0</v>
      </c>
      <c r="JV24" s="119">
        <v>991983</v>
      </c>
      <c r="JW24" s="119">
        <v>1813935</v>
      </c>
      <c r="JX24" s="119">
        <v>2993008</v>
      </c>
      <c r="JY24" s="119">
        <v>323085</v>
      </c>
      <c r="JZ24" s="119">
        <v>513163</v>
      </c>
      <c r="KA24" s="120">
        <v>6635174</v>
      </c>
      <c r="KB24" s="318">
        <v>6635174</v>
      </c>
      <c r="KC24" s="234">
        <v>0</v>
      </c>
      <c r="KD24" s="230">
        <v>188170</v>
      </c>
      <c r="KE24" s="120">
        <v>188170</v>
      </c>
      <c r="KF24" s="118">
        <v>0</v>
      </c>
      <c r="KG24" s="119">
        <v>3039832</v>
      </c>
      <c r="KH24" s="119">
        <v>8233174</v>
      </c>
      <c r="KI24" s="119">
        <v>7531812</v>
      </c>
      <c r="KJ24" s="119">
        <v>4061888</v>
      </c>
      <c r="KK24" s="119">
        <v>2964269</v>
      </c>
      <c r="KL24" s="120">
        <v>25830975</v>
      </c>
      <c r="KM24" s="143">
        <v>26019145</v>
      </c>
      <c r="KN24" s="232">
        <v>0</v>
      </c>
      <c r="KO24" s="236">
        <v>0</v>
      </c>
      <c r="KP24" s="237">
        <v>0</v>
      </c>
      <c r="KQ24" s="140"/>
      <c r="KR24" s="119">
        <v>3501206</v>
      </c>
      <c r="KS24" s="119">
        <v>6355099</v>
      </c>
      <c r="KT24" s="119">
        <v>8903479</v>
      </c>
      <c r="KU24" s="119">
        <v>6985024</v>
      </c>
      <c r="KV24" s="119">
        <v>4596681</v>
      </c>
      <c r="KW24" s="120">
        <v>30341489</v>
      </c>
      <c r="KX24" s="318">
        <v>30341489</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18">
        <v>0</v>
      </c>
      <c r="LU24" s="142">
        <v>0</v>
      </c>
      <c r="LV24" s="119">
        <v>0</v>
      </c>
      <c r="LW24" s="120">
        <v>0</v>
      </c>
      <c r="LX24" s="145"/>
      <c r="LY24" s="119">
        <v>197200</v>
      </c>
      <c r="LZ24" s="119">
        <v>528430</v>
      </c>
      <c r="MA24" s="119">
        <v>1651963</v>
      </c>
      <c r="MB24" s="119">
        <v>682891</v>
      </c>
      <c r="MC24" s="119">
        <v>3434065</v>
      </c>
      <c r="MD24" s="120">
        <v>6494549</v>
      </c>
      <c r="ME24" s="121">
        <v>6494549</v>
      </c>
      <c r="MF24" s="142">
        <v>0</v>
      </c>
      <c r="MG24" s="119">
        <v>0</v>
      </c>
      <c r="MH24" s="120">
        <v>0</v>
      </c>
      <c r="MI24" s="145"/>
      <c r="MJ24" s="119">
        <v>5202067</v>
      </c>
      <c r="MK24" s="119">
        <v>15111209</v>
      </c>
      <c r="ML24" s="119">
        <v>52658417</v>
      </c>
      <c r="MM24" s="119">
        <v>57034212</v>
      </c>
      <c r="MN24" s="119">
        <v>45853790</v>
      </c>
      <c r="MO24" s="120">
        <v>175859695</v>
      </c>
      <c r="MP24" s="143">
        <v>175859695</v>
      </c>
      <c r="MQ24" s="142">
        <v>0</v>
      </c>
      <c r="MR24" s="119">
        <v>0</v>
      </c>
      <c r="MS24" s="120">
        <v>0</v>
      </c>
      <c r="MT24" s="145"/>
      <c r="MU24" s="119">
        <v>0</v>
      </c>
      <c r="MV24" s="119">
        <v>1414977</v>
      </c>
      <c r="MW24" s="119">
        <v>30812026</v>
      </c>
      <c r="MX24" s="119">
        <v>35326019</v>
      </c>
      <c r="MY24" s="119">
        <v>31689365</v>
      </c>
      <c r="MZ24" s="120">
        <v>99242387</v>
      </c>
      <c r="NA24" s="143">
        <v>99242387</v>
      </c>
      <c r="NB24" s="142">
        <v>0</v>
      </c>
      <c r="NC24" s="119">
        <v>0</v>
      </c>
      <c r="ND24" s="120">
        <v>0</v>
      </c>
      <c r="NE24" s="145"/>
      <c r="NF24" s="119">
        <v>5202067</v>
      </c>
      <c r="NG24" s="119">
        <v>13696232</v>
      </c>
      <c r="NH24" s="119">
        <v>21846391</v>
      </c>
      <c r="NI24" s="119">
        <v>20537511</v>
      </c>
      <c r="NJ24" s="119">
        <v>11140550</v>
      </c>
      <c r="NK24" s="120">
        <v>72422751</v>
      </c>
      <c r="NL24" s="318">
        <v>72422751</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170682</v>
      </c>
      <c r="OF24" s="119">
        <v>3023875</v>
      </c>
      <c r="OG24" s="120">
        <v>4194557</v>
      </c>
      <c r="OH24" s="121">
        <v>4194557</v>
      </c>
      <c r="OI24" s="142">
        <v>4659048</v>
      </c>
      <c r="OJ24" s="119">
        <v>8379121</v>
      </c>
      <c r="OK24" s="141">
        <v>13038169</v>
      </c>
      <c r="OL24" s="118">
        <v>0</v>
      </c>
      <c r="OM24" s="119">
        <v>84009448</v>
      </c>
      <c r="ON24" s="119">
        <v>112506696</v>
      </c>
      <c r="OO24" s="119">
        <v>142751460</v>
      </c>
      <c r="OP24" s="119">
        <v>121642819</v>
      </c>
      <c r="OQ24" s="119">
        <v>101916788</v>
      </c>
      <c r="OR24" s="120">
        <v>562827211</v>
      </c>
      <c r="OS24" s="143">
        <v>575865380</v>
      </c>
    </row>
    <row r="25" spans="2:409" ht="21" customHeight="1" x14ac:dyDescent="0.2">
      <c r="B25" s="62" t="s">
        <v>20</v>
      </c>
      <c r="C25" s="110">
        <v>5519615</v>
      </c>
      <c r="D25" s="114">
        <v>11475323</v>
      </c>
      <c r="E25" s="113">
        <v>16994938</v>
      </c>
      <c r="F25" s="110">
        <v>0</v>
      </c>
      <c r="G25" s="114">
        <v>90228764</v>
      </c>
      <c r="H25" s="114">
        <v>83652664</v>
      </c>
      <c r="I25" s="114">
        <v>86272894</v>
      </c>
      <c r="J25" s="114">
        <v>71719239</v>
      </c>
      <c r="K25" s="114">
        <v>46262870</v>
      </c>
      <c r="L25" s="173">
        <v>378136431</v>
      </c>
      <c r="M25" s="116">
        <v>395131369</v>
      </c>
      <c r="N25" s="110">
        <v>1696339</v>
      </c>
      <c r="O25" s="114">
        <v>3844528</v>
      </c>
      <c r="P25" s="113">
        <v>5540867</v>
      </c>
      <c r="Q25" s="110">
        <v>0</v>
      </c>
      <c r="R25" s="114">
        <v>26863248</v>
      </c>
      <c r="S25" s="114">
        <v>23949063</v>
      </c>
      <c r="T25" s="114">
        <v>28446245</v>
      </c>
      <c r="U25" s="114">
        <v>23856751</v>
      </c>
      <c r="V25" s="114">
        <v>23799726</v>
      </c>
      <c r="W25" s="113">
        <v>126915033</v>
      </c>
      <c r="X25" s="116">
        <v>132455900</v>
      </c>
      <c r="Y25" s="110">
        <v>0</v>
      </c>
      <c r="Z25" s="114">
        <v>0</v>
      </c>
      <c r="AA25" s="113">
        <v>0</v>
      </c>
      <c r="AB25" s="110">
        <v>0</v>
      </c>
      <c r="AC25" s="114">
        <v>11172931</v>
      </c>
      <c r="AD25" s="114">
        <v>9897623</v>
      </c>
      <c r="AE25" s="114">
        <v>16635453</v>
      </c>
      <c r="AF25" s="114">
        <v>13109586</v>
      </c>
      <c r="AG25" s="114">
        <v>13645292</v>
      </c>
      <c r="AH25" s="113">
        <v>64460885</v>
      </c>
      <c r="AI25" s="116">
        <v>64460885</v>
      </c>
      <c r="AJ25" s="110">
        <v>0</v>
      </c>
      <c r="AK25" s="114">
        <v>0</v>
      </c>
      <c r="AL25" s="113">
        <v>0</v>
      </c>
      <c r="AM25" s="110">
        <v>0</v>
      </c>
      <c r="AN25" s="114">
        <v>170440</v>
      </c>
      <c r="AO25" s="114">
        <v>214675</v>
      </c>
      <c r="AP25" s="114">
        <v>949407</v>
      </c>
      <c r="AQ25" s="114">
        <v>1674296</v>
      </c>
      <c r="AR25" s="114">
        <v>3346011</v>
      </c>
      <c r="AS25" s="113">
        <v>6354829</v>
      </c>
      <c r="AT25" s="116">
        <v>6354829</v>
      </c>
      <c r="AU25" s="110">
        <v>980823</v>
      </c>
      <c r="AV25" s="114">
        <v>2361099</v>
      </c>
      <c r="AW25" s="113">
        <v>3341922</v>
      </c>
      <c r="AX25" s="110">
        <v>0</v>
      </c>
      <c r="AY25" s="114">
        <v>9618724</v>
      </c>
      <c r="AZ25" s="114">
        <v>8567944</v>
      </c>
      <c r="BA25" s="114">
        <v>5351573</v>
      </c>
      <c r="BB25" s="114">
        <v>4637970</v>
      </c>
      <c r="BC25" s="114">
        <v>3662619</v>
      </c>
      <c r="BD25" s="113">
        <v>31838830</v>
      </c>
      <c r="BE25" s="116">
        <v>35180752</v>
      </c>
      <c r="BF25" s="110">
        <v>319207</v>
      </c>
      <c r="BG25" s="114">
        <v>1098295</v>
      </c>
      <c r="BH25" s="112">
        <v>1417502</v>
      </c>
      <c r="BI25" s="111">
        <v>0</v>
      </c>
      <c r="BJ25" s="114">
        <v>2221523</v>
      </c>
      <c r="BK25" s="114">
        <v>2084362</v>
      </c>
      <c r="BL25" s="114">
        <v>1561496</v>
      </c>
      <c r="BM25" s="114">
        <v>1145740</v>
      </c>
      <c r="BN25" s="114">
        <v>614001</v>
      </c>
      <c r="BO25" s="113">
        <v>7627122</v>
      </c>
      <c r="BP25" s="116">
        <v>9044624</v>
      </c>
      <c r="BQ25" s="110">
        <v>396309</v>
      </c>
      <c r="BR25" s="114">
        <v>385134</v>
      </c>
      <c r="BS25" s="113">
        <v>781443</v>
      </c>
      <c r="BT25" s="110">
        <v>0</v>
      </c>
      <c r="BU25" s="114">
        <v>3679630</v>
      </c>
      <c r="BV25" s="114">
        <v>3184459</v>
      </c>
      <c r="BW25" s="114">
        <v>3948316</v>
      </c>
      <c r="BX25" s="114">
        <v>3289159</v>
      </c>
      <c r="BY25" s="114">
        <v>2531803</v>
      </c>
      <c r="BZ25" s="113">
        <v>16633367</v>
      </c>
      <c r="CA25" s="116">
        <v>17414810</v>
      </c>
      <c r="CB25" s="110">
        <v>318422</v>
      </c>
      <c r="CC25" s="114">
        <v>1213134</v>
      </c>
      <c r="CD25" s="113">
        <v>1531556</v>
      </c>
      <c r="CE25" s="110">
        <v>0</v>
      </c>
      <c r="CF25" s="114">
        <v>26970466</v>
      </c>
      <c r="CG25" s="114">
        <v>27169345</v>
      </c>
      <c r="CH25" s="114">
        <v>19898596</v>
      </c>
      <c r="CI25" s="114">
        <v>13386731</v>
      </c>
      <c r="CJ25" s="114">
        <v>6061172</v>
      </c>
      <c r="CK25" s="113">
        <v>93486310</v>
      </c>
      <c r="CL25" s="116">
        <v>95017866</v>
      </c>
      <c r="CM25" s="110">
        <v>0</v>
      </c>
      <c r="CN25" s="114">
        <v>0</v>
      </c>
      <c r="CO25" s="113">
        <v>0</v>
      </c>
      <c r="CP25" s="111">
        <v>0</v>
      </c>
      <c r="CQ25" s="114">
        <v>19328499</v>
      </c>
      <c r="CR25" s="114">
        <v>18775089</v>
      </c>
      <c r="CS25" s="114">
        <v>14892675</v>
      </c>
      <c r="CT25" s="114">
        <v>9218714</v>
      </c>
      <c r="CU25" s="114">
        <v>4736175</v>
      </c>
      <c r="CV25" s="113">
        <v>66951152</v>
      </c>
      <c r="CW25" s="116">
        <v>66951152</v>
      </c>
      <c r="CX25" s="110">
        <v>318422</v>
      </c>
      <c r="CY25" s="114">
        <v>1213134</v>
      </c>
      <c r="CZ25" s="113">
        <v>1531556</v>
      </c>
      <c r="DA25" s="110">
        <v>0</v>
      </c>
      <c r="DB25" s="114">
        <v>7641967</v>
      </c>
      <c r="DC25" s="114">
        <v>8394256</v>
      </c>
      <c r="DD25" s="114">
        <v>5005921</v>
      </c>
      <c r="DE25" s="114">
        <v>4168017</v>
      </c>
      <c r="DF25" s="114">
        <v>1324997</v>
      </c>
      <c r="DG25" s="113">
        <v>26535158</v>
      </c>
      <c r="DH25" s="116">
        <v>28066714</v>
      </c>
      <c r="DI25" s="110">
        <v>154640</v>
      </c>
      <c r="DJ25" s="114">
        <v>275263</v>
      </c>
      <c r="DK25" s="112">
        <v>429903</v>
      </c>
      <c r="DL25" s="111">
        <v>0</v>
      </c>
      <c r="DM25" s="114">
        <v>3121658</v>
      </c>
      <c r="DN25" s="114">
        <v>5387779</v>
      </c>
      <c r="DO25" s="114">
        <v>11299935</v>
      </c>
      <c r="DP25" s="114">
        <v>11098637</v>
      </c>
      <c r="DQ25" s="114">
        <v>2144317</v>
      </c>
      <c r="DR25" s="113">
        <v>33052326</v>
      </c>
      <c r="DS25" s="116">
        <v>33482229</v>
      </c>
      <c r="DT25" s="110">
        <v>154640</v>
      </c>
      <c r="DU25" s="114">
        <v>275263</v>
      </c>
      <c r="DV25" s="113">
        <v>429903</v>
      </c>
      <c r="DW25" s="110">
        <v>0</v>
      </c>
      <c r="DX25" s="114">
        <v>3185054</v>
      </c>
      <c r="DY25" s="114">
        <v>5082978</v>
      </c>
      <c r="DZ25" s="114">
        <v>10843295</v>
      </c>
      <c r="EA25" s="114">
        <v>10153570</v>
      </c>
      <c r="EB25" s="114">
        <v>1882781</v>
      </c>
      <c r="EC25" s="113">
        <v>31147678</v>
      </c>
      <c r="ED25" s="116">
        <v>31577581</v>
      </c>
      <c r="EE25" s="110">
        <v>0</v>
      </c>
      <c r="EF25" s="112">
        <v>0</v>
      </c>
      <c r="EG25" s="113">
        <v>0</v>
      </c>
      <c r="EH25" s="110">
        <v>0</v>
      </c>
      <c r="EI25" s="114">
        <v>-63396</v>
      </c>
      <c r="EJ25" s="114">
        <v>304801</v>
      </c>
      <c r="EK25" s="114">
        <v>456640</v>
      </c>
      <c r="EL25" s="114">
        <v>945067</v>
      </c>
      <c r="EM25" s="114">
        <v>261536</v>
      </c>
      <c r="EN25" s="112">
        <v>1904648</v>
      </c>
      <c r="EO25" s="116">
        <v>1904648</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5"/>
      <c r="FE25" s="114">
        <v>0</v>
      </c>
      <c r="FF25" s="114">
        <v>0</v>
      </c>
      <c r="FG25" s="114">
        <v>0</v>
      </c>
      <c r="FH25" s="114">
        <v>0</v>
      </c>
      <c r="FI25" s="114">
        <v>0</v>
      </c>
      <c r="FJ25" s="113">
        <v>0</v>
      </c>
      <c r="FK25" s="116">
        <v>0</v>
      </c>
      <c r="FL25" s="110">
        <v>1392365</v>
      </c>
      <c r="FM25" s="114">
        <v>3119839</v>
      </c>
      <c r="FN25" s="113">
        <v>4512204</v>
      </c>
      <c r="FO25" s="110">
        <v>0</v>
      </c>
      <c r="FP25" s="114">
        <v>5802634</v>
      </c>
      <c r="FQ25" s="114">
        <v>7341919</v>
      </c>
      <c r="FR25" s="114">
        <v>5618551</v>
      </c>
      <c r="FS25" s="114">
        <v>5232582</v>
      </c>
      <c r="FT25" s="114">
        <v>3471494</v>
      </c>
      <c r="FU25" s="113">
        <v>27467180</v>
      </c>
      <c r="FV25" s="116">
        <v>31979384</v>
      </c>
      <c r="FW25" s="115">
        <v>734138</v>
      </c>
      <c r="FX25" s="114">
        <v>2169287</v>
      </c>
      <c r="FY25" s="112">
        <v>2903425</v>
      </c>
      <c r="FZ25" s="111">
        <v>0</v>
      </c>
      <c r="GA25" s="114">
        <v>4858876</v>
      </c>
      <c r="GB25" s="114">
        <v>6900821</v>
      </c>
      <c r="GC25" s="114">
        <v>5239277</v>
      </c>
      <c r="GD25" s="114">
        <v>4904804</v>
      </c>
      <c r="GE25" s="114">
        <v>3471494</v>
      </c>
      <c r="GF25" s="113">
        <v>25375272</v>
      </c>
      <c r="GG25" s="316">
        <v>28278697</v>
      </c>
      <c r="GH25" s="115">
        <v>121446</v>
      </c>
      <c r="GI25" s="114">
        <v>86312</v>
      </c>
      <c r="GJ25" s="112">
        <v>207758</v>
      </c>
      <c r="GK25" s="111">
        <v>0</v>
      </c>
      <c r="GL25" s="114">
        <v>143048</v>
      </c>
      <c r="GM25" s="114">
        <v>282338</v>
      </c>
      <c r="GN25" s="114">
        <v>126274</v>
      </c>
      <c r="GO25" s="114">
        <v>18356</v>
      </c>
      <c r="GP25" s="114">
        <v>0</v>
      </c>
      <c r="GQ25" s="113">
        <v>570016</v>
      </c>
      <c r="GR25" s="116">
        <v>777774</v>
      </c>
      <c r="GS25" s="110">
        <v>536781</v>
      </c>
      <c r="GT25" s="114">
        <v>864240</v>
      </c>
      <c r="GU25" s="113">
        <v>1401021</v>
      </c>
      <c r="GV25" s="110">
        <v>0</v>
      </c>
      <c r="GW25" s="114">
        <v>800710</v>
      </c>
      <c r="GX25" s="114">
        <v>158760</v>
      </c>
      <c r="GY25" s="114">
        <v>253000</v>
      </c>
      <c r="GZ25" s="114">
        <v>309422</v>
      </c>
      <c r="HA25" s="114">
        <v>0</v>
      </c>
      <c r="HB25" s="112">
        <v>1521892</v>
      </c>
      <c r="HC25" s="116">
        <v>2922913</v>
      </c>
      <c r="HD25" s="110">
        <v>1017480</v>
      </c>
      <c r="HE25" s="114">
        <v>1008119</v>
      </c>
      <c r="HF25" s="112">
        <v>2025599</v>
      </c>
      <c r="HG25" s="111">
        <v>0</v>
      </c>
      <c r="HH25" s="114">
        <v>13002312</v>
      </c>
      <c r="HI25" s="114">
        <v>10631593</v>
      </c>
      <c r="HJ25" s="114">
        <v>13543159</v>
      </c>
      <c r="HK25" s="114">
        <v>13159289</v>
      </c>
      <c r="HL25" s="114">
        <v>8210778</v>
      </c>
      <c r="HM25" s="113">
        <v>58547131</v>
      </c>
      <c r="HN25" s="109">
        <v>60572730</v>
      </c>
      <c r="HO25" s="115">
        <v>940369</v>
      </c>
      <c r="HP25" s="114">
        <v>2014440</v>
      </c>
      <c r="HQ25" s="113">
        <v>2954809</v>
      </c>
      <c r="HR25" s="110">
        <v>0</v>
      </c>
      <c r="HS25" s="114">
        <v>14468446</v>
      </c>
      <c r="HT25" s="114">
        <v>9172965</v>
      </c>
      <c r="HU25" s="114">
        <v>7466408</v>
      </c>
      <c r="HV25" s="114">
        <v>4985249</v>
      </c>
      <c r="HW25" s="114">
        <v>2575383</v>
      </c>
      <c r="HX25" s="112">
        <v>38668451</v>
      </c>
      <c r="HY25" s="116">
        <v>41623260</v>
      </c>
      <c r="HZ25" s="131">
        <v>0</v>
      </c>
      <c r="IA25" s="132">
        <v>66113</v>
      </c>
      <c r="IB25" s="133">
        <v>66113</v>
      </c>
      <c r="IC25" s="146">
        <v>0</v>
      </c>
      <c r="ID25" s="132">
        <v>16640400</v>
      </c>
      <c r="IE25" s="147">
        <v>14676133</v>
      </c>
      <c r="IF25" s="133">
        <v>22597021</v>
      </c>
      <c r="IG25" s="132">
        <v>10553595</v>
      </c>
      <c r="IH25" s="133">
        <v>7317208</v>
      </c>
      <c r="II25" s="148">
        <v>71784357</v>
      </c>
      <c r="IJ25" s="139">
        <v>71850470</v>
      </c>
      <c r="IK25" s="232">
        <v>0</v>
      </c>
      <c r="IL25" s="236">
        <v>0</v>
      </c>
      <c r="IM25" s="237">
        <v>0</v>
      </c>
      <c r="IN25" s="140"/>
      <c r="IO25" s="119">
        <v>88369</v>
      </c>
      <c r="IP25" s="119">
        <v>174690</v>
      </c>
      <c r="IQ25" s="119">
        <v>0</v>
      </c>
      <c r="IR25" s="119">
        <v>0</v>
      </c>
      <c r="IS25" s="119">
        <v>298542</v>
      </c>
      <c r="IT25" s="141">
        <v>561601</v>
      </c>
      <c r="IU25" s="318">
        <v>561601</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8964622</v>
      </c>
      <c r="JL25" s="119">
        <v>5156152</v>
      </c>
      <c r="JM25" s="119">
        <v>6525821</v>
      </c>
      <c r="JN25" s="119">
        <v>2647588</v>
      </c>
      <c r="JO25" s="119">
        <v>178832</v>
      </c>
      <c r="JP25" s="120">
        <v>23473015</v>
      </c>
      <c r="JQ25" s="318">
        <v>23473015</v>
      </c>
      <c r="JR25" s="142">
        <v>0</v>
      </c>
      <c r="JS25" s="119">
        <v>0</v>
      </c>
      <c r="JT25" s="141">
        <v>0</v>
      </c>
      <c r="JU25" s="118">
        <v>0</v>
      </c>
      <c r="JV25" s="119">
        <v>0</v>
      </c>
      <c r="JW25" s="119">
        <v>229276</v>
      </c>
      <c r="JX25" s="119">
        <v>101503</v>
      </c>
      <c r="JY25" s="119">
        <v>26056</v>
      </c>
      <c r="JZ25" s="119">
        <v>394696</v>
      </c>
      <c r="KA25" s="120">
        <v>751531</v>
      </c>
      <c r="KB25" s="318">
        <v>751531</v>
      </c>
      <c r="KC25" s="234">
        <v>0</v>
      </c>
      <c r="KD25" s="230">
        <v>66113</v>
      </c>
      <c r="KE25" s="120">
        <v>66113</v>
      </c>
      <c r="KF25" s="118">
        <v>0</v>
      </c>
      <c r="KG25" s="119">
        <v>2517387</v>
      </c>
      <c r="KH25" s="119">
        <v>1784471</v>
      </c>
      <c r="KI25" s="119">
        <v>1962929</v>
      </c>
      <c r="KJ25" s="119">
        <v>1649826</v>
      </c>
      <c r="KK25" s="119">
        <v>310739</v>
      </c>
      <c r="KL25" s="120">
        <v>8225352</v>
      </c>
      <c r="KM25" s="143">
        <v>8291465</v>
      </c>
      <c r="KN25" s="232">
        <v>0</v>
      </c>
      <c r="KO25" s="236">
        <v>0</v>
      </c>
      <c r="KP25" s="237">
        <v>0</v>
      </c>
      <c r="KQ25" s="140"/>
      <c r="KR25" s="119">
        <v>5070022</v>
      </c>
      <c r="KS25" s="119">
        <v>7331544</v>
      </c>
      <c r="KT25" s="119">
        <v>14006768</v>
      </c>
      <c r="KU25" s="119">
        <v>6230125</v>
      </c>
      <c r="KV25" s="119">
        <v>6134399</v>
      </c>
      <c r="KW25" s="120">
        <v>38772858</v>
      </c>
      <c r="KX25" s="318">
        <v>38772858</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18">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4830677</v>
      </c>
      <c r="MK25" s="119">
        <v>18618021</v>
      </c>
      <c r="ML25" s="119">
        <v>46690153</v>
      </c>
      <c r="MM25" s="119">
        <v>78608634</v>
      </c>
      <c r="MN25" s="119">
        <v>41609530</v>
      </c>
      <c r="MO25" s="120">
        <v>190357015</v>
      </c>
      <c r="MP25" s="143">
        <v>190357015</v>
      </c>
      <c r="MQ25" s="142">
        <v>0</v>
      </c>
      <c r="MR25" s="119">
        <v>0</v>
      </c>
      <c r="MS25" s="120">
        <v>0</v>
      </c>
      <c r="MT25" s="145"/>
      <c r="MU25" s="119">
        <v>447685</v>
      </c>
      <c r="MV25" s="119">
        <v>6760297</v>
      </c>
      <c r="MW25" s="119">
        <v>35547809</v>
      </c>
      <c r="MX25" s="119">
        <v>60763548</v>
      </c>
      <c r="MY25" s="119">
        <v>31637062</v>
      </c>
      <c r="MZ25" s="120">
        <v>135156401</v>
      </c>
      <c r="NA25" s="143">
        <v>135156401</v>
      </c>
      <c r="NB25" s="142">
        <v>0</v>
      </c>
      <c r="NC25" s="119">
        <v>0</v>
      </c>
      <c r="ND25" s="120">
        <v>0</v>
      </c>
      <c r="NE25" s="145"/>
      <c r="NF25" s="119">
        <v>4382992</v>
      </c>
      <c r="NG25" s="119">
        <v>11857724</v>
      </c>
      <c r="NH25" s="119">
        <v>11142344</v>
      </c>
      <c r="NI25" s="119">
        <v>16360088</v>
      </c>
      <c r="NJ25" s="119">
        <v>9114056</v>
      </c>
      <c r="NK25" s="120">
        <v>52857204</v>
      </c>
      <c r="NL25" s="318">
        <v>52857204</v>
      </c>
      <c r="NM25" s="142">
        <v>0</v>
      </c>
      <c r="NN25" s="119">
        <v>0</v>
      </c>
      <c r="NO25" s="120">
        <v>0</v>
      </c>
      <c r="NP25" s="145"/>
      <c r="NQ25" s="119">
        <v>0</v>
      </c>
      <c r="NR25" s="119">
        <v>0</v>
      </c>
      <c r="NS25" s="119">
        <v>0</v>
      </c>
      <c r="NT25" s="119">
        <v>326232</v>
      </c>
      <c r="NU25" s="119">
        <v>0</v>
      </c>
      <c r="NV25" s="120">
        <v>326232</v>
      </c>
      <c r="NW25" s="121">
        <v>326232</v>
      </c>
      <c r="NX25" s="142">
        <v>0</v>
      </c>
      <c r="NY25" s="119">
        <v>0</v>
      </c>
      <c r="NZ25" s="120">
        <v>0</v>
      </c>
      <c r="OA25" s="145"/>
      <c r="OB25" s="119">
        <v>0</v>
      </c>
      <c r="OC25" s="119">
        <v>0</v>
      </c>
      <c r="OD25" s="119">
        <v>0</v>
      </c>
      <c r="OE25" s="119">
        <v>1158766</v>
      </c>
      <c r="OF25" s="119">
        <v>858412</v>
      </c>
      <c r="OG25" s="120">
        <v>2017178</v>
      </c>
      <c r="OH25" s="121">
        <v>2017178</v>
      </c>
      <c r="OI25" s="142">
        <v>5519615</v>
      </c>
      <c r="OJ25" s="119">
        <v>11541436</v>
      </c>
      <c r="OK25" s="141">
        <v>17061051</v>
      </c>
      <c r="OL25" s="118">
        <v>0</v>
      </c>
      <c r="OM25" s="119">
        <v>111699841</v>
      </c>
      <c r="ON25" s="119">
        <v>116946818</v>
      </c>
      <c r="OO25" s="119">
        <v>155560068</v>
      </c>
      <c r="OP25" s="119">
        <v>160881468</v>
      </c>
      <c r="OQ25" s="119">
        <v>95189608</v>
      </c>
      <c r="OR25" s="120">
        <v>640277803</v>
      </c>
      <c r="OS25" s="143">
        <v>657338854</v>
      </c>
    </row>
    <row r="26" spans="2:409" ht="21" customHeight="1" x14ac:dyDescent="0.2">
      <c r="B26" s="62" t="s">
        <v>21</v>
      </c>
      <c r="C26" s="110">
        <v>6015479</v>
      </c>
      <c r="D26" s="114">
        <v>11726150</v>
      </c>
      <c r="E26" s="113">
        <v>17741629</v>
      </c>
      <c r="F26" s="109">
        <v>0</v>
      </c>
      <c r="G26" s="114">
        <v>73584456</v>
      </c>
      <c r="H26" s="114">
        <v>106830957</v>
      </c>
      <c r="I26" s="114">
        <v>94841983</v>
      </c>
      <c r="J26" s="114">
        <v>83980708</v>
      </c>
      <c r="K26" s="114">
        <v>54898959</v>
      </c>
      <c r="L26" s="173">
        <v>414137063</v>
      </c>
      <c r="M26" s="116">
        <v>431878692</v>
      </c>
      <c r="N26" s="110">
        <v>2096763</v>
      </c>
      <c r="O26" s="114">
        <v>4263102</v>
      </c>
      <c r="P26" s="113">
        <v>6359865</v>
      </c>
      <c r="Q26" s="110">
        <v>0</v>
      </c>
      <c r="R26" s="114">
        <v>23089772</v>
      </c>
      <c r="S26" s="114">
        <v>39984188</v>
      </c>
      <c r="T26" s="114">
        <v>31467290</v>
      </c>
      <c r="U26" s="114">
        <v>35808193</v>
      </c>
      <c r="V26" s="114">
        <v>27589734</v>
      </c>
      <c r="W26" s="113">
        <v>157939177</v>
      </c>
      <c r="X26" s="116">
        <v>164299042</v>
      </c>
      <c r="Y26" s="110">
        <v>0</v>
      </c>
      <c r="Z26" s="114">
        <v>0</v>
      </c>
      <c r="AA26" s="113">
        <v>0</v>
      </c>
      <c r="AB26" s="110">
        <v>0</v>
      </c>
      <c r="AC26" s="114">
        <v>10210757</v>
      </c>
      <c r="AD26" s="114">
        <v>20546032</v>
      </c>
      <c r="AE26" s="114">
        <v>18517177</v>
      </c>
      <c r="AF26" s="114">
        <v>22659846</v>
      </c>
      <c r="AG26" s="114">
        <v>16447867</v>
      </c>
      <c r="AH26" s="113">
        <v>88381679</v>
      </c>
      <c r="AI26" s="116">
        <v>88381679</v>
      </c>
      <c r="AJ26" s="110">
        <v>0</v>
      </c>
      <c r="AK26" s="114">
        <v>0</v>
      </c>
      <c r="AL26" s="113">
        <v>0</v>
      </c>
      <c r="AM26" s="110">
        <v>0</v>
      </c>
      <c r="AN26" s="114">
        <v>0</v>
      </c>
      <c r="AO26" s="114">
        <v>385037</v>
      </c>
      <c r="AP26" s="114">
        <v>806504</v>
      </c>
      <c r="AQ26" s="114">
        <v>1967497</v>
      </c>
      <c r="AR26" s="114">
        <v>2752597</v>
      </c>
      <c r="AS26" s="113">
        <v>5911635</v>
      </c>
      <c r="AT26" s="116">
        <v>5911635</v>
      </c>
      <c r="AU26" s="110">
        <v>1108894</v>
      </c>
      <c r="AV26" s="114">
        <v>2960796</v>
      </c>
      <c r="AW26" s="113">
        <v>4069690</v>
      </c>
      <c r="AX26" s="110">
        <v>0</v>
      </c>
      <c r="AY26" s="114">
        <v>8294019</v>
      </c>
      <c r="AZ26" s="114">
        <v>12791855</v>
      </c>
      <c r="BA26" s="114">
        <v>6955266</v>
      </c>
      <c r="BB26" s="114">
        <v>7011870</v>
      </c>
      <c r="BC26" s="114">
        <v>5053394</v>
      </c>
      <c r="BD26" s="113">
        <v>40106404</v>
      </c>
      <c r="BE26" s="116">
        <v>44176094</v>
      </c>
      <c r="BF26" s="110">
        <v>443437</v>
      </c>
      <c r="BG26" s="114">
        <v>878871</v>
      </c>
      <c r="BH26" s="112">
        <v>1322308</v>
      </c>
      <c r="BI26" s="111">
        <v>0</v>
      </c>
      <c r="BJ26" s="114">
        <v>850341</v>
      </c>
      <c r="BK26" s="114">
        <v>1474113</v>
      </c>
      <c r="BL26" s="114">
        <v>697624</v>
      </c>
      <c r="BM26" s="114">
        <v>508988</v>
      </c>
      <c r="BN26" s="114">
        <v>390003</v>
      </c>
      <c r="BO26" s="113">
        <v>3921069</v>
      </c>
      <c r="BP26" s="116">
        <v>5243377</v>
      </c>
      <c r="BQ26" s="110">
        <v>544432</v>
      </c>
      <c r="BR26" s="114">
        <v>423435</v>
      </c>
      <c r="BS26" s="113">
        <v>967867</v>
      </c>
      <c r="BT26" s="110">
        <v>0</v>
      </c>
      <c r="BU26" s="114">
        <v>3734655</v>
      </c>
      <c r="BV26" s="114">
        <v>4787151</v>
      </c>
      <c r="BW26" s="114">
        <v>4490719</v>
      </c>
      <c r="BX26" s="114">
        <v>3659992</v>
      </c>
      <c r="BY26" s="114">
        <v>2945873</v>
      </c>
      <c r="BZ26" s="113">
        <v>19618390</v>
      </c>
      <c r="CA26" s="116">
        <v>20586257</v>
      </c>
      <c r="CB26" s="110">
        <v>593164</v>
      </c>
      <c r="CC26" s="114">
        <v>1762865</v>
      </c>
      <c r="CD26" s="113">
        <v>2356029</v>
      </c>
      <c r="CE26" s="110">
        <v>0</v>
      </c>
      <c r="CF26" s="114">
        <v>21955862</v>
      </c>
      <c r="CG26" s="114">
        <v>30468176</v>
      </c>
      <c r="CH26" s="114">
        <v>24500204</v>
      </c>
      <c r="CI26" s="114">
        <v>14086209</v>
      </c>
      <c r="CJ26" s="114">
        <v>4504754</v>
      </c>
      <c r="CK26" s="113">
        <v>95515205</v>
      </c>
      <c r="CL26" s="116">
        <v>97871234</v>
      </c>
      <c r="CM26" s="110">
        <v>0</v>
      </c>
      <c r="CN26" s="114">
        <v>0</v>
      </c>
      <c r="CO26" s="113">
        <v>0</v>
      </c>
      <c r="CP26" s="111">
        <v>0</v>
      </c>
      <c r="CQ26" s="114">
        <v>19155692</v>
      </c>
      <c r="CR26" s="114">
        <v>26662840</v>
      </c>
      <c r="CS26" s="114">
        <v>21876295</v>
      </c>
      <c r="CT26" s="114">
        <v>12672812</v>
      </c>
      <c r="CU26" s="114">
        <v>3643182</v>
      </c>
      <c r="CV26" s="113">
        <v>84010821</v>
      </c>
      <c r="CW26" s="116">
        <v>84010821</v>
      </c>
      <c r="CX26" s="110">
        <v>593164</v>
      </c>
      <c r="CY26" s="114">
        <v>1762865</v>
      </c>
      <c r="CZ26" s="113">
        <v>2356029</v>
      </c>
      <c r="DA26" s="110">
        <v>0</v>
      </c>
      <c r="DB26" s="114">
        <v>2800170</v>
      </c>
      <c r="DC26" s="114">
        <v>3805336</v>
      </c>
      <c r="DD26" s="114">
        <v>2623909</v>
      </c>
      <c r="DE26" s="114">
        <v>1413397</v>
      </c>
      <c r="DF26" s="114">
        <v>861572</v>
      </c>
      <c r="DG26" s="113">
        <v>11504384</v>
      </c>
      <c r="DH26" s="116">
        <v>13860413</v>
      </c>
      <c r="DI26" s="110">
        <v>20641</v>
      </c>
      <c r="DJ26" s="114">
        <v>113956</v>
      </c>
      <c r="DK26" s="112">
        <v>134597</v>
      </c>
      <c r="DL26" s="111">
        <v>0</v>
      </c>
      <c r="DM26" s="114">
        <v>1184999</v>
      </c>
      <c r="DN26" s="114">
        <v>2965788</v>
      </c>
      <c r="DO26" s="114">
        <v>8564161</v>
      </c>
      <c r="DP26" s="114">
        <v>10493560</v>
      </c>
      <c r="DQ26" s="114">
        <v>5016101</v>
      </c>
      <c r="DR26" s="113">
        <v>28224609</v>
      </c>
      <c r="DS26" s="116">
        <v>28359206</v>
      </c>
      <c r="DT26" s="110">
        <v>20641</v>
      </c>
      <c r="DU26" s="114">
        <v>113956</v>
      </c>
      <c r="DV26" s="113">
        <v>134597</v>
      </c>
      <c r="DW26" s="110">
        <v>0</v>
      </c>
      <c r="DX26" s="114">
        <v>1170099</v>
      </c>
      <c r="DY26" s="114">
        <v>2870497</v>
      </c>
      <c r="DZ26" s="114">
        <v>8300316</v>
      </c>
      <c r="EA26" s="114">
        <v>10067038</v>
      </c>
      <c r="EB26" s="114">
        <v>4707797</v>
      </c>
      <c r="EC26" s="113">
        <v>27115747</v>
      </c>
      <c r="ED26" s="116">
        <v>27250344</v>
      </c>
      <c r="EE26" s="110">
        <v>0</v>
      </c>
      <c r="EF26" s="112">
        <v>0</v>
      </c>
      <c r="EG26" s="113">
        <v>0</v>
      </c>
      <c r="EH26" s="110">
        <v>0</v>
      </c>
      <c r="EI26" s="114">
        <v>14900</v>
      </c>
      <c r="EJ26" s="114">
        <v>95291</v>
      </c>
      <c r="EK26" s="114">
        <v>263845</v>
      </c>
      <c r="EL26" s="114">
        <v>426522</v>
      </c>
      <c r="EM26" s="114">
        <v>308304</v>
      </c>
      <c r="EN26" s="112">
        <v>1108862</v>
      </c>
      <c r="EO26" s="116">
        <v>1108862</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5"/>
      <c r="FE26" s="114">
        <v>0</v>
      </c>
      <c r="FF26" s="114">
        <v>0</v>
      </c>
      <c r="FG26" s="114">
        <v>0</v>
      </c>
      <c r="FH26" s="114">
        <v>0</v>
      </c>
      <c r="FI26" s="114">
        <v>0</v>
      </c>
      <c r="FJ26" s="113">
        <v>0</v>
      </c>
      <c r="FK26" s="116">
        <v>0</v>
      </c>
      <c r="FL26" s="110">
        <v>1308388</v>
      </c>
      <c r="FM26" s="114">
        <v>2629711</v>
      </c>
      <c r="FN26" s="113">
        <v>3938099</v>
      </c>
      <c r="FO26" s="110">
        <v>0</v>
      </c>
      <c r="FP26" s="114">
        <v>3303105</v>
      </c>
      <c r="FQ26" s="114">
        <v>9473972</v>
      </c>
      <c r="FR26" s="114">
        <v>6382414</v>
      </c>
      <c r="FS26" s="114">
        <v>6202144</v>
      </c>
      <c r="FT26" s="114">
        <v>3356511</v>
      </c>
      <c r="FU26" s="113">
        <v>28718146</v>
      </c>
      <c r="FV26" s="116">
        <v>32656245</v>
      </c>
      <c r="FW26" s="115">
        <v>970503</v>
      </c>
      <c r="FX26" s="114">
        <v>2222797</v>
      </c>
      <c r="FY26" s="112">
        <v>3193300</v>
      </c>
      <c r="FZ26" s="111">
        <v>0</v>
      </c>
      <c r="GA26" s="114">
        <v>2761048</v>
      </c>
      <c r="GB26" s="114">
        <v>8826309</v>
      </c>
      <c r="GC26" s="114">
        <v>6101017</v>
      </c>
      <c r="GD26" s="114">
        <v>5623595</v>
      </c>
      <c r="GE26" s="114">
        <v>3254271</v>
      </c>
      <c r="GF26" s="113">
        <v>26566240</v>
      </c>
      <c r="GG26" s="316">
        <v>29759540</v>
      </c>
      <c r="GH26" s="115">
        <v>37080</v>
      </c>
      <c r="GI26" s="114">
        <v>145932</v>
      </c>
      <c r="GJ26" s="112">
        <v>183012</v>
      </c>
      <c r="GK26" s="111">
        <v>0</v>
      </c>
      <c r="GL26" s="114">
        <v>289897</v>
      </c>
      <c r="GM26" s="114">
        <v>278953</v>
      </c>
      <c r="GN26" s="114">
        <v>83397</v>
      </c>
      <c r="GO26" s="114">
        <v>95654</v>
      </c>
      <c r="GP26" s="114">
        <v>102240</v>
      </c>
      <c r="GQ26" s="113">
        <v>850141</v>
      </c>
      <c r="GR26" s="116">
        <v>1033153</v>
      </c>
      <c r="GS26" s="110">
        <v>300805</v>
      </c>
      <c r="GT26" s="114">
        <v>260982</v>
      </c>
      <c r="GU26" s="113">
        <v>561787</v>
      </c>
      <c r="GV26" s="110">
        <v>0</v>
      </c>
      <c r="GW26" s="114">
        <v>252160</v>
      </c>
      <c r="GX26" s="114">
        <v>368710</v>
      </c>
      <c r="GY26" s="114">
        <v>198000</v>
      </c>
      <c r="GZ26" s="114">
        <v>482895</v>
      </c>
      <c r="HA26" s="114">
        <v>0</v>
      </c>
      <c r="HB26" s="112">
        <v>1301765</v>
      </c>
      <c r="HC26" s="116">
        <v>1863552</v>
      </c>
      <c r="HD26" s="110">
        <v>786000</v>
      </c>
      <c r="HE26" s="114">
        <v>974574</v>
      </c>
      <c r="HF26" s="112">
        <v>1760574</v>
      </c>
      <c r="HG26" s="111">
        <v>0</v>
      </c>
      <c r="HH26" s="114">
        <v>12640055</v>
      </c>
      <c r="HI26" s="114">
        <v>10997101</v>
      </c>
      <c r="HJ26" s="114">
        <v>15741758</v>
      </c>
      <c r="HK26" s="114">
        <v>11699059</v>
      </c>
      <c r="HL26" s="114">
        <v>11629300</v>
      </c>
      <c r="HM26" s="113">
        <v>62707273</v>
      </c>
      <c r="HN26" s="109">
        <v>64467847</v>
      </c>
      <c r="HO26" s="115">
        <v>1210523</v>
      </c>
      <c r="HP26" s="114">
        <v>1981942</v>
      </c>
      <c r="HQ26" s="113">
        <v>3192465</v>
      </c>
      <c r="HR26" s="110">
        <v>0</v>
      </c>
      <c r="HS26" s="114">
        <v>11410663</v>
      </c>
      <c r="HT26" s="114">
        <v>12941732</v>
      </c>
      <c r="HU26" s="114">
        <v>8186156</v>
      </c>
      <c r="HV26" s="114">
        <v>5691543</v>
      </c>
      <c r="HW26" s="114">
        <v>2802559</v>
      </c>
      <c r="HX26" s="112">
        <v>41032653</v>
      </c>
      <c r="HY26" s="116">
        <v>44225118</v>
      </c>
      <c r="HZ26" s="150">
        <v>0</v>
      </c>
      <c r="IA26" s="135">
        <v>0</v>
      </c>
      <c r="IB26" s="150">
        <v>0</v>
      </c>
      <c r="IC26" s="134">
        <v>0</v>
      </c>
      <c r="ID26" s="135">
        <v>16277686</v>
      </c>
      <c r="IE26" s="136">
        <v>25127932</v>
      </c>
      <c r="IF26" s="137">
        <v>21640911</v>
      </c>
      <c r="IG26" s="135">
        <v>11003273</v>
      </c>
      <c r="IH26" s="137">
        <v>7532100</v>
      </c>
      <c r="II26" s="138">
        <v>81581902</v>
      </c>
      <c r="IJ26" s="150">
        <v>81581902</v>
      </c>
      <c r="IK26" s="232">
        <v>0</v>
      </c>
      <c r="IL26" s="236">
        <v>0</v>
      </c>
      <c r="IM26" s="237">
        <v>0</v>
      </c>
      <c r="IN26" s="140"/>
      <c r="IO26" s="119">
        <v>315468</v>
      </c>
      <c r="IP26" s="119">
        <v>774935</v>
      </c>
      <c r="IQ26" s="119">
        <v>218340</v>
      </c>
      <c r="IR26" s="119">
        <v>1272793</v>
      </c>
      <c r="IS26" s="119">
        <v>0</v>
      </c>
      <c r="IT26" s="141">
        <v>2581536</v>
      </c>
      <c r="IU26" s="318">
        <v>2581536</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8571199</v>
      </c>
      <c r="JL26" s="119">
        <v>10915006</v>
      </c>
      <c r="JM26" s="119">
        <v>5759795</v>
      </c>
      <c r="JN26" s="119">
        <v>2789384</v>
      </c>
      <c r="JO26" s="119">
        <v>1556964</v>
      </c>
      <c r="JP26" s="120">
        <v>29592348</v>
      </c>
      <c r="JQ26" s="318">
        <v>29592348</v>
      </c>
      <c r="JR26" s="142">
        <v>0</v>
      </c>
      <c r="JS26" s="119">
        <v>0</v>
      </c>
      <c r="JT26" s="141">
        <v>0</v>
      </c>
      <c r="JU26" s="118">
        <v>0</v>
      </c>
      <c r="JV26" s="119">
        <v>0</v>
      </c>
      <c r="JW26" s="119">
        <v>0</v>
      </c>
      <c r="JX26" s="119">
        <v>0</v>
      </c>
      <c r="JY26" s="119">
        <v>300396</v>
      </c>
      <c r="JZ26" s="119">
        <v>0</v>
      </c>
      <c r="KA26" s="120">
        <v>300396</v>
      </c>
      <c r="KB26" s="318">
        <v>300396</v>
      </c>
      <c r="KC26" s="234">
        <v>0</v>
      </c>
      <c r="KD26" s="230">
        <v>0</v>
      </c>
      <c r="KE26" s="120">
        <v>0</v>
      </c>
      <c r="KF26" s="118">
        <v>0</v>
      </c>
      <c r="KG26" s="119">
        <v>950465</v>
      </c>
      <c r="KH26" s="119">
        <v>738502</v>
      </c>
      <c r="KI26" s="119">
        <v>4747265</v>
      </c>
      <c r="KJ26" s="119">
        <v>1944483</v>
      </c>
      <c r="KK26" s="119">
        <v>626650</v>
      </c>
      <c r="KL26" s="120">
        <v>9007365</v>
      </c>
      <c r="KM26" s="143">
        <v>9007365</v>
      </c>
      <c r="KN26" s="232">
        <v>0</v>
      </c>
      <c r="KO26" s="236">
        <v>0</v>
      </c>
      <c r="KP26" s="237">
        <v>0</v>
      </c>
      <c r="KQ26" s="140"/>
      <c r="KR26" s="119">
        <v>6162077</v>
      </c>
      <c r="KS26" s="119">
        <v>12105324</v>
      </c>
      <c r="KT26" s="119">
        <v>10915511</v>
      </c>
      <c r="KU26" s="119">
        <v>4077961</v>
      </c>
      <c r="KV26" s="119">
        <v>3611104</v>
      </c>
      <c r="KW26" s="120">
        <v>36871977</v>
      </c>
      <c r="KX26" s="318">
        <v>36871977</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18">
        <v>0</v>
      </c>
      <c r="LU26" s="142">
        <v>0</v>
      </c>
      <c r="LV26" s="119">
        <v>0</v>
      </c>
      <c r="LW26" s="120">
        <v>0</v>
      </c>
      <c r="LX26" s="145"/>
      <c r="LY26" s="119">
        <v>278477</v>
      </c>
      <c r="LZ26" s="119">
        <v>594165</v>
      </c>
      <c r="MA26" s="119">
        <v>0</v>
      </c>
      <c r="MB26" s="119">
        <v>618256</v>
      </c>
      <c r="MC26" s="119">
        <v>1737382</v>
      </c>
      <c r="MD26" s="120">
        <v>3228280</v>
      </c>
      <c r="ME26" s="121">
        <v>3228280</v>
      </c>
      <c r="MF26" s="142">
        <v>0</v>
      </c>
      <c r="MG26" s="119">
        <v>0</v>
      </c>
      <c r="MH26" s="120">
        <v>0</v>
      </c>
      <c r="MI26" s="145"/>
      <c r="MJ26" s="119">
        <v>5595289</v>
      </c>
      <c r="MK26" s="119">
        <v>10457940</v>
      </c>
      <c r="ML26" s="119">
        <v>56900079</v>
      </c>
      <c r="MM26" s="119">
        <v>75053237</v>
      </c>
      <c r="MN26" s="119">
        <v>58437247</v>
      </c>
      <c r="MO26" s="120">
        <v>206443792</v>
      </c>
      <c r="MP26" s="143">
        <v>206443792</v>
      </c>
      <c r="MQ26" s="142">
        <v>0</v>
      </c>
      <c r="MR26" s="119">
        <v>0</v>
      </c>
      <c r="MS26" s="120">
        <v>0</v>
      </c>
      <c r="MT26" s="145"/>
      <c r="MU26" s="119">
        <v>1393660</v>
      </c>
      <c r="MV26" s="119">
        <v>3285642</v>
      </c>
      <c r="MW26" s="119">
        <v>44456414</v>
      </c>
      <c r="MX26" s="119">
        <v>55098009</v>
      </c>
      <c r="MY26" s="119">
        <v>43434878</v>
      </c>
      <c r="MZ26" s="120">
        <v>147668603</v>
      </c>
      <c r="NA26" s="143">
        <v>147668603</v>
      </c>
      <c r="NB26" s="142">
        <v>0</v>
      </c>
      <c r="NC26" s="119">
        <v>0</v>
      </c>
      <c r="ND26" s="120">
        <v>0</v>
      </c>
      <c r="NE26" s="145"/>
      <c r="NF26" s="119">
        <v>4201629</v>
      </c>
      <c r="NG26" s="119">
        <v>7172298</v>
      </c>
      <c r="NH26" s="119">
        <v>11700099</v>
      </c>
      <c r="NI26" s="119">
        <v>15914570</v>
      </c>
      <c r="NJ26" s="119">
        <v>7522438</v>
      </c>
      <c r="NK26" s="120">
        <v>46511034</v>
      </c>
      <c r="NL26" s="318">
        <v>46511034</v>
      </c>
      <c r="NM26" s="142">
        <v>0</v>
      </c>
      <c r="NN26" s="119">
        <v>0</v>
      </c>
      <c r="NO26" s="120">
        <v>0</v>
      </c>
      <c r="NP26" s="145"/>
      <c r="NQ26" s="119">
        <v>0</v>
      </c>
      <c r="NR26" s="119">
        <v>0</v>
      </c>
      <c r="NS26" s="119">
        <v>362074</v>
      </c>
      <c r="NT26" s="119">
        <v>324558</v>
      </c>
      <c r="NU26" s="119">
        <v>700102</v>
      </c>
      <c r="NV26" s="120">
        <v>1386734</v>
      </c>
      <c r="NW26" s="121">
        <v>1386734</v>
      </c>
      <c r="NX26" s="142">
        <v>0</v>
      </c>
      <c r="NY26" s="119">
        <v>0</v>
      </c>
      <c r="NZ26" s="120">
        <v>0</v>
      </c>
      <c r="OA26" s="145"/>
      <c r="OB26" s="119">
        <v>0</v>
      </c>
      <c r="OC26" s="119">
        <v>0</v>
      </c>
      <c r="OD26" s="119">
        <v>381492</v>
      </c>
      <c r="OE26" s="119">
        <v>3716100</v>
      </c>
      <c r="OF26" s="119">
        <v>6779829</v>
      </c>
      <c r="OG26" s="120">
        <v>10877421</v>
      </c>
      <c r="OH26" s="121">
        <v>10877421</v>
      </c>
      <c r="OI26" s="142">
        <v>6015479</v>
      </c>
      <c r="OJ26" s="119">
        <v>11726150</v>
      </c>
      <c r="OK26" s="141">
        <v>17741629</v>
      </c>
      <c r="OL26" s="118">
        <v>0</v>
      </c>
      <c r="OM26" s="119">
        <v>95457431</v>
      </c>
      <c r="ON26" s="119">
        <v>142416829</v>
      </c>
      <c r="OO26" s="119">
        <v>173382973</v>
      </c>
      <c r="OP26" s="119">
        <v>170037218</v>
      </c>
      <c r="OQ26" s="119">
        <v>120868306</v>
      </c>
      <c r="OR26" s="120">
        <v>702162757</v>
      </c>
      <c r="OS26" s="143">
        <v>719904386</v>
      </c>
    </row>
    <row r="27" spans="2:409" ht="21" customHeight="1" x14ac:dyDescent="0.2">
      <c r="B27" s="62" t="s">
        <v>22</v>
      </c>
      <c r="C27" s="110">
        <v>1215657</v>
      </c>
      <c r="D27" s="114">
        <v>2184722</v>
      </c>
      <c r="E27" s="113">
        <v>3400379</v>
      </c>
      <c r="F27" s="109">
        <v>0</v>
      </c>
      <c r="G27" s="114">
        <v>25315608</v>
      </c>
      <c r="H27" s="114">
        <v>30324574</v>
      </c>
      <c r="I27" s="114">
        <v>25715232</v>
      </c>
      <c r="J27" s="114">
        <v>25096556</v>
      </c>
      <c r="K27" s="114">
        <v>18949986</v>
      </c>
      <c r="L27" s="173">
        <v>125401956</v>
      </c>
      <c r="M27" s="116">
        <v>128802335</v>
      </c>
      <c r="N27" s="110">
        <v>162753</v>
      </c>
      <c r="O27" s="114">
        <v>269507</v>
      </c>
      <c r="P27" s="113">
        <v>432260</v>
      </c>
      <c r="Q27" s="110">
        <v>0</v>
      </c>
      <c r="R27" s="114">
        <v>5788741</v>
      </c>
      <c r="S27" s="114">
        <v>6951623</v>
      </c>
      <c r="T27" s="114">
        <v>6715416</v>
      </c>
      <c r="U27" s="114">
        <v>8018850</v>
      </c>
      <c r="V27" s="114">
        <v>8846655</v>
      </c>
      <c r="W27" s="113">
        <v>36321285</v>
      </c>
      <c r="X27" s="116">
        <v>36753545</v>
      </c>
      <c r="Y27" s="110">
        <v>0</v>
      </c>
      <c r="Z27" s="114">
        <v>0</v>
      </c>
      <c r="AA27" s="113">
        <v>0</v>
      </c>
      <c r="AB27" s="110">
        <v>0</v>
      </c>
      <c r="AC27" s="114">
        <v>2426897</v>
      </c>
      <c r="AD27" s="114">
        <v>2731302</v>
      </c>
      <c r="AE27" s="114">
        <v>3617953</v>
      </c>
      <c r="AF27" s="114">
        <v>4755478</v>
      </c>
      <c r="AG27" s="114">
        <v>5404300</v>
      </c>
      <c r="AH27" s="113">
        <v>18935930</v>
      </c>
      <c r="AI27" s="116">
        <v>18935930</v>
      </c>
      <c r="AJ27" s="110">
        <v>0</v>
      </c>
      <c r="AK27" s="114">
        <v>0</v>
      </c>
      <c r="AL27" s="113">
        <v>0</v>
      </c>
      <c r="AM27" s="110">
        <v>0</v>
      </c>
      <c r="AN27" s="114">
        <v>169043</v>
      </c>
      <c r="AO27" s="114">
        <v>61461</v>
      </c>
      <c r="AP27" s="114">
        <v>329339</v>
      </c>
      <c r="AQ27" s="114">
        <v>605854</v>
      </c>
      <c r="AR27" s="114">
        <v>1137267</v>
      </c>
      <c r="AS27" s="113">
        <v>2302964</v>
      </c>
      <c r="AT27" s="116">
        <v>2302964</v>
      </c>
      <c r="AU27" s="110">
        <v>100528</v>
      </c>
      <c r="AV27" s="114">
        <v>80127</v>
      </c>
      <c r="AW27" s="113">
        <v>180655</v>
      </c>
      <c r="AX27" s="110">
        <v>0</v>
      </c>
      <c r="AY27" s="114">
        <v>2164956</v>
      </c>
      <c r="AZ27" s="114">
        <v>2633565</v>
      </c>
      <c r="BA27" s="114">
        <v>1689923</v>
      </c>
      <c r="BB27" s="114">
        <v>1581850</v>
      </c>
      <c r="BC27" s="114">
        <v>1642244</v>
      </c>
      <c r="BD27" s="113">
        <v>9712538</v>
      </c>
      <c r="BE27" s="116">
        <v>9893193</v>
      </c>
      <c r="BF27" s="110">
        <v>0</v>
      </c>
      <c r="BG27" s="114">
        <v>66528</v>
      </c>
      <c r="BH27" s="112">
        <v>66528</v>
      </c>
      <c r="BI27" s="111">
        <v>0</v>
      </c>
      <c r="BJ27" s="114">
        <v>245651</v>
      </c>
      <c r="BK27" s="114">
        <v>565506</v>
      </c>
      <c r="BL27" s="114">
        <v>199023</v>
      </c>
      <c r="BM27" s="114">
        <v>93803</v>
      </c>
      <c r="BN27" s="114">
        <v>190939</v>
      </c>
      <c r="BO27" s="113">
        <v>1294922</v>
      </c>
      <c r="BP27" s="116">
        <v>1361450</v>
      </c>
      <c r="BQ27" s="110">
        <v>62225</v>
      </c>
      <c r="BR27" s="114">
        <v>122852</v>
      </c>
      <c r="BS27" s="113">
        <v>185077</v>
      </c>
      <c r="BT27" s="110">
        <v>0</v>
      </c>
      <c r="BU27" s="114">
        <v>782194</v>
      </c>
      <c r="BV27" s="114">
        <v>959789</v>
      </c>
      <c r="BW27" s="114">
        <v>879178</v>
      </c>
      <c r="BX27" s="114">
        <v>981865</v>
      </c>
      <c r="BY27" s="114">
        <v>471905</v>
      </c>
      <c r="BZ27" s="113">
        <v>4074931</v>
      </c>
      <c r="CA27" s="116">
        <v>4260008</v>
      </c>
      <c r="CB27" s="110">
        <v>0</v>
      </c>
      <c r="CC27" s="114">
        <v>167224</v>
      </c>
      <c r="CD27" s="113">
        <v>167224</v>
      </c>
      <c r="CE27" s="110">
        <v>0</v>
      </c>
      <c r="CF27" s="114">
        <v>7750940</v>
      </c>
      <c r="CG27" s="114">
        <v>10615620</v>
      </c>
      <c r="CH27" s="114">
        <v>6211584</v>
      </c>
      <c r="CI27" s="114">
        <v>4711624</v>
      </c>
      <c r="CJ27" s="114">
        <v>2718459</v>
      </c>
      <c r="CK27" s="113">
        <v>32008227</v>
      </c>
      <c r="CL27" s="116">
        <v>32175451</v>
      </c>
      <c r="CM27" s="110">
        <v>0</v>
      </c>
      <c r="CN27" s="114">
        <v>0</v>
      </c>
      <c r="CO27" s="113">
        <v>0</v>
      </c>
      <c r="CP27" s="111">
        <v>0</v>
      </c>
      <c r="CQ27" s="114">
        <v>6636889</v>
      </c>
      <c r="CR27" s="114">
        <v>8281411</v>
      </c>
      <c r="CS27" s="114">
        <v>4767947</v>
      </c>
      <c r="CT27" s="114">
        <v>3471966</v>
      </c>
      <c r="CU27" s="114">
        <v>2004863</v>
      </c>
      <c r="CV27" s="113">
        <v>25163076</v>
      </c>
      <c r="CW27" s="116">
        <v>25163076</v>
      </c>
      <c r="CX27" s="110">
        <v>0</v>
      </c>
      <c r="CY27" s="114">
        <v>167224</v>
      </c>
      <c r="CZ27" s="113">
        <v>167224</v>
      </c>
      <c r="DA27" s="110">
        <v>0</v>
      </c>
      <c r="DB27" s="114">
        <v>1114051</v>
      </c>
      <c r="DC27" s="114">
        <v>2334209</v>
      </c>
      <c r="DD27" s="114">
        <v>1443637</v>
      </c>
      <c r="DE27" s="114">
        <v>1239658</v>
      </c>
      <c r="DF27" s="114">
        <v>713596</v>
      </c>
      <c r="DG27" s="113">
        <v>6845151</v>
      </c>
      <c r="DH27" s="116">
        <v>7012375</v>
      </c>
      <c r="DI27" s="110">
        <v>0</v>
      </c>
      <c r="DJ27" s="114">
        <v>0</v>
      </c>
      <c r="DK27" s="112">
        <v>0</v>
      </c>
      <c r="DL27" s="111">
        <v>0</v>
      </c>
      <c r="DM27" s="114">
        <v>799393</v>
      </c>
      <c r="DN27" s="114">
        <v>1279789</v>
      </c>
      <c r="DO27" s="114">
        <v>2528465</v>
      </c>
      <c r="DP27" s="114">
        <v>2923430</v>
      </c>
      <c r="DQ27" s="114">
        <v>1719459</v>
      </c>
      <c r="DR27" s="113">
        <v>9250536</v>
      </c>
      <c r="DS27" s="116">
        <v>9250536</v>
      </c>
      <c r="DT27" s="110">
        <v>0</v>
      </c>
      <c r="DU27" s="114">
        <v>0</v>
      </c>
      <c r="DV27" s="113">
        <v>0</v>
      </c>
      <c r="DW27" s="110">
        <v>0</v>
      </c>
      <c r="DX27" s="114">
        <v>799393</v>
      </c>
      <c r="DY27" s="114">
        <v>1197888</v>
      </c>
      <c r="DZ27" s="114">
        <v>2200847</v>
      </c>
      <c r="EA27" s="114">
        <v>2448860</v>
      </c>
      <c r="EB27" s="114">
        <v>1550215</v>
      </c>
      <c r="EC27" s="113">
        <v>8197203</v>
      </c>
      <c r="ED27" s="116">
        <v>8197203</v>
      </c>
      <c r="EE27" s="110">
        <v>0</v>
      </c>
      <c r="EF27" s="112">
        <v>0</v>
      </c>
      <c r="EG27" s="113">
        <v>0</v>
      </c>
      <c r="EH27" s="110">
        <v>0</v>
      </c>
      <c r="EI27" s="114">
        <v>0</v>
      </c>
      <c r="EJ27" s="114">
        <v>81901</v>
      </c>
      <c r="EK27" s="114">
        <v>327618</v>
      </c>
      <c r="EL27" s="114">
        <v>474570</v>
      </c>
      <c r="EM27" s="114">
        <v>169244</v>
      </c>
      <c r="EN27" s="112">
        <v>1053333</v>
      </c>
      <c r="EO27" s="116">
        <v>1053333</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5"/>
      <c r="FE27" s="114">
        <v>0</v>
      </c>
      <c r="FF27" s="114">
        <v>0</v>
      </c>
      <c r="FG27" s="114">
        <v>0</v>
      </c>
      <c r="FH27" s="114">
        <v>0</v>
      </c>
      <c r="FI27" s="114">
        <v>0</v>
      </c>
      <c r="FJ27" s="113">
        <v>0</v>
      </c>
      <c r="FK27" s="116">
        <v>0</v>
      </c>
      <c r="FL27" s="110">
        <v>512613</v>
      </c>
      <c r="FM27" s="114">
        <v>808526</v>
      </c>
      <c r="FN27" s="113">
        <v>1321139</v>
      </c>
      <c r="FO27" s="110">
        <v>0</v>
      </c>
      <c r="FP27" s="114">
        <v>1950006</v>
      </c>
      <c r="FQ27" s="114">
        <v>3103222</v>
      </c>
      <c r="FR27" s="114">
        <v>2434007</v>
      </c>
      <c r="FS27" s="114">
        <v>1615955</v>
      </c>
      <c r="FT27" s="114">
        <v>1840026</v>
      </c>
      <c r="FU27" s="113">
        <v>10943216</v>
      </c>
      <c r="FV27" s="116">
        <v>12264355</v>
      </c>
      <c r="FW27" s="115">
        <v>94837</v>
      </c>
      <c r="FX27" s="114">
        <v>456050</v>
      </c>
      <c r="FY27" s="112">
        <v>550887</v>
      </c>
      <c r="FZ27" s="111">
        <v>0</v>
      </c>
      <c r="GA27" s="114">
        <v>1500766</v>
      </c>
      <c r="GB27" s="114">
        <v>2811937</v>
      </c>
      <c r="GC27" s="114">
        <v>2306252</v>
      </c>
      <c r="GD27" s="114">
        <v>1615955</v>
      </c>
      <c r="GE27" s="114">
        <v>1583986</v>
      </c>
      <c r="GF27" s="113">
        <v>9818896</v>
      </c>
      <c r="GG27" s="316">
        <v>10369783</v>
      </c>
      <c r="GH27" s="115">
        <v>23936</v>
      </c>
      <c r="GI27" s="114">
        <v>31446</v>
      </c>
      <c r="GJ27" s="112">
        <v>55382</v>
      </c>
      <c r="GK27" s="111">
        <v>0</v>
      </c>
      <c r="GL27" s="114">
        <v>26136</v>
      </c>
      <c r="GM27" s="114">
        <v>49140</v>
      </c>
      <c r="GN27" s="114">
        <v>0</v>
      </c>
      <c r="GO27" s="114">
        <v>0</v>
      </c>
      <c r="GP27" s="114">
        <v>58600</v>
      </c>
      <c r="GQ27" s="113">
        <v>133876</v>
      </c>
      <c r="GR27" s="116">
        <v>189258</v>
      </c>
      <c r="GS27" s="110">
        <v>393840</v>
      </c>
      <c r="GT27" s="114">
        <v>321030</v>
      </c>
      <c r="GU27" s="113">
        <v>714870</v>
      </c>
      <c r="GV27" s="110">
        <v>0</v>
      </c>
      <c r="GW27" s="114">
        <v>423104</v>
      </c>
      <c r="GX27" s="114">
        <v>242145</v>
      </c>
      <c r="GY27" s="114">
        <v>127755</v>
      </c>
      <c r="GZ27" s="114">
        <v>0</v>
      </c>
      <c r="HA27" s="114">
        <v>197440</v>
      </c>
      <c r="HB27" s="112">
        <v>990444</v>
      </c>
      <c r="HC27" s="116">
        <v>1705314</v>
      </c>
      <c r="HD27" s="110">
        <v>424179</v>
      </c>
      <c r="HE27" s="114">
        <v>597219</v>
      </c>
      <c r="HF27" s="112">
        <v>1021398</v>
      </c>
      <c r="HG27" s="111">
        <v>0</v>
      </c>
      <c r="HH27" s="114">
        <v>4296668</v>
      </c>
      <c r="HI27" s="114">
        <v>3871978</v>
      </c>
      <c r="HJ27" s="114">
        <v>5209062</v>
      </c>
      <c r="HK27" s="114">
        <v>6095223</v>
      </c>
      <c r="HL27" s="114">
        <v>2561364</v>
      </c>
      <c r="HM27" s="113">
        <v>22034295</v>
      </c>
      <c r="HN27" s="109">
        <v>23055693</v>
      </c>
      <c r="HO27" s="115">
        <v>116112</v>
      </c>
      <c r="HP27" s="114">
        <v>342246</v>
      </c>
      <c r="HQ27" s="113">
        <v>458358</v>
      </c>
      <c r="HR27" s="110">
        <v>0</v>
      </c>
      <c r="HS27" s="114">
        <v>4729860</v>
      </c>
      <c r="HT27" s="114">
        <v>4502342</v>
      </c>
      <c r="HU27" s="114">
        <v>2616698</v>
      </c>
      <c r="HV27" s="114">
        <v>1731474</v>
      </c>
      <c r="HW27" s="114">
        <v>1264023</v>
      </c>
      <c r="HX27" s="112">
        <v>14844397</v>
      </c>
      <c r="HY27" s="116">
        <v>15302755</v>
      </c>
      <c r="HZ27" s="131">
        <v>93105</v>
      </c>
      <c r="IA27" s="132">
        <v>169578</v>
      </c>
      <c r="IB27" s="133">
        <v>262683</v>
      </c>
      <c r="IC27" s="146">
        <v>0</v>
      </c>
      <c r="ID27" s="132">
        <v>12912990</v>
      </c>
      <c r="IE27" s="147">
        <v>14608445</v>
      </c>
      <c r="IF27" s="133">
        <v>12379668</v>
      </c>
      <c r="IG27" s="132">
        <v>14064991</v>
      </c>
      <c r="IH27" s="133">
        <v>6603318</v>
      </c>
      <c r="II27" s="148">
        <v>60569412</v>
      </c>
      <c r="IJ27" s="139">
        <v>60832095</v>
      </c>
      <c r="IK27" s="232">
        <v>0</v>
      </c>
      <c r="IL27" s="236">
        <v>0</v>
      </c>
      <c r="IM27" s="237">
        <v>0</v>
      </c>
      <c r="IN27" s="140"/>
      <c r="IO27" s="119">
        <v>100576</v>
      </c>
      <c r="IP27" s="119">
        <v>705095</v>
      </c>
      <c r="IQ27" s="119">
        <v>466464</v>
      </c>
      <c r="IR27" s="119">
        <v>670032</v>
      </c>
      <c r="IS27" s="119">
        <v>0</v>
      </c>
      <c r="IT27" s="141">
        <v>1942167</v>
      </c>
      <c r="IU27" s="318">
        <v>1942167</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6449014</v>
      </c>
      <c r="JL27" s="119">
        <v>6770702</v>
      </c>
      <c r="JM27" s="119">
        <v>3510798</v>
      </c>
      <c r="JN27" s="119">
        <v>3397563</v>
      </c>
      <c r="JO27" s="119">
        <v>922122</v>
      </c>
      <c r="JP27" s="120">
        <v>21050199</v>
      </c>
      <c r="JQ27" s="318">
        <v>21050199</v>
      </c>
      <c r="JR27" s="142">
        <v>0</v>
      </c>
      <c r="JS27" s="119">
        <v>0</v>
      </c>
      <c r="JT27" s="141">
        <v>0</v>
      </c>
      <c r="JU27" s="118">
        <v>0</v>
      </c>
      <c r="JV27" s="119">
        <v>0</v>
      </c>
      <c r="JW27" s="119">
        <v>351450</v>
      </c>
      <c r="JX27" s="119">
        <v>373958</v>
      </c>
      <c r="JY27" s="119">
        <v>403565</v>
      </c>
      <c r="JZ27" s="119">
        <v>625923</v>
      </c>
      <c r="KA27" s="120">
        <v>1754896</v>
      </c>
      <c r="KB27" s="318">
        <v>1754896</v>
      </c>
      <c r="KC27" s="234">
        <v>93105</v>
      </c>
      <c r="KD27" s="230">
        <v>169578</v>
      </c>
      <c r="KE27" s="120">
        <v>262683</v>
      </c>
      <c r="KF27" s="118">
        <v>0</v>
      </c>
      <c r="KG27" s="119">
        <v>2770896</v>
      </c>
      <c r="KH27" s="119">
        <v>3264435</v>
      </c>
      <c r="KI27" s="119">
        <v>4660321</v>
      </c>
      <c r="KJ27" s="119">
        <v>2103914</v>
      </c>
      <c r="KK27" s="119">
        <v>1146456</v>
      </c>
      <c r="KL27" s="120">
        <v>13946022</v>
      </c>
      <c r="KM27" s="143">
        <v>14208705</v>
      </c>
      <c r="KN27" s="232">
        <v>0</v>
      </c>
      <c r="KO27" s="236">
        <v>0</v>
      </c>
      <c r="KP27" s="237">
        <v>0</v>
      </c>
      <c r="KQ27" s="140"/>
      <c r="KR27" s="119">
        <v>3592504</v>
      </c>
      <c r="KS27" s="119">
        <v>3516763</v>
      </c>
      <c r="KT27" s="119">
        <v>2813916</v>
      </c>
      <c r="KU27" s="119">
        <v>2512215</v>
      </c>
      <c r="KV27" s="119">
        <v>1032858</v>
      </c>
      <c r="KW27" s="120">
        <v>13468256</v>
      </c>
      <c r="KX27" s="318">
        <v>13468256</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554211</v>
      </c>
      <c r="LQ27" s="119">
        <v>4977702</v>
      </c>
      <c r="LR27" s="119">
        <v>2875959</v>
      </c>
      <c r="LS27" s="120">
        <v>8407872</v>
      </c>
      <c r="LT27" s="318">
        <v>8407872</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3977427</v>
      </c>
      <c r="MK27" s="119">
        <v>5556847</v>
      </c>
      <c r="ML27" s="119">
        <v>21931800</v>
      </c>
      <c r="MM27" s="119">
        <v>31510605</v>
      </c>
      <c r="MN27" s="119">
        <v>16705939</v>
      </c>
      <c r="MO27" s="120">
        <v>79682618</v>
      </c>
      <c r="MP27" s="143">
        <v>79682618</v>
      </c>
      <c r="MQ27" s="142">
        <v>0</v>
      </c>
      <c r="MR27" s="119">
        <v>0</v>
      </c>
      <c r="MS27" s="120">
        <v>0</v>
      </c>
      <c r="MT27" s="145"/>
      <c r="MU27" s="119">
        <v>443394</v>
      </c>
      <c r="MV27" s="119">
        <v>132894</v>
      </c>
      <c r="MW27" s="119">
        <v>14095331</v>
      </c>
      <c r="MX27" s="119">
        <v>17377929</v>
      </c>
      <c r="MY27" s="119">
        <v>11125736</v>
      </c>
      <c r="MZ27" s="120">
        <v>43175284</v>
      </c>
      <c r="NA27" s="143">
        <v>43175284</v>
      </c>
      <c r="NB27" s="142">
        <v>0</v>
      </c>
      <c r="NC27" s="119">
        <v>0</v>
      </c>
      <c r="ND27" s="120">
        <v>0</v>
      </c>
      <c r="NE27" s="145"/>
      <c r="NF27" s="119">
        <v>3534033</v>
      </c>
      <c r="NG27" s="119">
        <v>5423953</v>
      </c>
      <c r="NH27" s="119">
        <v>7836469</v>
      </c>
      <c r="NI27" s="119">
        <v>11037940</v>
      </c>
      <c r="NJ27" s="119">
        <v>4382216</v>
      </c>
      <c r="NK27" s="120">
        <v>32214611</v>
      </c>
      <c r="NL27" s="318">
        <v>32214611</v>
      </c>
      <c r="NM27" s="142">
        <v>0</v>
      </c>
      <c r="NN27" s="119">
        <v>0</v>
      </c>
      <c r="NO27" s="120">
        <v>0</v>
      </c>
      <c r="NP27" s="145"/>
      <c r="NQ27" s="119">
        <v>0</v>
      </c>
      <c r="NR27" s="119">
        <v>0</v>
      </c>
      <c r="NS27" s="119">
        <v>0</v>
      </c>
      <c r="NT27" s="119">
        <v>0</v>
      </c>
      <c r="NU27" s="119">
        <v>359726</v>
      </c>
      <c r="NV27" s="120">
        <v>359726</v>
      </c>
      <c r="NW27" s="121">
        <v>359726</v>
      </c>
      <c r="NX27" s="142">
        <v>0</v>
      </c>
      <c r="NY27" s="119">
        <v>0</v>
      </c>
      <c r="NZ27" s="120">
        <v>0</v>
      </c>
      <c r="OA27" s="145"/>
      <c r="OB27" s="119">
        <v>0</v>
      </c>
      <c r="OC27" s="119">
        <v>0</v>
      </c>
      <c r="OD27" s="119">
        <v>0</v>
      </c>
      <c r="OE27" s="119">
        <v>3094736</v>
      </c>
      <c r="OF27" s="119">
        <v>838261</v>
      </c>
      <c r="OG27" s="120">
        <v>3932997</v>
      </c>
      <c r="OH27" s="121">
        <v>3932997</v>
      </c>
      <c r="OI27" s="142">
        <v>1308762</v>
      </c>
      <c r="OJ27" s="119">
        <v>2354300</v>
      </c>
      <c r="OK27" s="141">
        <v>3663062</v>
      </c>
      <c r="OL27" s="118">
        <v>0</v>
      </c>
      <c r="OM27" s="119">
        <v>42206025</v>
      </c>
      <c r="ON27" s="119">
        <v>50489866</v>
      </c>
      <c r="OO27" s="119">
        <v>60026700</v>
      </c>
      <c r="OP27" s="119">
        <v>70672152</v>
      </c>
      <c r="OQ27" s="119">
        <v>42259243</v>
      </c>
      <c r="OR27" s="120">
        <v>265653986</v>
      </c>
      <c r="OS27" s="143">
        <v>269317048</v>
      </c>
    </row>
    <row r="28" spans="2:409" ht="21" customHeight="1" x14ac:dyDescent="0.2">
      <c r="B28" s="62" t="s">
        <v>23</v>
      </c>
      <c r="C28" s="110">
        <v>3675999</v>
      </c>
      <c r="D28" s="114">
        <v>6351717</v>
      </c>
      <c r="E28" s="113">
        <v>10027716</v>
      </c>
      <c r="F28" s="109">
        <v>0</v>
      </c>
      <c r="G28" s="114">
        <v>53006190</v>
      </c>
      <c r="H28" s="114">
        <v>63379999</v>
      </c>
      <c r="I28" s="114">
        <v>50986271</v>
      </c>
      <c r="J28" s="114">
        <v>58921854</v>
      </c>
      <c r="K28" s="114">
        <v>33102434</v>
      </c>
      <c r="L28" s="173">
        <v>259396748</v>
      </c>
      <c r="M28" s="116">
        <v>269424464</v>
      </c>
      <c r="N28" s="110">
        <v>1157108</v>
      </c>
      <c r="O28" s="114">
        <v>1995973</v>
      </c>
      <c r="P28" s="113">
        <v>3153081</v>
      </c>
      <c r="Q28" s="110">
        <v>0</v>
      </c>
      <c r="R28" s="114">
        <v>12740083</v>
      </c>
      <c r="S28" s="114">
        <v>16255779</v>
      </c>
      <c r="T28" s="114">
        <v>13753454</v>
      </c>
      <c r="U28" s="114">
        <v>17304979</v>
      </c>
      <c r="V28" s="114">
        <v>12959797</v>
      </c>
      <c r="W28" s="113">
        <v>73014092</v>
      </c>
      <c r="X28" s="116">
        <v>76167173</v>
      </c>
      <c r="Y28" s="110">
        <v>0</v>
      </c>
      <c r="Z28" s="114">
        <v>0</v>
      </c>
      <c r="AA28" s="113">
        <v>0</v>
      </c>
      <c r="AB28" s="110">
        <v>0</v>
      </c>
      <c r="AC28" s="114">
        <v>6075746</v>
      </c>
      <c r="AD28" s="114">
        <v>6655220</v>
      </c>
      <c r="AE28" s="114">
        <v>7389706</v>
      </c>
      <c r="AF28" s="114">
        <v>8883480</v>
      </c>
      <c r="AG28" s="114">
        <v>6482233</v>
      </c>
      <c r="AH28" s="113">
        <v>35486385</v>
      </c>
      <c r="AI28" s="116">
        <v>35486385</v>
      </c>
      <c r="AJ28" s="110">
        <v>0</v>
      </c>
      <c r="AK28" s="114">
        <v>0</v>
      </c>
      <c r="AL28" s="113">
        <v>0</v>
      </c>
      <c r="AM28" s="110">
        <v>0</v>
      </c>
      <c r="AN28" s="114">
        <v>40917</v>
      </c>
      <c r="AO28" s="114">
        <v>184601</v>
      </c>
      <c r="AP28" s="114">
        <v>864325</v>
      </c>
      <c r="AQ28" s="114">
        <v>1004057</v>
      </c>
      <c r="AR28" s="114">
        <v>1436493</v>
      </c>
      <c r="AS28" s="113">
        <v>3530393</v>
      </c>
      <c r="AT28" s="116">
        <v>3530393</v>
      </c>
      <c r="AU28" s="110">
        <v>822190</v>
      </c>
      <c r="AV28" s="114">
        <v>1646478</v>
      </c>
      <c r="AW28" s="113">
        <v>2468668</v>
      </c>
      <c r="AX28" s="110">
        <v>0</v>
      </c>
      <c r="AY28" s="114">
        <v>3764465</v>
      </c>
      <c r="AZ28" s="114">
        <v>6649109</v>
      </c>
      <c r="BA28" s="114">
        <v>2992487</v>
      </c>
      <c r="BB28" s="114">
        <v>3906055</v>
      </c>
      <c r="BC28" s="114">
        <v>2747973</v>
      </c>
      <c r="BD28" s="113">
        <v>20060089</v>
      </c>
      <c r="BE28" s="116">
        <v>22528757</v>
      </c>
      <c r="BF28" s="110">
        <v>144495</v>
      </c>
      <c r="BG28" s="114">
        <v>242917</v>
      </c>
      <c r="BH28" s="112">
        <v>387412</v>
      </c>
      <c r="BI28" s="111">
        <v>0</v>
      </c>
      <c r="BJ28" s="114">
        <v>354254</v>
      </c>
      <c r="BK28" s="114">
        <v>793190</v>
      </c>
      <c r="BL28" s="114">
        <v>393056</v>
      </c>
      <c r="BM28" s="114">
        <v>505445</v>
      </c>
      <c r="BN28" s="114">
        <v>354546</v>
      </c>
      <c r="BO28" s="113">
        <v>2400491</v>
      </c>
      <c r="BP28" s="116">
        <v>2787903</v>
      </c>
      <c r="BQ28" s="110">
        <v>190423</v>
      </c>
      <c r="BR28" s="114">
        <v>106578</v>
      </c>
      <c r="BS28" s="113">
        <v>297001</v>
      </c>
      <c r="BT28" s="110">
        <v>0</v>
      </c>
      <c r="BU28" s="114">
        <v>2504701</v>
      </c>
      <c r="BV28" s="114">
        <v>1973659</v>
      </c>
      <c r="BW28" s="114">
        <v>2113880</v>
      </c>
      <c r="BX28" s="114">
        <v>3005942</v>
      </c>
      <c r="BY28" s="114">
        <v>1938552</v>
      </c>
      <c r="BZ28" s="113">
        <v>11536734</v>
      </c>
      <c r="CA28" s="116">
        <v>11833735</v>
      </c>
      <c r="CB28" s="110">
        <v>49057</v>
      </c>
      <c r="CC28" s="114">
        <v>412023</v>
      </c>
      <c r="CD28" s="113">
        <v>461080</v>
      </c>
      <c r="CE28" s="110">
        <v>0</v>
      </c>
      <c r="CF28" s="114">
        <v>19213883</v>
      </c>
      <c r="CG28" s="114">
        <v>21872910</v>
      </c>
      <c r="CH28" s="114">
        <v>16780326</v>
      </c>
      <c r="CI28" s="114">
        <v>12716716</v>
      </c>
      <c r="CJ28" s="114">
        <v>4831031</v>
      </c>
      <c r="CK28" s="113">
        <v>75414866</v>
      </c>
      <c r="CL28" s="116">
        <v>75875946</v>
      </c>
      <c r="CM28" s="110">
        <v>0</v>
      </c>
      <c r="CN28" s="114">
        <v>0</v>
      </c>
      <c r="CO28" s="113">
        <v>0</v>
      </c>
      <c r="CP28" s="111">
        <v>0</v>
      </c>
      <c r="CQ28" s="114">
        <v>16601216</v>
      </c>
      <c r="CR28" s="114">
        <v>18224581</v>
      </c>
      <c r="CS28" s="114">
        <v>13419917</v>
      </c>
      <c r="CT28" s="114">
        <v>10153568</v>
      </c>
      <c r="CU28" s="114">
        <v>4418017</v>
      </c>
      <c r="CV28" s="113">
        <v>62817299</v>
      </c>
      <c r="CW28" s="116">
        <v>62817299</v>
      </c>
      <c r="CX28" s="110">
        <v>49057</v>
      </c>
      <c r="CY28" s="114">
        <v>412023</v>
      </c>
      <c r="CZ28" s="113">
        <v>461080</v>
      </c>
      <c r="DA28" s="110">
        <v>0</v>
      </c>
      <c r="DB28" s="114">
        <v>2612667</v>
      </c>
      <c r="DC28" s="114">
        <v>3648329</v>
      </c>
      <c r="DD28" s="114">
        <v>3360409</v>
      </c>
      <c r="DE28" s="114">
        <v>2563148</v>
      </c>
      <c r="DF28" s="114">
        <v>413014</v>
      </c>
      <c r="DG28" s="113">
        <v>12597567</v>
      </c>
      <c r="DH28" s="116">
        <v>13058647</v>
      </c>
      <c r="DI28" s="110">
        <v>59124</v>
      </c>
      <c r="DJ28" s="114">
        <v>178646</v>
      </c>
      <c r="DK28" s="112">
        <v>237770</v>
      </c>
      <c r="DL28" s="111">
        <v>0</v>
      </c>
      <c r="DM28" s="114">
        <v>973690</v>
      </c>
      <c r="DN28" s="114">
        <v>3607918</v>
      </c>
      <c r="DO28" s="114">
        <v>5197878</v>
      </c>
      <c r="DP28" s="114">
        <v>4154177</v>
      </c>
      <c r="DQ28" s="114">
        <v>2463258</v>
      </c>
      <c r="DR28" s="113">
        <v>16396921</v>
      </c>
      <c r="DS28" s="116">
        <v>16634691</v>
      </c>
      <c r="DT28" s="110">
        <v>33811</v>
      </c>
      <c r="DU28" s="114">
        <v>178646</v>
      </c>
      <c r="DV28" s="113">
        <v>212457</v>
      </c>
      <c r="DW28" s="110">
        <v>0</v>
      </c>
      <c r="DX28" s="114">
        <v>869124</v>
      </c>
      <c r="DY28" s="114">
        <v>3407629</v>
      </c>
      <c r="DZ28" s="114">
        <v>5158848</v>
      </c>
      <c r="EA28" s="114">
        <v>3818595</v>
      </c>
      <c r="EB28" s="114">
        <v>2027985</v>
      </c>
      <c r="EC28" s="113">
        <v>15282181</v>
      </c>
      <c r="ED28" s="116">
        <v>15494638</v>
      </c>
      <c r="EE28" s="110">
        <v>25313</v>
      </c>
      <c r="EF28" s="112">
        <v>0</v>
      </c>
      <c r="EG28" s="113">
        <v>25313</v>
      </c>
      <c r="EH28" s="110">
        <v>0</v>
      </c>
      <c r="EI28" s="114">
        <v>104566</v>
      </c>
      <c r="EJ28" s="114">
        <v>200289</v>
      </c>
      <c r="EK28" s="114">
        <v>39030</v>
      </c>
      <c r="EL28" s="114">
        <v>335582</v>
      </c>
      <c r="EM28" s="114">
        <v>435273</v>
      </c>
      <c r="EN28" s="112">
        <v>1114740</v>
      </c>
      <c r="EO28" s="116">
        <v>1140053</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5"/>
      <c r="FE28" s="114">
        <v>0</v>
      </c>
      <c r="FF28" s="114">
        <v>0</v>
      </c>
      <c r="FG28" s="114">
        <v>0</v>
      </c>
      <c r="FH28" s="114">
        <v>0</v>
      </c>
      <c r="FI28" s="114">
        <v>0</v>
      </c>
      <c r="FJ28" s="113">
        <v>0</v>
      </c>
      <c r="FK28" s="116">
        <v>0</v>
      </c>
      <c r="FL28" s="110">
        <v>1197156</v>
      </c>
      <c r="FM28" s="114">
        <v>2099785</v>
      </c>
      <c r="FN28" s="113">
        <v>3296941</v>
      </c>
      <c r="FO28" s="110">
        <v>0</v>
      </c>
      <c r="FP28" s="114">
        <v>3202526</v>
      </c>
      <c r="FQ28" s="114">
        <v>6410443</v>
      </c>
      <c r="FR28" s="114">
        <v>3517154</v>
      </c>
      <c r="FS28" s="114">
        <v>4033349</v>
      </c>
      <c r="FT28" s="114">
        <v>2171447</v>
      </c>
      <c r="FU28" s="113">
        <v>19334919</v>
      </c>
      <c r="FV28" s="116">
        <v>22631860</v>
      </c>
      <c r="FW28" s="115">
        <v>557776</v>
      </c>
      <c r="FX28" s="114">
        <v>1676208</v>
      </c>
      <c r="FY28" s="112">
        <v>2233984</v>
      </c>
      <c r="FZ28" s="111">
        <v>0</v>
      </c>
      <c r="GA28" s="114">
        <v>2446344</v>
      </c>
      <c r="GB28" s="114">
        <v>5641670</v>
      </c>
      <c r="GC28" s="114">
        <v>3361016</v>
      </c>
      <c r="GD28" s="114">
        <v>3667629</v>
      </c>
      <c r="GE28" s="114">
        <v>2130879</v>
      </c>
      <c r="GF28" s="113">
        <v>17247538</v>
      </c>
      <c r="GG28" s="316">
        <v>19481522</v>
      </c>
      <c r="GH28" s="115">
        <v>27000</v>
      </c>
      <c r="GI28" s="114">
        <v>207577</v>
      </c>
      <c r="GJ28" s="112">
        <v>234577</v>
      </c>
      <c r="GK28" s="111">
        <v>0</v>
      </c>
      <c r="GL28" s="114">
        <v>223004</v>
      </c>
      <c r="GM28" s="114">
        <v>132066</v>
      </c>
      <c r="GN28" s="114">
        <v>138638</v>
      </c>
      <c r="GO28" s="114">
        <v>96460</v>
      </c>
      <c r="GP28" s="114">
        <v>40568</v>
      </c>
      <c r="GQ28" s="113">
        <v>630736</v>
      </c>
      <c r="GR28" s="116">
        <v>865313</v>
      </c>
      <c r="GS28" s="110">
        <v>612380</v>
      </c>
      <c r="GT28" s="114">
        <v>216000</v>
      </c>
      <c r="GU28" s="113">
        <v>828380</v>
      </c>
      <c r="GV28" s="110">
        <v>0</v>
      </c>
      <c r="GW28" s="114">
        <v>533178</v>
      </c>
      <c r="GX28" s="114">
        <v>636707</v>
      </c>
      <c r="GY28" s="114">
        <v>17500</v>
      </c>
      <c r="GZ28" s="114">
        <v>269260</v>
      </c>
      <c r="HA28" s="114">
        <v>0</v>
      </c>
      <c r="HB28" s="112">
        <v>1456645</v>
      </c>
      <c r="HC28" s="116">
        <v>2285025</v>
      </c>
      <c r="HD28" s="110">
        <v>578694</v>
      </c>
      <c r="HE28" s="114">
        <v>310903</v>
      </c>
      <c r="HF28" s="112">
        <v>889597</v>
      </c>
      <c r="HG28" s="111">
        <v>0</v>
      </c>
      <c r="HH28" s="114">
        <v>8566681</v>
      </c>
      <c r="HI28" s="114">
        <v>7380970</v>
      </c>
      <c r="HJ28" s="114">
        <v>6667404</v>
      </c>
      <c r="HK28" s="114">
        <v>16877754</v>
      </c>
      <c r="HL28" s="114">
        <v>8960710</v>
      </c>
      <c r="HM28" s="113">
        <v>48453519</v>
      </c>
      <c r="HN28" s="109">
        <v>49343116</v>
      </c>
      <c r="HO28" s="115">
        <v>634860</v>
      </c>
      <c r="HP28" s="114">
        <v>1354387</v>
      </c>
      <c r="HQ28" s="113">
        <v>1989247</v>
      </c>
      <c r="HR28" s="110">
        <v>0</v>
      </c>
      <c r="HS28" s="114">
        <v>8309327</v>
      </c>
      <c r="HT28" s="114">
        <v>7851979</v>
      </c>
      <c r="HU28" s="114">
        <v>5070055</v>
      </c>
      <c r="HV28" s="114">
        <v>3834879</v>
      </c>
      <c r="HW28" s="114">
        <v>1716191</v>
      </c>
      <c r="HX28" s="112">
        <v>26782431</v>
      </c>
      <c r="HY28" s="116">
        <v>28771678</v>
      </c>
      <c r="HZ28" s="150">
        <v>0</v>
      </c>
      <c r="IA28" s="135">
        <v>0</v>
      </c>
      <c r="IB28" s="150">
        <v>0</v>
      </c>
      <c r="IC28" s="134">
        <v>0</v>
      </c>
      <c r="ID28" s="135">
        <v>10960382</v>
      </c>
      <c r="IE28" s="136">
        <v>8865294</v>
      </c>
      <c r="IF28" s="137">
        <v>9161100</v>
      </c>
      <c r="IG28" s="135">
        <v>6881383</v>
      </c>
      <c r="IH28" s="137">
        <v>5803630</v>
      </c>
      <c r="II28" s="138">
        <v>41671789</v>
      </c>
      <c r="IJ28" s="150">
        <v>41671789</v>
      </c>
      <c r="IK28" s="232">
        <v>0</v>
      </c>
      <c r="IL28" s="236">
        <v>0</v>
      </c>
      <c r="IM28" s="237">
        <v>0</v>
      </c>
      <c r="IN28" s="140"/>
      <c r="IO28" s="119">
        <v>0</v>
      </c>
      <c r="IP28" s="119">
        <v>108756</v>
      </c>
      <c r="IQ28" s="119">
        <v>0</v>
      </c>
      <c r="IR28" s="119">
        <v>0</v>
      </c>
      <c r="IS28" s="119">
        <v>495981</v>
      </c>
      <c r="IT28" s="141">
        <v>604737</v>
      </c>
      <c r="IU28" s="318">
        <v>604737</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607523</v>
      </c>
      <c r="JL28" s="119">
        <v>2736910</v>
      </c>
      <c r="JM28" s="119">
        <v>2499391</v>
      </c>
      <c r="JN28" s="119">
        <v>2258924</v>
      </c>
      <c r="JO28" s="119">
        <v>1211897</v>
      </c>
      <c r="JP28" s="120">
        <v>11314645</v>
      </c>
      <c r="JQ28" s="318">
        <v>11314645</v>
      </c>
      <c r="JR28" s="142">
        <v>0</v>
      </c>
      <c r="JS28" s="119">
        <v>0</v>
      </c>
      <c r="JT28" s="141">
        <v>0</v>
      </c>
      <c r="JU28" s="118">
        <v>0</v>
      </c>
      <c r="JV28" s="119">
        <v>0</v>
      </c>
      <c r="JW28" s="119">
        <v>0</v>
      </c>
      <c r="JX28" s="119">
        <v>317386</v>
      </c>
      <c r="JY28" s="119">
        <v>316409</v>
      </c>
      <c r="JZ28" s="119">
        <v>148236</v>
      </c>
      <c r="KA28" s="120">
        <v>782031</v>
      </c>
      <c r="KB28" s="318">
        <v>782031</v>
      </c>
      <c r="KC28" s="234">
        <v>0</v>
      </c>
      <c r="KD28" s="230">
        <v>0</v>
      </c>
      <c r="KE28" s="120">
        <v>0</v>
      </c>
      <c r="KF28" s="118">
        <v>0</v>
      </c>
      <c r="KG28" s="119">
        <v>779286</v>
      </c>
      <c r="KH28" s="119">
        <v>1072665</v>
      </c>
      <c r="KI28" s="119">
        <v>789991</v>
      </c>
      <c r="KJ28" s="119">
        <v>282456</v>
      </c>
      <c r="KK28" s="119">
        <v>1247524</v>
      </c>
      <c r="KL28" s="120">
        <v>4171922</v>
      </c>
      <c r="KM28" s="143">
        <v>4171922</v>
      </c>
      <c r="KN28" s="232">
        <v>0</v>
      </c>
      <c r="KO28" s="236">
        <v>0</v>
      </c>
      <c r="KP28" s="237">
        <v>0</v>
      </c>
      <c r="KQ28" s="140"/>
      <c r="KR28" s="119">
        <v>7573573</v>
      </c>
      <c r="KS28" s="119">
        <v>4946963</v>
      </c>
      <c r="KT28" s="119">
        <v>5554332</v>
      </c>
      <c r="KU28" s="119">
        <v>3703727</v>
      </c>
      <c r="KV28" s="119">
        <v>2699992</v>
      </c>
      <c r="KW28" s="120">
        <v>24478587</v>
      </c>
      <c r="KX28" s="318">
        <v>24478587</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18">
        <v>0</v>
      </c>
      <c r="LU28" s="142">
        <v>0</v>
      </c>
      <c r="LV28" s="119">
        <v>0</v>
      </c>
      <c r="LW28" s="120">
        <v>0</v>
      </c>
      <c r="LX28" s="145"/>
      <c r="LY28" s="119">
        <v>0</v>
      </c>
      <c r="LZ28" s="119">
        <v>0</v>
      </c>
      <c r="MA28" s="119">
        <v>0</v>
      </c>
      <c r="MB28" s="119">
        <v>319867</v>
      </c>
      <c r="MC28" s="119">
        <v>0</v>
      </c>
      <c r="MD28" s="120">
        <v>319867</v>
      </c>
      <c r="ME28" s="121">
        <v>319867</v>
      </c>
      <c r="MF28" s="142">
        <v>0</v>
      </c>
      <c r="MG28" s="119">
        <v>0</v>
      </c>
      <c r="MH28" s="120">
        <v>0</v>
      </c>
      <c r="MI28" s="145"/>
      <c r="MJ28" s="119">
        <v>3645597</v>
      </c>
      <c r="MK28" s="119">
        <v>11011022</v>
      </c>
      <c r="ML28" s="119">
        <v>35220695</v>
      </c>
      <c r="MM28" s="119">
        <v>58154958</v>
      </c>
      <c r="MN28" s="119">
        <v>43824299</v>
      </c>
      <c r="MO28" s="120">
        <v>151856571</v>
      </c>
      <c r="MP28" s="143">
        <v>151856571</v>
      </c>
      <c r="MQ28" s="142">
        <v>0</v>
      </c>
      <c r="MR28" s="119">
        <v>0</v>
      </c>
      <c r="MS28" s="120">
        <v>0</v>
      </c>
      <c r="MT28" s="145"/>
      <c r="MU28" s="119">
        <v>450695</v>
      </c>
      <c r="MV28" s="119">
        <v>2258769</v>
      </c>
      <c r="MW28" s="119">
        <v>23454601</v>
      </c>
      <c r="MX28" s="119">
        <v>36374038</v>
      </c>
      <c r="MY28" s="119">
        <v>28560783</v>
      </c>
      <c r="MZ28" s="120">
        <v>91098886</v>
      </c>
      <c r="NA28" s="143">
        <v>91098886</v>
      </c>
      <c r="NB28" s="142">
        <v>0</v>
      </c>
      <c r="NC28" s="119">
        <v>0</v>
      </c>
      <c r="ND28" s="120">
        <v>0</v>
      </c>
      <c r="NE28" s="145"/>
      <c r="NF28" s="119">
        <v>3194902</v>
      </c>
      <c r="NG28" s="119">
        <v>8752253</v>
      </c>
      <c r="NH28" s="119">
        <v>11766094</v>
      </c>
      <c r="NI28" s="119">
        <v>19977380</v>
      </c>
      <c r="NJ28" s="119">
        <v>11663719</v>
      </c>
      <c r="NK28" s="120">
        <v>55354348</v>
      </c>
      <c r="NL28" s="318">
        <v>55354348</v>
      </c>
      <c r="NM28" s="142">
        <v>0</v>
      </c>
      <c r="NN28" s="119">
        <v>0</v>
      </c>
      <c r="NO28" s="120">
        <v>0</v>
      </c>
      <c r="NP28" s="145"/>
      <c r="NQ28" s="119">
        <v>0</v>
      </c>
      <c r="NR28" s="119">
        <v>0</v>
      </c>
      <c r="NS28" s="119">
        <v>0</v>
      </c>
      <c r="NT28" s="119">
        <v>579968</v>
      </c>
      <c r="NU28" s="119">
        <v>350051</v>
      </c>
      <c r="NV28" s="120">
        <v>930019</v>
      </c>
      <c r="NW28" s="121">
        <v>930019</v>
      </c>
      <c r="NX28" s="142">
        <v>0</v>
      </c>
      <c r="NY28" s="119">
        <v>0</v>
      </c>
      <c r="NZ28" s="120">
        <v>0</v>
      </c>
      <c r="OA28" s="145"/>
      <c r="OB28" s="119">
        <v>0</v>
      </c>
      <c r="OC28" s="119">
        <v>0</v>
      </c>
      <c r="OD28" s="119">
        <v>0</v>
      </c>
      <c r="OE28" s="119">
        <v>1223572</v>
      </c>
      <c r="OF28" s="119">
        <v>3249746</v>
      </c>
      <c r="OG28" s="120">
        <v>4473318</v>
      </c>
      <c r="OH28" s="121">
        <v>4473318</v>
      </c>
      <c r="OI28" s="142">
        <v>3675999</v>
      </c>
      <c r="OJ28" s="119">
        <v>6351717</v>
      </c>
      <c r="OK28" s="141">
        <v>10027716</v>
      </c>
      <c r="OL28" s="118">
        <v>0</v>
      </c>
      <c r="OM28" s="119">
        <v>67612169</v>
      </c>
      <c r="ON28" s="119">
        <v>83256315</v>
      </c>
      <c r="OO28" s="119">
        <v>95368066</v>
      </c>
      <c r="OP28" s="119">
        <v>123958195</v>
      </c>
      <c r="OQ28" s="119">
        <v>82730363</v>
      </c>
      <c r="OR28" s="120">
        <v>452925108</v>
      </c>
      <c r="OS28" s="143">
        <v>462952824</v>
      </c>
    </row>
    <row r="29" spans="2:409" ht="21" customHeight="1" x14ac:dyDescent="0.2">
      <c r="B29" s="62" t="s">
        <v>24</v>
      </c>
      <c r="C29" s="110">
        <v>3222859</v>
      </c>
      <c r="D29" s="114">
        <v>3045262</v>
      </c>
      <c r="E29" s="113">
        <v>6268121</v>
      </c>
      <c r="F29" s="109">
        <v>0</v>
      </c>
      <c r="G29" s="114">
        <v>26934511</v>
      </c>
      <c r="H29" s="114">
        <v>28863970</v>
      </c>
      <c r="I29" s="114">
        <v>24990514</v>
      </c>
      <c r="J29" s="114">
        <v>26588767</v>
      </c>
      <c r="K29" s="114">
        <v>22246170</v>
      </c>
      <c r="L29" s="173">
        <v>129623932</v>
      </c>
      <c r="M29" s="116">
        <v>135892053</v>
      </c>
      <c r="N29" s="110">
        <v>722678</v>
      </c>
      <c r="O29" s="114">
        <v>988693</v>
      </c>
      <c r="P29" s="113">
        <v>1711371</v>
      </c>
      <c r="Q29" s="110">
        <v>0</v>
      </c>
      <c r="R29" s="114">
        <v>5974529</v>
      </c>
      <c r="S29" s="114">
        <v>7774865</v>
      </c>
      <c r="T29" s="114">
        <v>7555247</v>
      </c>
      <c r="U29" s="114">
        <v>9259461</v>
      </c>
      <c r="V29" s="114">
        <v>9808883</v>
      </c>
      <c r="W29" s="113">
        <v>40372985</v>
      </c>
      <c r="X29" s="116">
        <v>42084356</v>
      </c>
      <c r="Y29" s="110">
        <v>0</v>
      </c>
      <c r="Z29" s="114">
        <v>0</v>
      </c>
      <c r="AA29" s="113">
        <v>0</v>
      </c>
      <c r="AB29" s="110">
        <v>0</v>
      </c>
      <c r="AC29" s="114">
        <v>2354922</v>
      </c>
      <c r="AD29" s="114">
        <v>3326582</v>
      </c>
      <c r="AE29" s="114">
        <v>4240181</v>
      </c>
      <c r="AF29" s="114">
        <v>4884973</v>
      </c>
      <c r="AG29" s="114">
        <v>5178711</v>
      </c>
      <c r="AH29" s="113">
        <v>19985369</v>
      </c>
      <c r="AI29" s="116">
        <v>19985369</v>
      </c>
      <c r="AJ29" s="110">
        <v>0</v>
      </c>
      <c r="AK29" s="114">
        <v>0</v>
      </c>
      <c r="AL29" s="113">
        <v>0</v>
      </c>
      <c r="AM29" s="110">
        <v>0</v>
      </c>
      <c r="AN29" s="114">
        <v>0</v>
      </c>
      <c r="AO29" s="114">
        <v>78414</v>
      </c>
      <c r="AP29" s="114">
        <v>273519</v>
      </c>
      <c r="AQ29" s="114">
        <v>461309</v>
      </c>
      <c r="AR29" s="114">
        <v>1442155</v>
      </c>
      <c r="AS29" s="113">
        <v>2255397</v>
      </c>
      <c r="AT29" s="116">
        <v>2255397</v>
      </c>
      <c r="AU29" s="110">
        <v>447046</v>
      </c>
      <c r="AV29" s="114">
        <v>840333</v>
      </c>
      <c r="AW29" s="113">
        <v>1287379</v>
      </c>
      <c r="AX29" s="110">
        <v>0</v>
      </c>
      <c r="AY29" s="114">
        <v>2193001</v>
      </c>
      <c r="AZ29" s="114">
        <v>3034097</v>
      </c>
      <c r="BA29" s="114">
        <v>1708577</v>
      </c>
      <c r="BB29" s="114">
        <v>2123135</v>
      </c>
      <c r="BC29" s="114">
        <v>1905342</v>
      </c>
      <c r="BD29" s="113">
        <v>10964152</v>
      </c>
      <c r="BE29" s="116">
        <v>12251531</v>
      </c>
      <c r="BF29" s="110">
        <v>0</v>
      </c>
      <c r="BG29" s="114">
        <v>23395</v>
      </c>
      <c r="BH29" s="112">
        <v>23395</v>
      </c>
      <c r="BI29" s="111">
        <v>0</v>
      </c>
      <c r="BJ29" s="114">
        <v>131648</v>
      </c>
      <c r="BK29" s="114">
        <v>245224</v>
      </c>
      <c r="BL29" s="114">
        <v>120925</v>
      </c>
      <c r="BM29" s="114">
        <v>181163</v>
      </c>
      <c r="BN29" s="114">
        <v>99815</v>
      </c>
      <c r="BO29" s="113">
        <v>778775</v>
      </c>
      <c r="BP29" s="116">
        <v>802170</v>
      </c>
      <c r="BQ29" s="110">
        <v>275632</v>
      </c>
      <c r="BR29" s="114">
        <v>124965</v>
      </c>
      <c r="BS29" s="113">
        <v>400597</v>
      </c>
      <c r="BT29" s="110">
        <v>0</v>
      </c>
      <c r="BU29" s="114">
        <v>1294958</v>
      </c>
      <c r="BV29" s="114">
        <v>1090548</v>
      </c>
      <c r="BW29" s="114">
        <v>1212045</v>
      </c>
      <c r="BX29" s="114">
        <v>1608881</v>
      </c>
      <c r="BY29" s="114">
        <v>1182860</v>
      </c>
      <c r="BZ29" s="113">
        <v>6389292</v>
      </c>
      <c r="CA29" s="116">
        <v>6789889</v>
      </c>
      <c r="CB29" s="110">
        <v>375895</v>
      </c>
      <c r="CC29" s="114">
        <v>333648</v>
      </c>
      <c r="CD29" s="113">
        <v>709543</v>
      </c>
      <c r="CE29" s="110">
        <v>0</v>
      </c>
      <c r="CF29" s="114">
        <v>9230630</v>
      </c>
      <c r="CG29" s="114">
        <v>8865434</v>
      </c>
      <c r="CH29" s="114">
        <v>5599893</v>
      </c>
      <c r="CI29" s="114">
        <v>3444797</v>
      </c>
      <c r="CJ29" s="114">
        <v>2226835</v>
      </c>
      <c r="CK29" s="113">
        <v>29367589</v>
      </c>
      <c r="CL29" s="116">
        <v>30077132</v>
      </c>
      <c r="CM29" s="110">
        <v>0</v>
      </c>
      <c r="CN29" s="114">
        <v>0</v>
      </c>
      <c r="CO29" s="113">
        <v>0</v>
      </c>
      <c r="CP29" s="111">
        <v>0</v>
      </c>
      <c r="CQ29" s="114">
        <v>6469078</v>
      </c>
      <c r="CR29" s="114">
        <v>6172794</v>
      </c>
      <c r="CS29" s="114">
        <v>3835777</v>
      </c>
      <c r="CT29" s="114">
        <v>2452055</v>
      </c>
      <c r="CU29" s="114">
        <v>631705</v>
      </c>
      <c r="CV29" s="113">
        <v>19561409</v>
      </c>
      <c r="CW29" s="116">
        <v>19561409</v>
      </c>
      <c r="CX29" s="110">
        <v>375895</v>
      </c>
      <c r="CY29" s="114">
        <v>333648</v>
      </c>
      <c r="CZ29" s="113">
        <v>709543</v>
      </c>
      <c r="DA29" s="110">
        <v>0</v>
      </c>
      <c r="DB29" s="114">
        <v>2761552</v>
      </c>
      <c r="DC29" s="114">
        <v>2692640</v>
      </c>
      <c r="DD29" s="114">
        <v>1764116</v>
      </c>
      <c r="DE29" s="114">
        <v>992742</v>
      </c>
      <c r="DF29" s="114">
        <v>1595130</v>
      </c>
      <c r="DG29" s="113">
        <v>9806180</v>
      </c>
      <c r="DH29" s="116">
        <v>10515723</v>
      </c>
      <c r="DI29" s="110">
        <v>24627</v>
      </c>
      <c r="DJ29" s="114">
        <v>106068</v>
      </c>
      <c r="DK29" s="112">
        <v>130695</v>
      </c>
      <c r="DL29" s="111">
        <v>0</v>
      </c>
      <c r="DM29" s="114">
        <v>1304693</v>
      </c>
      <c r="DN29" s="114">
        <v>1402962</v>
      </c>
      <c r="DO29" s="114">
        <v>2233220</v>
      </c>
      <c r="DP29" s="114">
        <v>1773235</v>
      </c>
      <c r="DQ29" s="114">
        <v>1064547</v>
      </c>
      <c r="DR29" s="113">
        <v>7778657</v>
      </c>
      <c r="DS29" s="116">
        <v>7909352</v>
      </c>
      <c r="DT29" s="110">
        <v>24627</v>
      </c>
      <c r="DU29" s="114">
        <v>43695</v>
      </c>
      <c r="DV29" s="113">
        <v>68322</v>
      </c>
      <c r="DW29" s="110">
        <v>0</v>
      </c>
      <c r="DX29" s="114">
        <v>1007980</v>
      </c>
      <c r="DY29" s="114">
        <v>1292034</v>
      </c>
      <c r="DZ29" s="114">
        <v>2076197</v>
      </c>
      <c r="EA29" s="114">
        <v>1697758</v>
      </c>
      <c r="EB29" s="114">
        <v>691787</v>
      </c>
      <c r="EC29" s="113">
        <v>6765756</v>
      </c>
      <c r="ED29" s="116">
        <v>6834078</v>
      </c>
      <c r="EE29" s="110">
        <v>0</v>
      </c>
      <c r="EF29" s="112">
        <v>62373</v>
      </c>
      <c r="EG29" s="113">
        <v>62373</v>
      </c>
      <c r="EH29" s="110">
        <v>0</v>
      </c>
      <c r="EI29" s="114">
        <v>296713</v>
      </c>
      <c r="EJ29" s="114">
        <v>110928</v>
      </c>
      <c r="EK29" s="114">
        <v>157023</v>
      </c>
      <c r="EL29" s="114">
        <v>75477</v>
      </c>
      <c r="EM29" s="114">
        <v>372760</v>
      </c>
      <c r="EN29" s="112">
        <v>1012901</v>
      </c>
      <c r="EO29" s="116">
        <v>1075274</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5"/>
      <c r="FE29" s="114">
        <v>0</v>
      </c>
      <c r="FF29" s="114">
        <v>0</v>
      </c>
      <c r="FG29" s="114">
        <v>0</v>
      </c>
      <c r="FH29" s="114">
        <v>0</v>
      </c>
      <c r="FI29" s="114">
        <v>0</v>
      </c>
      <c r="FJ29" s="113">
        <v>0</v>
      </c>
      <c r="FK29" s="116">
        <v>0</v>
      </c>
      <c r="FL29" s="110">
        <v>789970</v>
      </c>
      <c r="FM29" s="114">
        <v>459469</v>
      </c>
      <c r="FN29" s="113">
        <v>1249439</v>
      </c>
      <c r="FO29" s="110">
        <v>0</v>
      </c>
      <c r="FP29" s="114">
        <v>1042704</v>
      </c>
      <c r="FQ29" s="114">
        <v>2564478</v>
      </c>
      <c r="FR29" s="114">
        <v>1616177</v>
      </c>
      <c r="FS29" s="114">
        <v>1397855</v>
      </c>
      <c r="FT29" s="114">
        <v>1240478</v>
      </c>
      <c r="FU29" s="113">
        <v>7861692</v>
      </c>
      <c r="FV29" s="116">
        <v>9111131</v>
      </c>
      <c r="FW29" s="115">
        <v>364533</v>
      </c>
      <c r="FX29" s="114">
        <v>407980</v>
      </c>
      <c r="FY29" s="112">
        <v>772513</v>
      </c>
      <c r="FZ29" s="111">
        <v>0</v>
      </c>
      <c r="GA29" s="114">
        <v>908242</v>
      </c>
      <c r="GB29" s="114">
        <v>2091046</v>
      </c>
      <c r="GC29" s="114">
        <v>1585622</v>
      </c>
      <c r="GD29" s="114">
        <v>1381055</v>
      </c>
      <c r="GE29" s="114">
        <v>1240478</v>
      </c>
      <c r="GF29" s="113">
        <v>7206443</v>
      </c>
      <c r="GG29" s="316">
        <v>7978956</v>
      </c>
      <c r="GH29" s="115">
        <v>88758</v>
      </c>
      <c r="GI29" s="114">
        <v>51489</v>
      </c>
      <c r="GJ29" s="112">
        <v>140247</v>
      </c>
      <c r="GK29" s="111">
        <v>0</v>
      </c>
      <c r="GL29" s="114">
        <v>107642</v>
      </c>
      <c r="GM29" s="114">
        <v>50732</v>
      </c>
      <c r="GN29" s="114">
        <v>30555</v>
      </c>
      <c r="GO29" s="114">
        <v>0</v>
      </c>
      <c r="GP29" s="114">
        <v>0</v>
      </c>
      <c r="GQ29" s="113">
        <v>188929</v>
      </c>
      <c r="GR29" s="116">
        <v>329176</v>
      </c>
      <c r="GS29" s="110">
        <v>336679</v>
      </c>
      <c r="GT29" s="114">
        <v>0</v>
      </c>
      <c r="GU29" s="113">
        <v>336679</v>
      </c>
      <c r="GV29" s="110">
        <v>0</v>
      </c>
      <c r="GW29" s="114">
        <v>26820</v>
      </c>
      <c r="GX29" s="114">
        <v>422700</v>
      </c>
      <c r="GY29" s="114">
        <v>0</v>
      </c>
      <c r="GZ29" s="114">
        <v>16800</v>
      </c>
      <c r="HA29" s="114">
        <v>0</v>
      </c>
      <c r="HB29" s="112">
        <v>466320</v>
      </c>
      <c r="HC29" s="116">
        <v>802999</v>
      </c>
      <c r="HD29" s="110">
        <v>787566</v>
      </c>
      <c r="HE29" s="114">
        <v>705119</v>
      </c>
      <c r="HF29" s="112">
        <v>1492685</v>
      </c>
      <c r="HG29" s="111">
        <v>0</v>
      </c>
      <c r="HH29" s="114">
        <v>5504295</v>
      </c>
      <c r="HI29" s="114">
        <v>5449782</v>
      </c>
      <c r="HJ29" s="114">
        <v>5727727</v>
      </c>
      <c r="HK29" s="114">
        <v>9396943</v>
      </c>
      <c r="HL29" s="114">
        <v>6898348</v>
      </c>
      <c r="HM29" s="113">
        <v>32977095</v>
      </c>
      <c r="HN29" s="109">
        <v>34469780</v>
      </c>
      <c r="HO29" s="115">
        <v>522123</v>
      </c>
      <c r="HP29" s="114">
        <v>452265</v>
      </c>
      <c r="HQ29" s="113">
        <v>974388</v>
      </c>
      <c r="HR29" s="110">
        <v>0</v>
      </c>
      <c r="HS29" s="114">
        <v>3877660</v>
      </c>
      <c r="HT29" s="114">
        <v>2806449</v>
      </c>
      <c r="HU29" s="114">
        <v>2258250</v>
      </c>
      <c r="HV29" s="114">
        <v>1316476</v>
      </c>
      <c r="HW29" s="114">
        <v>1007079</v>
      </c>
      <c r="HX29" s="112">
        <v>11265914</v>
      </c>
      <c r="HY29" s="116">
        <v>12240302</v>
      </c>
      <c r="HZ29" s="131">
        <v>92727</v>
      </c>
      <c r="IA29" s="132">
        <v>327270</v>
      </c>
      <c r="IB29" s="133">
        <v>419997</v>
      </c>
      <c r="IC29" s="146">
        <v>0</v>
      </c>
      <c r="ID29" s="132">
        <v>5374447</v>
      </c>
      <c r="IE29" s="147">
        <v>4223994</v>
      </c>
      <c r="IF29" s="133">
        <v>7082460</v>
      </c>
      <c r="IG29" s="132">
        <v>4332395</v>
      </c>
      <c r="IH29" s="133">
        <v>2080877</v>
      </c>
      <c r="II29" s="148">
        <v>23094173</v>
      </c>
      <c r="IJ29" s="139">
        <v>23514170</v>
      </c>
      <c r="IK29" s="232">
        <v>0</v>
      </c>
      <c r="IL29" s="236">
        <v>0</v>
      </c>
      <c r="IM29" s="237">
        <v>0</v>
      </c>
      <c r="IN29" s="140"/>
      <c r="IO29" s="119">
        <v>146617</v>
      </c>
      <c r="IP29" s="119">
        <v>335471</v>
      </c>
      <c r="IQ29" s="119">
        <v>477144</v>
      </c>
      <c r="IR29" s="119">
        <v>189329</v>
      </c>
      <c r="IS29" s="119">
        <v>0</v>
      </c>
      <c r="IT29" s="141">
        <v>1148561</v>
      </c>
      <c r="IU29" s="318">
        <v>1148561</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897038</v>
      </c>
      <c r="JL29" s="119">
        <v>1146880</v>
      </c>
      <c r="JM29" s="119">
        <v>1720202</v>
      </c>
      <c r="JN29" s="119">
        <v>427897</v>
      </c>
      <c r="JO29" s="119">
        <v>230573</v>
      </c>
      <c r="JP29" s="120">
        <v>5422590</v>
      </c>
      <c r="JQ29" s="318">
        <v>5422590</v>
      </c>
      <c r="JR29" s="142">
        <v>0</v>
      </c>
      <c r="JS29" s="119">
        <v>0</v>
      </c>
      <c r="JT29" s="141">
        <v>0</v>
      </c>
      <c r="JU29" s="118">
        <v>0</v>
      </c>
      <c r="JV29" s="119">
        <v>750612</v>
      </c>
      <c r="JW29" s="119">
        <v>413137</v>
      </c>
      <c r="JX29" s="119">
        <v>858691</v>
      </c>
      <c r="JY29" s="119">
        <v>176409</v>
      </c>
      <c r="JZ29" s="119">
        <v>139254</v>
      </c>
      <c r="KA29" s="120">
        <v>2338103</v>
      </c>
      <c r="KB29" s="318">
        <v>2338103</v>
      </c>
      <c r="KC29" s="234">
        <v>92727</v>
      </c>
      <c r="KD29" s="230">
        <v>327270</v>
      </c>
      <c r="KE29" s="120">
        <v>419997</v>
      </c>
      <c r="KF29" s="118">
        <v>0</v>
      </c>
      <c r="KG29" s="119">
        <v>2072972</v>
      </c>
      <c r="KH29" s="119">
        <v>1267044</v>
      </c>
      <c r="KI29" s="119">
        <v>1961787</v>
      </c>
      <c r="KJ29" s="119">
        <v>1654201</v>
      </c>
      <c r="KK29" s="119">
        <v>669328</v>
      </c>
      <c r="KL29" s="120">
        <v>7625332</v>
      </c>
      <c r="KM29" s="143">
        <v>8045329</v>
      </c>
      <c r="KN29" s="232">
        <v>0</v>
      </c>
      <c r="KO29" s="236">
        <v>0</v>
      </c>
      <c r="KP29" s="237">
        <v>0</v>
      </c>
      <c r="KQ29" s="140"/>
      <c r="KR29" s="119">
        <v>507208</v>
      </c>
      <c r="KS29" s="119">
        <v>1061462</v>
      </c>
      <c r="KT29" s="119">
        <v>2064636</v>
      </c>
      <c r="KU29" s="119">
        <v>1884559</v>
      </c>
      <c r="KV29" s="119">
        <v>1041722</v>
      </c>
      <c r="KW29" s="120">
        <v>6559587</v>
      </c>
      <c r="KX29" s="318">
        <v>6559587</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18">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784375</v>
      </c>
      <c r="MK29" s="119">
        <v>2649345</v>
      </c>
      <c r="ML29" s="119">
        <v>15602911</v>
      </c>
      <c r="MM29" s="119">
        <v>30713017</v>
      </c>
      <c r="MN29" s="119">
        <v>21374613</v>
      </c>
      <c r="MO29" s="120">
        <v>73124261</v>
      </c>
      <c r="MP29" s="143">
        <v>73124261</v>
      </c>
      <c r="MQ29" s="142">
        <v>0</v>
      </c>
      <c r="MR29" s="119">
        <v>0</v>
      </c>
      <c r="MS29" s="120">
        <v>0</v>
      </c>
      <c r="MT29" s="145"/>
      <c r="MU29" s="119">
        <v>0</v>
      </c>
      <c r="MV29" s="119">
        <v>0</v>
      </c>
      <c r="MW29" s="119">
        <v>7916788</v>
      </c>
      <c r="MX29" s="119">
        <v>20068948</v>
      </c>
      <c r="MY29" s="119">
        <v>17055774</v>
      </c>
      <c r="MZ29" s="120">
        <v>45041510</v>
      </c>
      <c r="NA29" s="143">
        <v>45041510</v>
      </c>
      <c r="NB29" s="142">
        <v>0</v>
      </c>
      <c r="NC29" s="119">
        <v>0</v>
      </c>
      <c r="ND29" s="120">
        <v>0</v>
      </c>
      <c r="NE29" s="145"/>
      <c r="NF29" s="119">
        <v>2784375</v>
      </c>
      <c r="NG29" s="119">
        <v>2649345</v>
      </c>
      <c r="NH29" s="119">
        <v>7686123</v>
      </c>
      <c r="NI29" s="119">
        <v>10644069</v>
      </c>
      <c r="NJ29" s="119">
        <v>4318839</v>
      </c>
      <c r="NK29" s="120">
        <v>28082751</v>
      </c>
      <c r="NL29" s="318">
        <v>28082751</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3315586</v>
      </c>
      <c r="OJ29" s="119">
        <v>3372532</v>
      </c>
      <c r="OK29" s="141">
        <v>6688118</v>
      </c>
      <c r="OL29" s="118">
        <v>0</v>
      </c>
      <c r="OM29" s="119">
        <v>35093333</v>
      </c>
      <c r="ON29" s="119">
        <v>35737309</v>
      </c>
      <c r="OO29" s="119">
        <v>47675885</v>
      </c>
      <c r="OP29" s="119">
        <v>61634179</v>
      </c>
      <c r="OQ29" s="119">
        <v>45701660</v>
      </c>
      <c r="OR29" s="120">
        <v>225842366</v>
      </c>
      <c r="OS29" s="143">
        <v>232530484</v>
      </c>
    </row>
    <row r="30" spans="2:409" ht="21" customHeight="1" x14ac:dyDescent="0.2">
      <c r="B30" s="62" t="s">
        <v>25</v>
      </c>
      <c r="C30" s="110">
        <v>2442558</v>
      </c>
      <c r="D30" s="114">
        <v>4523688</v>
      </c>
      <c r="E30" s="113">
        <v>6966246</v>
      </c>
      <c r="F30" s="109">
        <v>0</v>
      </c>
      <c r="G30" s="114">
        <v>28085406</v>
      </c>
      <c r="H30" s="114">
        <v>32605700</v>
      </c>
      <c r="I30" s="114">
        <v>28193822</v>
      </c>
      <c r="J30" s="114">
        <v>28208942</v>
      </c>
      <c r="K30" s="114">
        <v>18441573</v>
      </c>
      <c r="L30" s="173">
        <v>135535443</v>
      </c>
      <c r="M30" s="116">
        <v>142501689</v>
      </c>
      <c r="N30" s="110">
        <v>601451</v>
      </c>
      <c r="O30" s="114">
        <v>1485899</v>
      </c>
      <c r="P30" s="113">
        <v>2087350</v>
      </c>
      <c r="Q30" s="110">
        <v>0</v>
      </c>
      <c r="R30" s="114">
        <v>7883964</v>
      </c>
      <c r="S30" s="114">
        <v>10586252</v>
      </c>
      <c r="T30" s="114">
        <v>9005446</v>
      </c>
      <c r="U30" s="114">
        <v>9485770</v>
      </c>
      <c r="V30" s="114">
        <v>11511153</v>
      </c>
      <c r="W30" s="113">
        <v>48472585</v>
      </c>
      <c r="X30" s="116">
        <v>50559935</v>
      </c>
      <c r="Y30" s="110">
        <v>0</v>
      </c>
      <c r="Z30" s="114">
        <v>0</v>
      </c>
      <c r="AA30" s="113">
        <v>0</v>
      </c>
      <c r="AB30" s="110">
        <v>0</v>
      </c>
      <c r="AC30" s="114">
        <v>4020061</v>
      </c>
      <c r="AD30" s="114">
        <v>5070459</v>
      </c>
      <c r="AE30" s="114">
        <v>5382081</v>
      </c>
      <c r="AF30" s="114">
        <v>5674276</v>
      </c>
      <c r="AG30" s="114">
        <v>7629495</v>
      </c>
      <c r="AH30" s="113">
        <v>27776372</v>
      </c>
      <c r="AI30" s="116">
        <v>27776372</v>
      </c>
      <c r="AJ30" s="110">
        <v>0</v>
      </c>
      <c r="AK30" s="114">
        <v>0</v>
      </c>
      <c r="AL30" s="113">
        <v>0</v>
      </c>
      <c r="AM30" s="110">
        <v>0</v>
      </c>
      <c r="AN30" s="114">
        <v>164219</v>
      </c>
      <c r="AO30" s="114">
        <v>775670</v>
      </c>
      <c r="AP30" s="114">
        <v>775962</v>
      </c>
      <c r="AQ30" s="114">
        <v>1062509</v>
      </c>
      <c r="AR30" s="114">
        <v>1611003</v>
      </c>
      <c r="AS30" s="113">
        <v>4389363</v>
      </c>
      <c r="AT30" s="116">
        <v>4389363</v>
      </c>
      <c r="AU30" s="110">
        <v>447957</v>
      </c>
      <c r="AV30" s="114">
        <v>1157713</v>
      </c>
      <c r="AW30" s="113">
        <v>1605670</v>
      </c>
      <c r="AX30" s="110">
        <v>0</v>
      </c>
      <c r="AY30" s="114">
        <v>2850943</v>
      </c>
      <c r="AZ30" s="114">
        <v>3302641</v>
      </c>
      <c r="BA30" s="114">
        <v>1764863</v>
      </c>
      <c r="BB30" s="114">
        <v>1546721</v>
      </c>
      <c r="BC30" s="114">
        <v>1367845</v>
      </c>
      <c r="BD30" s="113">
        <v>10833013</v>
      </c>
      <c r="BE30" s="116">
        <v>12438683</v>
      </c>
      <c r="BF30" s="110">
        <v>35662</v>
      </c>
      <c r="BG30" s="114">
        <v>187218</v>
      </c>
      <c r="BH30" s="112">
        <v>222880</v>
      </c>
      <c r="BI30" s="111">
        <v>0</v>
      </c>
      <c r="BJ30" s="114">
        <v>64034</v>
      </c>
      <c r="BK30" s="114">
        <v>446162</v>
      </c>
      <c r="BL30" s="114">
        <v>308055</v>
      </c>
      <c r="BM30" s="114">
        <v>129052</v>
      </c>
      <c r="BN30" s="114">
        <v>149309</v>
      </c>
      <c r="BO30" s="113">
        <v>1096612</v>
      </c>
      <c r="BP30" s="116">
        <v>1319492</v>
      </c>
      <c r="BQ30" s="110">
        <v>117832</v>
      </c>
      <c r="BR30" s="114">
        <v>140968</v>
      </c>
      <c r="BS30" s="113">
        <v>258800</v>
      </c>
      <c r="BT30" s="110">
        <v>0</v>
      </c>
      <c r="BU30" s="114">
        <v>784707</v>
      </c>
      <c r="BV30" s="114">
        <v>991320</v>
      </c>
      <c r="BW30" s="114">
        <v>774485</v>
      </c>
      <c r="BX30" s="114">
        <v>1073212</v>
      </c>
      <c r="BY30" s="114">
        <v>753501</v>
      </c>
      <c r="BZ30" s="113">
        <v>4377225</v>
      </c>
      <c r="CA30" s="116">
        <v>4636025</v>
      </c>
      <c r="CB30" s="110">
        <v>320653</v>
      </c>
      <c r="CC30" s="114">
        <v>717280</v>
      </c>
      <c r="CD30" s="113">
        <v>1037933</v>
      </c>
      <c r="CE30" s="110">
        <v>0</v>
      </c>
      <c r="CF30" s="114">
        <v>10630495</v>
      </c>
      <c r="CG30" s="114">
        <v>11292873</v>
      </c>
      <c r="CH30" s="114">
        <v>7832431</v>
      </c>
      <c r="CI30" s="114">
        <v>6750578</v>
      </c>
      <c r="CJ30" s="114">
        <v>676569</v>
      </c>
      <c r="CK30" s="113">
        <v>37182946</v>
      </c>
      <c r="CL30" s="116">
        <v>38220879</v>
      </c>
      <c r="CM30" s="110">
        <v>0</v>
      </c>
      <c r="CN30" s="114">
        <v>0</v>
      </c>
      <c r="CO30" s="113">
        <v>0</v>
      </c>
      <c r="CP30" s="111">
        <v>0</v>
      </c>
      <c r="CQ30" s="114">
        <v>8609766</v>
      </c>
      <c r="CR30" s="114">
        <v>6991961</v>
      </c>
      <c r="CS30" s="114">
        <v>5758878</v>
      </c>
      <c r="CT30" s="114">
        <v>5283120</v>
      </c>
      <c r="CU30" s="114">
        <v>510967</v>
      </c>
      <c r="CV30" s="113">
        <v>27154692</v>
      </c>
      <c r="CW30" s="116">
        <v>27154692</v>
      </c>
      <c r="CX30" s="110">
        <v>320653</v>
      </c>
      <c r="CY30" s="114">
        <v>717280</v>
      </c>
      <c r="CZ30" s="113">
        <v>1037933</v>
      </c>
      <c r="DA30" s="110">
        <v>0</v>
      </c>
      <c r="DB30" s="114">
        <v>2020729</v>
      </c>
      <c r="DC30" s="114">
        <v>4300912</v>
      </c>
      <c r="DD30" s="114">
        <v>2073553</v>
      </c>
      <c r="DE30" s="114">
        <v>1467458</v>
      </c>
      <c r="DF30" s="114">
        <v>165602</v>
      </c>
      <c r="DG30" s="113">
        <v>10028254</v>
      </c>
      <c r="DH30" s="116">
        <v>11066187</v>
      </c>
      <c r="DI30" s="110">
        <v>0</v>
      </c>
      <c r="DJ30" s="114">
        <v>118781</v>
      </c>
      <c r="DK30" s="112">
        <v>118781</v>
      </c>
      <c r="DL30" s="111">
        <v>0</v>
      </c>
      <c r="DM30" s="114">
        <v>818276</v>
      </c>
      <c r="DN30" s="114">
        <v>1638839</v>
      </c>
      <c r="DO30" s="114">
        <v>3551635</v>
      </c>
      <c r="DP30" s="114">
        <v>2165945</v>
      </c>
      <c r="DQ30" s="114">
        <v>907440</v>
      </c>
      <c r="DR30" s="113">
        <v>9082135</v>
      </c>
      <c r="DS30" s="116">
        <v>9200916</v>
      </c>
      <c r="DT30" s="110">
        <v>0</v>
      </c>
      <c r="DU30" s="114">
        <v>118781</v>
      </c>
      <c r="DV30" s="113">
        <v>118781</v>
      </c>
      <c r="DW30" s="110">
        <v>0</v>
      </c>
      <c r="DX30" s="114">
        <v>668737</v>
      </c>
      <c r="DY30" s="114">
        <v>1191111</v>
      </c>
      <c r="DZ30" s="114">
        <v>3252860</v>
      </c>
      <c r="EA30" s="114">
        <v>1467769</v>
      </c>
      <c r="EB30" s="114">
        <v>487062</v>
      </c>
      <c r="EC30" s="113">
        <v>7067539</v>
      </c>
      <c r="ED30" s="116">
        <v>7186320</v>
      </c>
      <c r="EE30" s="110">
        <v>0</v>
      </c>
      <c r="EF30" s="112">
        <v>0</v>
      </c>
      <c r="EG30" s="113">
        <v>0</v>
      </c>
      <c r="EH30" s="110">
        <v>0</v>
      </c>
      <c r="EI30" s="114">
        <v>149539</v>
      </c>
      <c r="EJ30" s="114">
        <v>447728</v>
      </c>
      <c r="EK30" s="114">
        <v>298775</v>
      </c>
      <c r="EL30" s="114">
        <v>698176</v>
      </c>
      <c r="EM30" s="114">
        <v>420378</v>
      </c>
      <c r="EN30" s="112">
        <v>2014596</v>
      </c>
      <c r="EO30" s="116">
        <v>2014596</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5"/>
      <c r="FE30" s="114">
        <v>0</v>
      </c>
      <c r="FF30" s="114">
        <v>0</v>
      </c>
      <c r="FG30" s="114">
        <v>0</v>
      </c>
      <c r="FH30" s="114">
        <v>0</v>
      </c>
      <c r="FI30" s="114">
        <v>0</v>
      </c>
      <c r="FJ30" s="113">
        <v>0</v>
      </c>
      <c r="FK30" s="116">
        <v>0</v>
      </c>
      <c r="FL30" s="110">
        <v>784980</v>
      </c>
      <c r="FM30" s="114">
        <v>1134687</v>
      </c>
      <c r="FN30" s="113">
        <v>1919667</v>
      </c>
      <c r="FO30" s="110">
        <v>0</v>
      </c>
      <c r="FP30" s="114">
        <v>1114399</v>
      </c>
      <c r="FQ30" s="114">
        <v>3044537</v>
      </c>
      <c r="FR30" s="114">
        <v>2212519</v>
      </c>
      <c r="FS30" s="114">
        <v>2334668</v>
      </c>
      <c r="FT30" s="114">
        <v>1199731</v>
      </c>
      <c r="FU30" s="113">
        <v>9905854</v>
      </c>
      <c r="FV30" s="116">
        <v>11825521</v>
      </c>
      <c r="FW30" s="115">
        <v>444834</v>
      </c>
      <c r="FX30" s="114">
        <v>824727</v>
      </c>
      <c r="FY30" s="112">
        <v>1269561</v>
      </c>
      <c r="FZ30" s="111">
        <v>0</v>
      </c>
      <c r="GA30" s="114">
        <v>921099</v>
      </c>
      <c r="GB30" s="114">
        <v>3003677</v>
      </c>
      <c r="GC30" s="114">
        <v>2156719</v>
      </c>
      <c r="GD30" s="114">
        <v>2111567</v>
      </c>
      <c r="GE30" s="114">
        <v>1199731</v>
      </c>
      <c r="GF30" s="113">
        <v>9392793</v>
      </c>
      <c r="GG30" s="316">
        <v>10662354</v>
      </c>
      <c r="GH30" s="115">
        <v>26136</v>
      </c>
      <c r="GI30" s="114">
        <v>53460</v>
      </c>
      <c r="GJ30" s="112">
        <v>79596</v>
      </c>
      <c r="GK30" s="111">
        <v>0</v>
      </c>
      <c r="GL30" s="114">
        <v>193300</v>
      </c>
      <c r="GM30" s="114">
        <v>23760</v>
      </c>
      <c r="GN30" s="114">
        <v>0</v>
      </c>
      <c r="GO30" s="114">
        <v>124101</v>
      </c>
      <c r="GP30" s="114">
        <v>0</v>
      </c>
      <c r="GQ30" s="113">
        <v>341161</v>
      </c>
      <c r="GR30" s="116">
        <v>420757</v>
      </c>
      <c r="GS30" s="110">
        <v>314010</v>
      </c>
      <c r="GT30" s="114">
        <v>256500</v>
      </c>
      <c r="GU30" s="113">
        <v>570510</v>
      </c>
      <c r="GV30" s="110">
        <v>0</v>
      </c>
      <c r="GW30" s="114">
        <v>0</v>
      </c>
      <c r="GX30" s="114">
        <v>17100</v>
      </c>
      <c r="GY30" s="114">
        <v>55800</v>
      </c>
      <c r="GZ30" s="114">
        <v>99000</v>
      </c>
      <c r="HA30" s="114">
        <v>0</v>
      </c>
      <c r="HB30" s="112">
        <v>171900</v>
      </c>
      <c r="HC30" s="116">
        <v>742410</v>
      </c>
      <c r="HD30" s="110">
        <v>251082</v>
      </c>
      <c r="HE30" s="114">
        <v>298279</v>
      </c>
      <c r="HF30" s="112">
        <v>549361</v>
      </c>
      <c r="HG30" s="111">
        <v>0</v>
      </c>
      <c r="HH30" s="114">
        <v>2878419</v>
      </c>
      <c r="HI30" s="114">
        <v>2303823</v>
      </c>
      <c r="HJ30" s="114">
        <v>2919979</v>
      </c>
      <c r="HK30" s="114">
        <v>5367837</v>
      </c>
      <c r="HL30" s="114">
        <v>3054453</v>
      </c>
      <c r="HM30" s="113">
        <v>16524511</v>
      </c>
      <c r="HN30" s="109">
        <v>17073872</v>
      </c>
      <c r="HO30" s="115">
        <v>484392</v>
      </c>
      <c r="HP30" s="114">
        <v>768762</v>
      </c>
      <c r="HQ30" s="113">
        <v>1253154</v>
      </c>
      <c r="HR30" s="110">
        <v>0</v>
      </c>
      <c r="HS30" s="114">
        <v>4759853</v>
      </c>
      <c r="HT30" s="114">
        <v>3739376</v>
      </c>
      <c r="HU30" s="114">
        <v>2671812</v>
      </c>
      <c r="HV30" s="114">
        <v>2104144</v>
      </c>
      <c r="HW30" s="114">
        <v>1092227</v>
      </c>
      <c r="HX30" s="112">
        <v>14367412</v>
      </c>
      <c r="HY30" s="116">
        <v>15620566</v>
      </c>
      <c r="HZ30" s="150">
        <v>87720</v>
      </c>
      <c r="IA30" s="135">
        <v>0</v>
      </c>
      <c r="IB30" s="150">
        <v>87720</v>
      </c>
      <c r="IC30" s="134">
        <v>0</v>
      </c>
      <c r="ID30" s="135">
        <v>7547533</v>
      </c>
      <c r="IE30" s="136">
        <v>5602907</v>
      </c>
      <c r="IF30" s="137">
        <v>4776948</v>
      </c>
      <c r="IG30" s="135">
        <v>3033429</v>
      </c>
      <c r="IH30" s="137">
        <v>41005</v>
      </c>
      <c r="II30" s="138">
        <v>21001822</v>
      </c>
      <c r="IJ30" s="150">
        <v>21089542</v>
      </c>
      <c r="IK30" s="232">
        <v>0</v>
      </c>
      <c r="IL30" s="236">
        <v>0</v>
      </c>
      <c r="IM30" s="237">
        <v>0</v>
      </c>
      <c r="IN30" s="140"/>
      <c r="IO30" s="119">
        <v>0</v>
      </c>
      <c r="IP30" s="119">
        <v>0</v>
      </c>
      <c r="IQ30" s="119">
        <v>0</v>
      </c>
      <c r="IR30" s="119">
        <v>0</v>
      </c>
      <c r="IS30" s="119">
        <v>0</v>
      </c>
      <c r="IT30" s="141">
        <v>0</v>
      </c>
      <c r="IU30" s="318">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871952</v>
      </c>
      <c r="JL30" s="119">
        <v>1992928</v>
      </c>
      <c r="JM30" s="119">
        <v>1838101</v>
      </c>
      <c r="JN30" s="119">
        <v>468113</v>
      </c>
      <c r="JO30" s="119">
        <v>41005</v>
      </c>
      <c r="JP30" s="120">
        <v>9212099</v>
      </c>
      <c r="JQ30" s="318">
        <v>9212099</v>
      </c>
      <c r="JR30" s="142">
        <v>0</v>
      </c>
      <c r="JS30" s="119">
        <v>0</v>
      </c>
      <c r="JT30" s="141">
        <v>0</v>
      </c>
      <c r="JU30" s="118">
        <v>0</v>
      </c>
      <c r="JV30" s="119">
        <v>0</v>
      </c>
      <c r="JW30" s="119">
        <v>0</v>
      </c>
      <c r="JX30" s="119">
        <v>0</v>
      </c>
      <c r="JY30" s="119">
        <v>0</v>
      </c>
      <c r="JZ30" s="119">
        <v>0</v>
      </c>
      <c r="KA30" s="120">
        <v>0</v>
      </c>
      <c r="KB30" s="318">
        <v>0</v>
      </c>
      <c r="KC30" s="234">
        <v>87720</v>
      </c>
      <c r="KD30" s="230">
        <v>0</v>
      </c>
      <c r="KE30" s="120">
        <v>87720</v>
      </c>
      <c r="KF30" s="118">
        <v>0</v>
      </c>
      <c r="KG30" s="119">
        <v>358566</v>
      </c>
      <c r="KH30" s="119">
        <v>1411958</v>
      </c>
      <c r="KI30" s="119">
        <v>377500</v>
      </c>
      <c r="KJ30" s="119">
        <v>553576</v>
      </c>
      <c r="KK30" s="119">
        <v>0</v>
      </c>
      <c r="KL30" s="120">
        <v>2701600</v>
      </c>
      <c r="KM30" s="143">
        <v>2789320</v>
      </c>
      <c r="KN30" s="232">
        <v>0</v>
      </c>
      <c r="KO30" s="236">
        <v>0</v>
      </c>
      <c r="KP30" s="237">
        <v>0</v>
      </c>
      <c r="KQ30" s="140"/>
      <c r="KR30" s="119">
        <v>2317015</v>
      </c>
      <c r="KS30" s="119">
        <v>2198021</v>
      </c>
      <c r="KT30" s="119">
        <v>2561347</v>
      </c>
      <c r="KU30" s="119">
        <v>2011740</v>
      </c>
      <c r="KV30" s="119">
        <v>0</v>
      </c>
      <c r="KW30" s="120">
        <v>9088123</v>
      </c>
      <c r="KX30" s="318">
        <v>9088123</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18">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3559598</v>
      </c>
      <c r="MK30" s="119">
        <v>5635075</v>
      </c>
      <c r="ML30" s="119">
        <v>19889514</v>
      </c>
      <c r="MM30" s="119">
        <v>37062014</v>
      </c>
      <c r="MN30" s="119">
        <v>22717129</v>
      </c>
      <c r="MO30" s="120">
        <v>88863330</v>
      </c>
      <c r="MP30" s="143">
        <v>88863330</v>
      </c>
      <c r="MQ30" s="142">
        <v>0</v>
      </c>
      <c r="MR30" s="119">
        <v>0</v>
      </c>
      <c r="MS30" s="120">
        <v>0</v>
      </c>
      <c r="MT30" s="145"/>
      <c r="MU30" s="119">
        <v>218461</v>
      </c>
      <c r="MV30" s="119">
        <v>1683503</v>
      </c>
      <c r="MW30" s="119">
        <v>15327020</v>
      </c>
      <c r="MX30" s="119">
        <v>19012487</v>
      </c>
      <c r="MY30" s="119">
        <v>16978575</v>
      </c>
      <c r="MZ30" s="120">
        <v>53220046</v>
      </c>
      <c r="NA30" s="143">
        <v>53220046</v>
      </c>
      <c r="NB30" s="142">
        <v>0</v>
      </c>
      <c r="NC30" s="119">
        <v>0</v>
      </c>
      <c r="ND30" s="120">
        <v>0</v>
      </c>
      <c r="NE30" s="145"/>
      <c r="NF30" s="119">
        <v>3341137</v>
      </c>
      <c r="NG30" s="119">
        <v>3951572</v>
      </c>
      <c r="NH30" s="119">
        <v>4562494</v>
      </c>
      <c r="NI30" s="119">
        <v>17342960</v>
      </c>
      <c r="NJ30" s="119">
        <v>4887131</v>
      </c>
      <c r="NK30" s="120">
        <v>34085294</v>
      </c>
      <c r="NL30" s="318">
        <v>34085294</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706567</v>
      </c>
      <c r="OF30" s="119">
        <v>851423</v>
      </c>
      <c r="OG30" s="120">
        <v>1557990</v>
      </c>
      <c r="OH30" s="121">
        <v>1557990</v>
      </c>
      <c r="OI30" s="142">
        <v>2530278</v>
      </c>
      <c r="OJ30" s="119">
        <v>4523688</v>
      </c>
      <c r="OK30" s="141">
        <v>7053966</v>
      </c>
      <c r="OL30" s="118">
        <v>0</v>
      </c>
      <c r="OM30" s="119">
        <v>39192537</v>
      </c>
      <c r="ON30" s="119">
        <v>43843682</v>
      </c>
      <c r="OO30" s="119">
        <v>52860284</v>
      </c>
      <c r="OP30" s="119">
        <v>68304385</v>
      </c>
      <c r="OQ30" s="119">
        <v>41199707</v>
      </c>
      <c r="OR30" s="120">
        <v>245400595</v>
      </c>
      <c r="OS30" s="143">
        <v>252454561</v>
      </c>
    </row>
    <row r="31" spans="2:409" ht="21" customHeight="1" x14ac:dyDescent="0.2">
      <c r="B31" s="62" t="s">
        <v>26</v>
      </c>
      <c r="C31" s="110">
        <v>2021262</v>
      </c>
      <c r="D31" s="114">
        <v>2642909</v>
      </c>
      <c r="E31" s="113">
        <v>4664171</v>
      </c>
      <c r="F31" s="109">
        <v>0</v>
      </c>
      <c r="G31" s="114">
        <v>23985115</v>
      </c>
      <c r="H31" s="114">
        <v>27043025</v>
      </c>
      <c r="I31" s="114">
        <v>25670718</v>
      </c>
      <c r="J31" s="114">
        <v>19963107</v>
      </c>
      <c r="K31" s="114">
        <v>20415792</v>
      </c>
      <c r="L31" s="173">
        <v>117077757</v>
      </c>
      <c r="M31" s="116">
        <v>121741928</v>
      </c>
      <c r="N31" s="110">
        <v>489542</v>
      </c>
      <c r="O31" s="114">
        <v>569479</v>
      </c>
      <c r="P31" s="113">
        <v>1059021</v>
      </c>
      <c r="Q31" s="110">
        <v>0</v>
      </c>
      <c r="R31" s="114">
        <v>6462441</v>
      </c>
      <c r="S31" s="114">
        <v>7577771</v>
      </c>
      <c r="T31" s="114">
        <v>8300768</v>
      </c>
      <c r="U31" s="114">
        <v>7581388</v>
      </c>
      <c r="V31" s="114">
        <v>10745294</v>
      </c>
      <c r="W31" s="113">
        <v>40667662</v>
      </c>
      <c r="X31" s="116">
        <v>41726683</v>
      </c>
      <c r="Y31" s="110">
        <v>0</v>
      </c>
      <c r="Z31" s="114">
        <v>0</v>
      </c>
      <c r="AA31" s="113">
        <v>0</v>
      </c>
      <c r="AB31" s="110">
        <v>0</v>
      </c>
      <c r="AC31" s="114">
        <v>3156818</v>
      </c>
      <c r="AD31" s="114">
        <v>3920703</v>
      </c>
      <c r="AE31" s="114">
        <v>4987408</v>
      </c>
      <c r="AF31" s="114">
        <v>4039204</v>
      </c>
      <c r="AG31" s="114">
        <v>6964723</v>
      </c>
      <c r="AH31" s="113">
        <v>23068856</v>
      </c>
      <c r="AI31" s="116">
        <v>23068856</v>
      </c>
      <c r="AJ31" s="110">
        <v>0</v>
      </c>
      <c r="AK31" s="114">
        <v>0</v>
      </c>
      <c r="AL31" s="113">
        <v>0</v>
      </c>
      <c r="AM31" s="110">
        <v>0</v>
      </c>
      <c r="AN31" s="114">
        <v>0</v>
      </c>
      <c r="AO31" s="114">
        <v>0</v>
      </c>
      <c r="AP31" s="114">
        <v>131526</v>
      </c>
      <c r="AQ31" s="114">
        <v>852908</v>
      </c>
      <c r="AR31" s="114">
        <v>1124215</v>
      </c>
      <c r="AS31" s="113">
        <v>2108649</v>
      </c>
      <c r="AT31" s="116">
        <v>2108649</v>
      </c>
      <c r="AU31" s="110">
        <v>353503</v>
      </c>
      <c r="AV31" s="114">
        <v>454025</v>
      </c>
      <c r="AW31" s="113">
        <v>807528</v>
      </c>
      <c r="AX31" s="110">
        <v>0</v>
      </c>
      <c r="AY31" s="114">
        <v>2385705</v>
      </c>
      <c r="AZ31" s="114">
        <v>2608042</v>
      </c>
      <c r="BA31" s="114">
        <v>1830359</v>
      </c>
      <c r="BB31" s="114">
        <v>1887323</v>
      </c>
      <c r="BC31" s="114">
        <v>1980773</v>
      </c>
      <c r="BD31" s="113">
        <v>10692202</v>
      </c>
      <c r="BE31" s="116">
        <v>11499730</v>
      </c>
      <c r="BF31" s="110">
        <v>0</v>
      </c>
      <c r="BG31" s="114">
        <v>0</v>
      </c>
      <c r="BH31" s="112">
        <v>0</v>
      </c>
      <c r="BI31" s="111">
        <v>0</v>
      </c>
      <c r="BJ31" s="114">
        <v>50925</v>
      </c>
      <c r="BK31" s="114">
        <v>250564</v>
      </c>
      <c r="BL31" s="114">
        <v>309035</v>
      </c>
      <c r="BM31" s="114">
        <v>102675</v>
      </c>
      <c r="BN31" s="114">
        <v>139206</v>
      </c>
      <c r="BO31" s="113">
        <v>852405</v>
      </c>
      <c r="BP31" s="116">
        <v>852405</v>
      </c>
      <c r="BQ31" s="110">
        <v>136039</v>
      </c>
      <c r="BR31" s="114">
        <v>115454</v>
      </c>
      <c r="BS31" s="113">
        <v>251493</v>
      </c>
      <c r="BT31" s="110">
        <v>0</v>
      </c>
      <c r="BU31" s="114">
        <v>868993</v>
      </c>
      <c r="BV31" s="114">
        <v>798462</v>
      </c>
      <c r="BW31" s="114">
        <v>1042440</v>
      </c>
      <c r="BX31" s="114">
        <v>699278</v>
      </c>
      <c r="BY31" s="114">
        <v>536377</v>
      </c>
      <c r="BZ31" s="113">
        <v>3945550</v>
      </c>
      <c r="CA31" s="116">
        <v>4197043</v>
      </c>
      <c r="CB31" s="110">
        <v>177864</v>
      </c>
      <c r="CC31" s="114">
        <v>224310</v>
      </c>
      <c r="CD31" s="113">
        <v>402174</v>
      </c>
      <c r="CE31" s="110">
        <v>0</v>
      </c>
      <c r="CF31" s="114">
        <v>7243510</v>
      </c>
      <c r="CG31" s="114">
        <v>8345102</v>
      </c>
      <c r="CH31" s="114">
        <v>6109378</v>
      </c>
      <c r="CI31" s="114">
        <v>3939017</v>
      </c>
      <c r="CJ31" s="114">
        <v>3227878</v>
      </c>
      <c r="CK31" s="113">
        <v>28864885</v>
      </c>
      <c r="CL31" s="116">
        <v>29267059</v>
      </c>
      <c r="CM31" s="110">
        <v>0</v>
      </c>
      <c r="CN31" s="114">
        <v>0</v>
      </c>
      <c r="CO31" s="113">
        <v>0</v>
      </c>
      <c r="CP31" s="111">
        <v>0</v>
      </c>
      <c r="CQ31" s="114">
        <v>6129224</v>
      </c>
      <c r="CR31" s="114">
        <v>6447672</v>
      </c>
      <c r="CS31" s="114">
        <v>4946057</v>
      </c>
      <c r="CT31" s="114">
        <v>2463684</v>
      </c>
      <c r="CU31" s="114">
        <v>2677083</v>
      </c>
      <c r="CV31" s="113">
        <v>22663720</v>
      </c>
      <c r="CW31" s="116">
        <v>22663720</v>
      </c>
      <c r="CX31" s="110">
        <v>177864</v>
      </c>
      <c r="CY31" s="114">
        <v>224310</v>
      </c>
      <c r="CZ31" s="113">
        <v>402174</v>
      </c>
      <c r="DA31" s="110">
        <v>0</v>
      </c>
      <c r="DB31" s="114">
        <v>1114286</v>
      </c>
      <c r="DC31" s="114">
        <v>1897430</v>
      </c>
      <c r="DD31" s="114">
        <v>1163321</v>
      </c>
      <c r="DE31" s="114">
        <v>1475333</v>
      </c>
      <c r="DF31" s="114">
        <v>550795</v>
      </c>
      <c r="DG31" s="113">
        <v>6201165</v>
      </c>
      <c r="DH31" s="116">
        <v>6603339</v>
      </c>
      <c r="DI31" s="110">
        <v>44286</v>
      </c>
      <c r="DJ31" s="114">
        <v>0</v>
      </c>
      <c r="DK31" s="112">
        <v>44286</v>
      </c>
      <c r="DL31" s="111">
        <v>0</v>
      </c>
      <c r="DM31" s="114">
        <v>985864</v>
      </c>
      <c r="DN31" s="114">
        <v>1474854</v>
      </c>
      <c r="DO31" s="114">
        <v>1909863</v>
      </c>
      <c r="DP31" s="114">
        <v>2199644</v>
      </c>
      <c r="DQ31" s="114">
        <v>1246258</v>
      </c>
      <c r="DR31" s="113">
        <v>7816483</v>
      </c>
      <c r="DS31" s="116">
        <v>7860769</v>
      </c>
      <c r="DT31" s="110">
        <v>44286</v>
      </c>
      <c r="DU31" s="114">
        <v>0</v>
      </c>
      <c r="DV31" s="113">
        <v>44286</v>
      </c>
      <c r="DW31" s="110">
        <v>0</v>
      </c>
      <c r="DX31" s="114">
        <v>912106</v>
      </c>
      <c r="DY31" s="114">
        <v>1358036</v>
      </c>
      <c r="DZ31" s="114">
        <v>1484364</v>
      </c>
      <c r="EA31" s="114">
        <v>1970764</v>
      </c>
      <c r="EB31" s="114">
        <v>1246258</v>
      </c>
      <c r="EC31" s="113">
        <v>6971528</v>
      </c>
      <c r="ED31" s="116">
        <v>7015814</v>
      </c>
      <c r="EE31" s="110">
        <v>0</v>
      </c>
      <c r="EF31" s="112">
        <v>0</v>
      </c>
      <c r="EG31" s="113">
        <v>0</v>
      </c>
      <c r="EH31" s="110">
        <v>0</v>
      </c>
      <c r="EI31" s="114">
        <v>73758</v>
      </c>
      <c r="EJ31" s="114">
        <v>116818</v>
      </c>
      <c r="EK31" s="114">
        <v>425499</v>
      </c>
      <c r="EL31" s="114">
        <v>228880</v>
      </c>
      <c r="EM31" s="114">
        <v>0</v>
      </c>
      <c r="EN31" s="112">
        <v>844955</v>
      </c>
      <c r="EO31" s="116">
        <v>844955</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5"/>
      <c r="FE31" s="114">
        <v>0</v>
      </c>
      <c r="FF31" s="114">
        <v>0</v>
      </c>
      <c r="FG31" s="114">
        <v>0</v>
      </c>
      <c r="FH31" s="114">
        <v>0</v>
      </c>
      <c r="FI31" s="114">
        <v>0</v>
      </c>
      <c r="FJ31" s="113">
        <v>0</v>
      </c>
      <c r="FK31" s="116">
        <v>0</v>
      </c>
      <c r="FL31" s="110">
        <v>475179</v>
      </c>
      <c r="FM31" s="114">
        <v>740982</v>
      </c>
      <c r="FN31" s="113">
        <v>1216161</v>
      </c>
      <c r="FO31" s="110">
        <v>0</v>
      </c>
      <c r="FP31" s="114">
        <v>1261396</v>
      </c>
      <c r="FQ31" s="114">
        <v>2395366</v>
      </c>
      <c r="FR31" s="114">
        <v>1871687</v>
      </c>
      <c r="FS31" s="114">
        <v>1823602</v>
      </c>
      <c r="FT31" s="114">
        <v>1565803</v>
      </c>
      <c r="FU31" s="113">
        <v>8917854</v>
      </c>
      <c r="FV31" s="116">
        <v>10134015</v>
      </c>
      <c r="FW31" s="115">
        <v>324405</v>
      </c>
      <c r="FX31" s="114">
        <v>494544</v>
      </c>
      <c r="FY31" s="112">
        <v>818949</v>
      </c>
      <c r="FZ31" s="111">
        <v>0</v>
      </c>
      <c r="GA31" s="114">
        <v>1163485</v>
      </c>
      <c r="GB31" s="114">
        <v>2157214</v>
      </c>
      <c r="GC31" s="114">
        <v>1643692</v>
      </c>
      <c r="GD31" s="114">
        <v>1762876</v>
      </c>
      <c r="GE31" s="114">
        <v>1513333</v>
      </c>
      <c r="GF31" s="113">
        <v>8240600</v>
      </c>
      <c r="GG31" s="316">
        <v>9059549</v>
      </c>
      <c r="GH31" s="115">
        <v>60984</v>
      </c>
      <c r="GI31" s="114">
        <v>98928</v>
      </c>
      <c r="GJ31" s="112">
        <v>159912</v>
      </c>
      <c r="GK31" s="111">
        <v>0</v>
      </c>
      <c r="GL31" s="114">
        <v>97911</v>
      </c>
      <c r="GM31" s="114">
        <v>18453</v>
      </c>
      <c r="GN31" s="114">
        <v>47995</v>
      </c>
      <c r="GO31" s="114">
        <v>60726</v>
      </c>
      <c r="GP31" s="114">
        <v>52470</v>
      </c>
      <c r="GQ31" s="113">
        <v>277555</v>
      </c>
      <c r="GR31" s="116">
        <v>437467</v>
      </c>
      <c r="GS31" s="110">
        <v>89790</v>
      </c>
      <c r="GT31" s="114">
        <v>147510</v>
      </c>
      <c r="GU31" s="113">
        <v>237300</v>
      </c>
      <c r="GV31" s="110">
        <v>0</v>
      </c>
      <c r="GW31" s="114">
        <v>0</v>
      </c>
      <c r="GX31" s="114">
        <v>219699</v>
      </c>
      <c r="GY31" s="114">
        <v>180000</v>
      </c>
      <c r="GZ31" s="114">
        <v>0</v>
      </c>
      <c r="HA31" s="114">
        <v>0</v>
      </c>
      <c r="HB31" s="112">
        <v>399699</v>
      </c>
      <c r="HC31" s="116">
        <v>636999</v>
      </c>
      <c r="HD31" s="110">
        <v>453469</v>
      </c>
      <c r="HE31" s="114">
        <v>599082</v>
      </c>
      <c r="HF31" s="112">
        <v>1052551</v>
      </c>
      <c r="HG31" s="111">
        <v>0</v>
      </c>
      <c r="HH31" s="114">
        <v>3863540</v>
      </c>
      <c r="HI31" s="114">
        <v>3747903</v>
      </c>
      <c r="HJ31" s="114">
        <v>4861162</v>
      </c>
      <c r="HK31" s="114">
        <v>2748597</v>
      </c>
      <c r="HL31" s="114">
        <v>2337086</v>
      </c>
      <c r="HM31" s="113">
        <v>17558288</v>
      </c>
      <c r="HN31" s="109">
        <v>18610839</v>
      </c>
      <c r="HO31" s="115">
        <v>380922</v>
      </c>
      <c r="HP31" s="114">
        <v>509056</v>
      </c>
      <c r="HQ31" s="113">
        <v>889978</v>
      </c>
      <c r="HR31" s="110">
        <v>0</v>
      </c>
      <c r="HS31" s="114">
        <v>4168364</v>
      </c>
      <c r="HT31" s="114">
        <v>3502029</v>
      </c>
      <c r="HU31" s="114">
        <v>2617860</v>
      </c>
      <c r="HV31" s="114">
        <v>1670859</v>
      </c>
      <c r="HW31" s="114">
        <v>1293473</v>
      </c>
      <c r="HX31" s="112">
        <v>13252585</v>
      </c>
      <c r="HY31" s="116">
        <v>14142563</v>
      </c>
      <c r="HZ31" s="131">
        <v>54693</v>
      </c>
      <c r="IA31" s="132">
        <v>0</v>
      </c>
      <c r="IB31" s="133">
        <v>54693</v>
      </c>
      <c r="IC31" s="146">
        <v>0</v>
      </c>
      <c r="ID31" s="132">
        <v>5957424</v>
      </c>
      <c r="IE31" s="147">
        <v>7623658</v>
      </c>
      <c r="IF31" s="133">
        <v>10530412</v>
      </c>
      <c r="IG31" s="132">
        <v>4099688</v>
      </c>
      <c r="IH31" s="133">
        <v>2307258</v>
      </c>
      <c r="II31" s="148">
        <v>30518440</v>
      </c>
      <c r="IJ31" s="139">
        <v>30573133</v>
      </c>
      <c r="IK31" s="232">
        <v>0</v>
      </c>
      <c r="IL31" s="236">
        <v>0</v>
      </c>
      <c r="IM31" s="237">
        <v>0</v>
      </c>
      <c r="IN31" s="140"/>
      <c r="IO31" s="119">
        <v>0</v>
      </c>
      <c r="IP31" s="119">
        <v>0</v>
      </c>
      <c r="IQ31" s="119">
        <v>0</v>
      </c>
      <c r="IR31" s="119">
        <v>0</v>
      </c>
      <c r="IS31" s="119">
        <v>0</v>
      </c>
      <c r="IT31" s="141">
        <v>0</v>
      </c>
      <c r="IU31" s="318">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136485</v>
      </c>
      <c r="JL31" s="119">
        <v>3156017</v>
      </c>
      <c r="JM31" s="119">
        <v>3396522</v>
      </c>
      <c r="JN31" s="119">
        <v>478866</v>
      </c>
      <c r="JO31" s="119">
        <v>829277</v>
      </c>
      <c r="JP31" s="120">
        <v>9997167</v>
      </c>
      <c r="JQ31" s="318">
        <v>9997167</v>
      </c>
      <c r="JR31" s="142">
        <v>0</v>
      </c>
      <c r="JS31" s="119">
        <v>0</v>
      </c>
      <c r="JT31" s="141">
        <v>0</v>
      </c>
      <c r="JU31" s="118">
        <v>0</v>
      </c>
      <c r="JV31" s="119">
        <v>70247</v>
      </c>
      <c r="JW31" s="119">
        <v>247907</v>
      </c>
      <c r="JX31" s="119">
        <v>386612</v>
      </c>
      <c r="JY31" s="119">
        <v>235984</v>
      </c>
      <c r="JZ31" s="119">
        <v>240251</v>
      </c>
      <c r="KA31" s="120">
        <v>1181001</v>
      </c>
      <c r="KB31" s="318">
        <v>1181001</v>
      </c>
      <c r="KC31" s="234">
        <v>54693</v>
      </c>
      <c r="KD31" s="230">
        <v>0</v>
      </c>
      <c r="KE31" s="120">
        <v>54693</v>
      </c>
      <c r="KF31" s="118">
        <v>0</v>
      </c>
      <c r="KG31" s="119">
        <v>855792</v>
      </c>
      <c r="KH31" s="119">
        <v>971429</v>
      </c>
      <c r="KI31" s="119">
        <v>1042645</v>
      </c>
      <c r="KJ31" s="119">
        <v>0</v>
      </c>
      <c r="KK31" s="119">
        <v>646624</v>
      </c>
      <c r="KL31" s="120">
        <v>3516490</v>
      </c>
      <c r="KM31" s="143">
        <v>3571183</v>
      </c>
      <c r="KN31" s="232">
        <v>0</v>
      </c>
      <c r="KO31" s="236">
        <v>0</v>
      </c>
      <c r="KP31" s="237">
        <v>0</v>
      </c>
      <c r="KQ31" s="140"/>
      <c r="KR31" s="119">
        <v>2894900</v>
      </c>
      <c r="KS31" s="119">
        <v>3248305</v>
      </c>
      <c r="KT31" s="119">
        <v>5704633</v>
      </c>
      <c r="KU31" s="119">
        <v>3384838</v>
      </c>
      <c r="KV31" s="119">
        <v>591106</v>
      </c>
      <c r="KW31" s="120">
        <v>15823782</v>
      </c>
      <c r="KX31" s="318">
        <v>15823782</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18">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2478431</v>
      </c>
      <c r="MK31" s="119">
        <v>9363423</v>
      </c>
      <c r="ML31" s="119">
        <v>15233845</v>
      </c>
      <c r="MM31" s="119">
        <v>25978729</v>
      </c>
      <c r="MN31" s="119">
        <v>19518221</v>
      </c>
      <c r="MO31" s="120">
        <v>72572649</v>
      </c>
      <c r="MP31" s="143">
        <v>72572649</v>
      </c>
      <c r="MQ31" s="142">
        <v>0</v>
      </c>
      <c r="MR31" s="119">
        <v>0</v>
      </c>
      <c r="MS31" s="120">
        <v>0</v>
      </c>
      <c r="MT31" s="145"/>
      <c r="MU31" s="119">
        <v>417348</v>
      </c>
      <c r="MV31" s="119">
        <v>2440875</v>
      </c>
      <c r="MW31" s="119">
        <v>9606340</v>
      </c>
      <c r="MX31" s="119">
        <v>19904101</v>
      </c>
      <c r="MY31" s="119">
        <v>13194617</v>
      </c>
      <c r="MZ31" s="120">
        <v>45563281</v>
      </c>
      <c r="NA31" s="143">
        <v>45563281</v>
      </c>
      <c r="NB31" s="142">
        <v>0</v>
      </c>
      <c r="NC31" s="119">
        <v>0</v>
      </c>
      <c r="ND31" s="120">
        <v>0</v>
      </c>
      <c r="NE31" s="145"/>
      <c r="NF31" s="119">
        <v>2061083</v>
      </c>
      <c r="NG31" s="119">
        <v>6922548</v>
      </c>
      <c r="NH31" s="119">
        <v>5264494</v>
      </c>
      <c r="NI31" s="119">
        <v>6074628</v>
      </c>
      <c r="NJ31" s="119">
        <v>5459021</v>
      </c>
      <c r="NK31" s="120">
        <v>25781774</v>
      </c>
      <c r="NL31" s="318">
        <v>25781774</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363011</v>
      </c>
      <c r="OE31" s="119">
        <v>0</v>
      </c>
      <c r="OF31" s="119">
        <v>864583</v>
      </c>
      <c r="OG31" s="120">
        <v>1227594</v>
      </c>
      <c r="OH31" s="121">
        <v>1227594</v>
      </c>
      <c r="OI31" s="142">
        <v>2075955</v>
      </c>
      <c r="OJ31" s="119">
        <v>2642909</v>
      </c>
      <c r="OK31" s="141">
        <v>4718864</v>
      </c>
      <c r="OL31" s="118">
        <v>0</v>
      </c>
      <c r="OM31" s="119">
        <v>32420970</v>
      </c>
      <c r="ON31" s="119">
        <v>44030106</v>
      </c>
      <c r="OO31" s="119">
        <v>51434975</v>
      </c>
      <c r="OP31" s="119">
        <v>50041524</v>
      </c>
      <c r="OQ31" s="119">
        <v>42241271</v>
      </c>
      <c r="OR31" s="120">
        <v>220168846</v>
      </c>
      <c r="OS31" s="143">
        <v>224887710</v>
      </c>
    </row>
    <row r="32" spans="2:409" ht="21" customHeight="1" x14ac:dyDescent="0.2">
      <c r="B32" s="62" t="s">
        <v>27</v>
      </c>
      <c r="C32" s="110">
        <v>2405813</v>
      </c>
      <c r="D32" s="114">
        <v>6570041</v>
      </c>
      <c r="E32" s="113">
        <v>8975854</v>
      </c>
      <c r="F32" s="109">
        <v>0</v>
      </c>
      <c r="G32" s="114">
        <v>22828635</v>
      </c>
      <c r="H32" s="114">
        <v>22934687</v>
      </c>
      <c r="I32" s="114">
        <v>24403013</v>
      </c>
      <c r="J32" s="114">
        <v>23638394</v>
      </c>
      <c r="K32" s="114">
        <v>17159358</v>
      </c>
      <c r="L32" s="173">
        <v>110964087</v>
      </c>
      <c r="M32" s="116">
        <v>119939941</v>
      </c>
      <c r="N32" s="110">
        <v>591757</v>
      </c>
      <c r="O32" s="114">
        <v>1457951</v>
      </c>
      <c r="P32" s="113">
        <v>2049708</v>
      </c>
      <c r="Q32" s="110">
        <v>0</v>
      </c>
      <c r="R32" s="114">
        <v>4424502</v>
      </c>
      <c r="S32" s="114">
        <v>5543282</v>
      </c>
      <c r="T32" s="114">
        <v>7033175</v>
      </c>
      <c r="U32" s="114">
        <v>5704513</v>
      </c>
      <c r="V32" s="114">
        <v>7918258</v>
      </c>
      <c r="W32" s="113">
        <v>30623730</v>
      </c>
      <c r="X32" s="116">
        <v>32673438</v>
      </c>
      <c r="Y32" s="110">
        <v>0</v>
      </c>
      <c r="Z32" s="114">
        <v>0</v>
      </c>
      <c r="AA32" s="113">
        <v>0</v>
      </c>
      <c r="AB32" s="110">
        <v>0</v>
      </c>
      <c r="AC32" s="114">
        <v>2150713</v>
      </c>
      <c r="AD32" s="114">
        <v>2811708</v>
      </c>
      <c r="AE32" s="114">
        <v>4154441</v>
      </c>
      <c r="AF32" s="114">
        <v>2678915</v>
      </c>
      <c r="AG32" s="114">
        <v>4192432</v>
      </c>
      <c r="AH32" s="113">
        <v>15988209</v>
      </c>
      <c r="AI32" s="116">
        <v>15988209</v>
      </c>
      <c r="AJ32" s="110">
        <v>0</v>
      </c>
      <c r="AK32" s="114">
        <v>0</v>
      </c>
      <c r="AL32" s="113">
        <v>0</v>
      </c>
      <c r="AM32" s="110">
        <v>0</v>
      </c>
      <c r="AN32" s="114">
        <v>64847</v>
      </c>
      <c r="AO32" s="114">
        <v>420207</v>
      </c>
      <c r="AP32" s="114">
        <v>204773</v>
      </c>
      <c r="AQ32" s="114">
        <v>686031</v>
      </c>
      <c r="AR32" s="114">
        <v>1126033</v>
      </c>
      <c r="AS32" s="113">
        <v>2501891</v>
      </c>
      <c r="AT32" s="116">
        <v>2501891</v>
      </c>
      <c r="AU32" s="110">
        <v>529190</v>
      </c>
      <c r="AV32" s="114">
        <v>1222110</v>
      </c>
      <c r="AW32" s="113">
        <v>1751300</v>
      </c>
      <c r="AX32" s="110">
        <v>0</v>
      </c>
      <c r="AY32" s="114">
        <v>1501504</v>
      </c>
      <c r="AZ32" s="114">
        <v>1348881</v>
      </c>
      <c r="BA32" s="114">
        <v>1715053</v>
      </c>
      <c r="BB32" s="114">
        <v>1337313</v>
      </c>
      <c r="BC32" s="114">
        <v>1830125</v>
      </c>
      <c r="BD32" s="113">
        <v>7732876</v>
      </c>
      <c r="BE32" s="116">
        <v>9484176</v>
      </c>
      <c r="BF32" s="110">
        <v>0</v>
      </c>
      <c r="BG32" s="114">
        <v>17124</v>
      </c>
      <c r="BH32" s="112">
        <v>17124</v>
      </c>
      <c r="BI32" s="111">
        <v>0</v>
      </c>
      <c r="BJ32" s="114">
        <v>0</v>
      </c>
      <c r="BK32" s="114">
        <v>110603</v>
      </c>
      <c r="BL32" s="114">
        <v>0</v>
      </c>
      <c r="BM32" s="114">
        <v>0</v>
      </c>
      <c r="BN32" s="114">
        <v>35550</v>
      </c>
      <c r="BO32" s="113">
        <v>146153</v>
      </c>
      <c r="BP32" s="116">
        <v>163277</v>
      </c>
      <c r="BQ32" s="110">
        <v>62567</v>
      </c>
      <c r="BR32" s="114">
        <v>218717</v>
      </c>
      <c r="BS32" s="113">
        <v>281284</v>
      </c>
      <c r="BT32" s="110">
        <v>0</v>
      </c>
      <c r="BU32" s="114">
        <v>707438</v>
      </c>
      <c r="BV32" s="114">
        <v>851883</v>
      </c>
      <c r="BW32" s="114">
        <v>958908</v>
      </c>
      <c r="BX32" s="114">
        <v>1002254</v>
      </c>
      <c r="BY32" s="114">
        <v>734118</v>
      </c>
      <c r="BZ32" s="113">
        <v>4254601</v>
      </c>
      <c r="CA32" s="116">
        <v>4535885</v>
      </c>
      <c r="CB32" s="110">
        <v>234848</v>
      </c>
      <c r="CC32" s="114">
        <v>1295440</v>
      </c>
      <c r="CD32" s="113">
        <v>1530288</v>
      </c>
      <c r="CE32" s="110">
        <v>0</v>
      </c>
      <c r="CF32" s="114">
        <v>7963996</v>
      </c>
      <c r="CG32" s="114">
        <v>6673304</v>
      </c>
      <c r="CH32" s="114">
        <v>4803004</v>
      </c>
      <c r="CI32" s="114">
        <v>3837772</v>
      </c>
      <c r="CJ32" s="114">
        <v>1795776</v>
      </c>
      <c r="CK32" s="113">
        <v>25073852</v>
      </c>
      <c r="CL32" s="116">
        <v>26604140</v>
      </c>
      <c r="CM32" s="110">
        <v>0</v>
      </c>
      <c r="CN32" s="114">
        <v>0</v>
      </c>
      <c r="CO32" s="113">
        <v>0</v>
      </c>
      <c r="CP32" s="111">
        <v>0</v>
      </c>
      <c r="CQ32" s="114">
        <v>6993207</v>
      </c>
      <c r="CR32" s="114">
        <v>5098569</v>
      </c>
      <c r="CS32" s="114">
        <v>3918637</v>
      </c>
      <c r="CT32" s="114">
        <v>3169260</v>
      </c>
      <c r="CU32" s="114">
        <v>1434498</v>
      </c>
      <c r="CV32" s="113">
        <v>20614171</v>
      </c>
      <c r="CW32" s="116">
        <v>20614171</v>
      </c>
      <c r="CX32" s="110">
        <v>234848</v>
      </c>
      <c r="CY32" s="114">
        <v>1295440</v>
      </c>
      <c r="CZ32" s="113">
        <v>1530288</v>
      </c>
      <c r="DA32" s="110">
        <v>0</v>
      </c>
      <c r="DB32" s="114">
        <v>970789</v>
      </c>
      <c r="DC32" s="114">
        <v>1574735</v>
      </c>
      <c r="DD32" s="114">
        <v>884367</v>
      </c>
      <c r="DE32" s="114">
        <v>668512</v>
      </c>
      <c r="DF32" s="114">
        <v>361278</v>
      </c>
      <c r="DG32" s="113">
        <v>4459681</v>
      </c>
      <c r="DH32" s="116">
        <v>5989969</v>
      </c>
      <c r="DI32" s="110">
        <v>0</v>
      </c>
      <c r="DJ32" s="114">
        <v>80571</v>
      </c>
      <c r="DK32" s="112">
        <v>80571</v>
      </c>
      <c r="DL32" s="111">
        <v>0</v>
      </c>
      <c r="DM32" s="114">
        <v>596801</v>
      </c>
      <c r="DN32" s="114">
        <v>884911</v>
      </c>
      <c r="DO32" s="114">
        <v>1879449</v>
      </c>
      <c r="DP32" s="114">
        <v>1023048</v>
      </c>
      <c r="DQ32" s="114">
        <v>929159</v>
      </c>
      <c r="DR32" s="113">
        <v>5313368</v>
      </c>
      <c r="DS32" s="116">
        <v>5393939</v>
      </c>
      <c r="DT32" s="110">
        <v>0</v>
      </c>
      <c r="DU32" s="114">
        <v>35931</v>
      </c>
      <c r="DV32" s="113">
        <v>35931</v>
      </c>
      <c r="DW32" s="110">
        <v>0</v>
      </c>
      <c r="DX32" s="114">
        <v>402985</v>
      </c>
      <c r="DY32" s="114">
        <v>862555</v>
      </c>
      <c r="DZ32" s="114">
        <v>1654542</v>
      </c>
      <c r="EA32" s="114">
        <v>964044</v>
      </c>
      <c r="EB32" s="114">
        <v>899751</v>
      </c>
      <c r="EC32" s="113">
        <v>4783877</v>
      </c>
      <c r="ED32" s="116">
        <v>4819808</v>
      </c>
      <c r="EE32" s="110">
        <v>0</v>
      </c>
      <c r="EF32" s="112">
        <v>44640</v>
      </c>
      <c r="EG32" s="113">
        <v>44640</v>
      </c>
      <c r="EH32" s="110">
        <v>0</v>
      </c>
      <c r="EI32" s="114">
        <v>193816</v>
      </c>
      <c r="EJ32" s="114">
        <v>22356</v>
      </c>
      <c r="EK32" s="114">
        <v>224907</v>
      </c>
      <c r="EL32" s="114">
        <v>59004</v>
      </c>
      <c r="EM32" s="114">
        <v>29408</v>
      </c>
      <c r="EN32" s="112">
        <v>529491</v>
      </c>
      <c r="EO32" s="116">
        <v>574131</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5"/>
      <c r="FE32" s="114">
        <v>0</v>
      </c>
      <c r="FF32" s="114">
        <v>0</v>
      </c>
      <c r="FG32" s="114">
        <v>0</v>
      </c>
      <c r="FH32" s="114">
        <v>0</v>
      </c>
      <c r="FI32" s="114">
        <v>0</v>
      </c>
      <c r="FJ32" s="113">
        <v>0</v>
      </c>
      <c r="FK32" s="116">
        <v>0</v>
      </c>
      <c r="FL32" s="110">
        <v>476893</v>
      </c>
      <c r="FM32" s="114">
        <v>1396241</v>
      </c>
      <c r="FN32" s="113">
        <v>1873134</v>
      </c>
      <c r="FO32" s="110">
        <v>0</v>
      </c>
      <c r="FP32" s="114">
        <v>686546</v>
      </c>
      <c r="FQ32" s="114">
        <v>1811388</v>
      </c>
      <c r="FR32" s="114">
        <v>1592192</v>
      </c>
      <c r="FS32" s="114">
        <v>1094707</v>
      </c>
      <c r="FT32" s="114">
        <v>1235774</v>
      </c>
      <c r="FU32" s="113">
        <v>6420607</v>
      </c>
      <c r="FV32" s="116">
        <v>8293741</v>
      </c>
      <c r="FW32" s="115">
        <v>389218</v>
      </c>
      <c r="FX32" s="114">
        <v>1025214</v>
      </c>
      <c r="FY32" s="112">
        <v>1414432</v>
      </c>
      <c r="FZ32" s="111">
        <v>0</v>
      </c>
      <c r="GA32" s="114">
        <v>550502</v>
      </c>
      <c r="GB32" s="114">
        <v>1569008</v>
      </c>
      <c r="GC32" s="114">
        <v>1483787</v>
      </c>
      <c r="GD32" s="114">
        <v>1094707</v>
      </c>
      <c r="GE32" s="114">
        <v>1055774</v>
      </c>
      <c r="GF32" s="113">
        <v>5753778</v>
      </c>
      <c r="GG32" s="316">
        <v>7168210</v>
      </c>
      <c r="GH32" s="115">
        <v>87675</v>
      </c>
      <c r="GI32" s="114">
        <v>0</v>
      </c>
      <c r="GJ32" s="112">
        <v>87675</v>
      </c>
      <c r="GK32" s="111">
        <v>0</v>
      </c>
      <c r="GL32" s="114">
        <v>17424</v>
      </c>
      <c r="GM32" s="114">
        <v>110160</v>
      </c>
      <c r="GN32" s="114">
        <v>58905</v>
      </c>
      <c r="GO32" s="114">
        <v>0</v>
      </c>
      <c r="GP32" s="114">
        <v>0</v>
      </c>
      <c r="GQ32" s="113">
        <v>186489</v>
      </c>
      <c r="GR32" s="116">
        <v>274164</v>
      </c>
      <c r="GS32" s="110">
        <v>0</v>
      </c>
      <c r="GT32" s="114">
        <v>371027</v>
      </c>
      <c r="GU32" s="113">
        <v>371027</v>
      </c>
      <c r="GV32" s="110">
        <v>0</v>
      </c>
      <c r="GW32" s="114">
        <v>118620</v>
      </c>
      <c r="GX32" s="114">
        <v>132220</v>
      </c>
      <c r="GY32" s="114">
        <v>49500</v>
      </c>
      <c r="GZ32" s="114">
        <v>0</v>
      </c>
      <c r="HA32" s="114">
        <v>180000</v>
      </c>
      <c r="HB32" s="112">
        <v>480340</v>
      </c>
      <c r="HC32" s="116">
        <v>851367</v>
      </c>
      <c r="HD32" s="110">
        <v>604696</v>
      </c>
      <c r="HE32" s="114">
        <v>1509095</v>
      </c>
      <c r="HF32" s="112">
        <v>2113791</v>
      </c>
      <c r="HG32" s="111">
        <v>0</v>
      </c>
      <c r="HH32" s="114">
        <v>6062158</v>
      </c>
      <c r="HI32" s="114">
        <v>5774365</v>
      </c>
      <c r="HJ32" s="114">
        <v>7087940</v>
      </c>
      <c r="HK32" s="114">
        <v>10891575</v>
      </c>
      <c r="HL32" s="114">
        <v>4501694</v>
      </c>
      <c r="HM32" s="113">
        <v>34317732</v>
      </c>
      <c r="HN32" s="109">
        <v>36431523</v>
      </c>
      <c r="HO32" s="115">
        <v>497619</v>
      </c>
      <c r="HP32" s="114">
        <v>830743</v>
      </c>
      <c r="HQ32" s="113">
        <v>1328362</v>
      </c>
      <c r="HR32" s="110">
        <v>0</v>
      </c>
      <c r="HS32" s="114">
        <v>3094632</v>
      </c>
      <c r="HT32" s="114">
        <v>2247437</v>
      </c>
      <c r="HU32" s="114">
        <v>2007253</v>
      </c>
      <c r="HV32" s="114">
        <v>1086779</v>
      </c>
      <c r="HW32" s="114">
        <v>778697</v>
      </c>
      <c r="HX32" s="112">
        <v>9214798</v>
      </c>
      <c r="HY32" s="116">
        <v>10543160</v>
      </c>
      <c r="HZ32" s="150">
        <v>0</v>
      </c>
      <c r="IA32" s="135">
        <v>0</v>
      </c>
      <c r="IB32" s="150">
        <v>0</v>
      </c>
      <c r="IC32" s="134">
        <v>0</v>
      </c>
      <c r="ID32" s="135">
        <v>4661131</v>
      </c>
      <c r="IE32" s="136">
        <v>2727233</v>
      </c>
      <c r="IF32" s="137">
        <v>5151237</v>
      </c>
      <c r="IG32" s="135">
        <v>5216069</v>
      </c>
      <c r="IH32" s="137">
        <v>3893280</v>
      </c>
      <c r="II32" s="138">
        <v>21648950</v>
      </c>
      <c r="IJ32" s="150">
        <v>21648950</v>
      </c>
      <c r="IK32" s="232">
        <v>0</v>
      </c>
      <c r="IL32" s="236">
        <v>0</v>
      </c>
      <c r="IM32" s="237">
        <v>0</v>
      </c>
      <c r="IN32" s="140"/>
      <c r="IO32" s="119">
        <v>0</v>
      </c>
      <c r="IP32" s="119">
        <v>0</v>
      </c>
      <c r="IQ32" s="119">
        <v>175496</v>
      </c>
      <c r="IR32" s="119">
        <v>0</v>
      </c>
      <c r="IS32" s="119">
        <v>0</v>
      </c>
      <c r="IT32" s="141">
        <v>175496</v>
      </c>
      <c r="IU32" s="318">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895630</v>
      </c>
      <c r="JL32" s="119">
        <v>915139</v>
      </c>
      <c r="JM32" s="119">
        <v>615976</v>
      </c>
      <c r="JN32" s="119">
        <v>217726</v>
      </c>
      <c r="JO32" s="119">
        <v>0</v>
      </c>
      <c r="JP32" s="120">
        <v>3644471</v>
      </c>
      <c r="JQ32" s="318">
        <v>3644471</v>
      </c>
      <c r="JR32" s="142">
        <v>0</v>
      </c>
      <c r="JS32" s="119">
        <v>0</v>
      </c>
      <c r="JT32" s="141">
        <v>0</v>
      </c>
      <c r="JU32" s="118">
        <v>0</v>
      </c>
      <c r="JV32" s="119">
        <v>277051</v>
      </c>
      <c r="JW32" s="119">
        <v>0</v>
      </c>
      <c r="JX32" s="119">
        <v>97667</v>
      </c>
      <c r="JY32" s="119">
        <v>250640</v>
      </c>
      <c r="JZ32" s="119">
        <v>357525</v>
      </c>
      <c r="KA32" s="120">
        <v>982883</v>
      </c>
      <c r="KB32" s="318">
        <v>982883</v>
      </c>
      <c r="KC32" s="234">
        <v>0</v>
      </c>
      <c r="KD32" s="230">
        <v>0</v>
      </c>
      <c r="KE32" s="120">
        <v>0</v>
      </c>
      <c r="KF32" s="118">
        <v>0</v>
      </c>
      <c r="KG32" s="119">
        <v>328080</v>
      </c>
      <c r="KH32" s="119">
        <v>154496</v>
      </c>
      <c r="KI32" s="119">
        <v>272346</v>
      </c>
      <c r="KJ32" s="119">
        <v>0</v>
      </c>
      <c r="KK32" s="119">
        <v>0</v>
      </c>
      <c r="KL32" s="120">
        <v>754922</v>
      </c>
      <c r="KM32" s="143">
        <v>754922</v>
      </c>
      <c r="KN32" s="232">
        <v>0</v>
      </c>
      <c r="KO32" s="236">
        <v>0</v>
      </c>
      <c r="KP32" s="237">
        <v>0</v>
      </c>
      <c r="KQ32" s="140"/>
      <c r="KR32" s="119">
        <v>2160370</v>
      </c>
      <c r="KS32" s="119">
        <v>1657598</v>
      </c>
      <c r="KT32" s="119">
        <v>1948810</v>
      </c>
      <c r="KU32" s="119">
        <v>1297500</v>
      </c>
      <c r="KV32" s="119">
        <v>2052510</v>
      </c>
      <c r="KW32" s="120">
        <v>9116788</v>
      </c>
      <c r="KX32" s="318">
        <v>9116788</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040942</v>
      </c>
      <c r="LQ32" s="119">
        <v>3133343</v>
      </c>
      <c r="LR32" s="119">
        <v>1483245</v>
      </c>
      <c r="LS32" s="120">
        <v>6657530</v>
      </c>
      <c r="LT32" s="318">
        <v>6657530</v>
      </c>
      <c r="LU32" s="142">
        <v>0</v>
      </c>
      <c r="LV32" s="119">
        <v>0</v>
      </c>
      <c r="LW32" s="120">
        <v>0</v>
      </c>
      <c r="LX32" s="145"/>
      <c r="LY32" s="119">
        <v>0</v>
      </c>
      <c r="LZ32" s="119">
        <v>0</v>
      </c>
      <c r="MA32" s="119">
        <v>0</v>
      </c>
      <c r="MB32" s="119">
        <v>316860</v>
      </c>
      <c r="MC32" s="119">
        <v>0</v>
      </c>
      <c r="MD32" s="120">
        <v>316860</v>
      </c>
      <c r="ME32" s="121">
        <v>316860</v>
      </c>
      <c r="MF32" s="142">
        <v>0</v>
      </c>
      <c r="MG32" s="119">
        <v>0</v>
      </c>
      <c r="MH32" s="120">
        <v>0</v>
      </c>
      <c r="MI32" s="145"/>
      <c r="MJ32" s="119">
        <v>3386736</v>
      </c>
      <c r="MK32" s="119">
        <v>5340503</v>
      </c>
      <c r="ML32" s="119">
        <v>13602135</v>
      </c>
      <c r="MM32" s="119">
        <v>23081941</v>
      </c>
      <c r="MN32" s="119">
        <v>17805550</v>
      </c>
      <c r="MO32" s="120">
        <v>63216865</v>
      </c>
      <c r="MP32" s="143">
        <v>63216865</v>
      </c>
      <c r="MQ32" s="142">
        <v>0</v>
      </c>
      <c r="MR32" s="119">
        <v>0</v>
      </c>
      <c r="MS32" s="120">
        <v>0</v>
      </c>
      <c r="MT32" s="145"/>
      <c r="MU32" s="119">
        <v>687879</v>
      </c>
      <c r="MV32" s="119">
        <v>466936</v>
      </c>
      <c r="MW32" s="119">
        <v>8515155</v>
      </c>
      <c r="MX32" s="119">
        <v>17302234</v>
      </c>
      <c r="MY32" s="119">
        <v>11727967</v>
      </c>
      <c r="MZ32" s="120">
        <v>38700171</v>
      </c>
      <c r="NA32" s="143">
        <v>38700171</v>
      </c>
      <c r="NB32" s="142">
        <v>0</v>
      </c>
      <c r="NC32" s="119">
        <v>0</v>
      </c>
      <c r="ND32" s="120">
        <v>0</v>
      </c>
      <c r="NE32" s="145"/>
      <c r="NF32" s="119">
        <v>2698857</v>
      </c>
      <c r="NG32" s="119">
        <v>4873567</v>
      </c>
      <c r="NH32" s="119">
        <v>5086980</v>
      </c>
      <c r="NI32" s="119">
        <v>4647770</v>
      </c>
      <c r="NJ32" s="119">
        <v>5203047</v>
      </c>
      <c r="NK32" s="120">
        <v>22510221</v>
      </c>
      <c r="NL32" s="318">
        <v>22510221</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1131937</v>
      </c>
      <c r="OF32" s="119">
        <v>874536</v>
      </c>
      <c r="OG32" s="120">
        <v>2006473</v>
      </c>
      <c r="OH32" s="121">
        <v>2006473</v>
      </c>
      <c r="OI32" s="142">
        <v>2405813</v>
      </c>
      <c r="OJ32" s="119">
        <v>6570041</v>
      </c>
      <c r="OK32" s="141">
        <v>8975854</v>
      </c>
      <c r="OL32" s="118">
        <v>0</v>
      </c>
      <c r="OM32" s="119">
        <v>30876502</v>
      </c>
      <c r="ON32" s="119">
        <v>31002423</v>
      </c>
      <c r="OO32" s="119">
        <v>43156385</v>
      </c>
      <c r="OP32" s="119">
        <v>51936404</v>
      </c>
      <c r="OQ32" s="119">
        <v>38858188</v>
      </c>
      <c r="OR32" s="120">
        <v>195829902</v>
      </c>
      <c r="OS32" s="143">
        <v>204805756</v>
      </c>
    </row>
    <row r="33" spans="2:409" ht="21" customHeight="1" x14ac:dyDescent="0.2">
      <c r="B33" s="62" t="s">
        <v>28</v>
      </c>
      <c r="C33" s="110">
        <v>169444</v>
      </c>
      <c r="D33" s="114">
        <v>355461</v>
      </c>
      <c r="E33" s="113">
        <v>524905</v>
      </c>
      <c r="F33" s="109">
        <v>0</v>
      </c>
      <c r="G33" s="114">
        <v>5020706</v>
      </c>
      <c r="H33" s="114">
        <v>7892886</v>
      </c>
      <c r="I33" s="114">
        <v>7155990</v>
      </c>
      <c r="J33" s="114">
        <v>8564645</v>
      </c>
      <c r="K33" s="114">
        <v>4395285</v>
      </c>
      <c r="L33" s="173">
        <v>33029512</v>
      </c>
      <c r="M33" s="116">
        <v>33554417</v>
      </c>
      <c r="N33" s="110">
        <v>39825</v>
      </c>
      <c r="O33" s="114">
        <v>70272</v>
      </c>
      <c r="P33" s="113">
        <v>110097</v>
      </c>
      <c r="Q33" s="110">
        <v>0</v>
      </c>
      <c r="R33" s="114">
        <v>700841</v>
      </c>
      <c r="S33" s="114">
        <v>1937133</v>
      </c>
      <c r="T33" s="114">
        <v>1332760</v>
      </c>
      <c r="U33" s="114">
        <v>2789852</v>
      </c>
      <c r="V33" s="114">
        <v>2461076</v>
      </c>
      <c r="W33" s="113">
        <v>9221662</v>
      </c>
      <c r="X33" s="116">
        <v>9331759</v>
      </c>
      <c r="Y33" s="110">
        <v>0</v>
      </c>
      <c r="Z33" s="114">
        <v>0</v>
      </c>
      <c r="AA33" s="113">
        <v>0</v>
      </c>
      <c r="AB33" s="110">
        <v>0</v>
      </c>
      <c r="AC33" s="114">
        <v>315833</v>
      </c>
      <c r="AD33" s="114">
        <v>937483</v>
      </c>
      <c r="AE33" s="114">
        <v>534156</v>
      </c>
      <c r="AF33" s="114">
        <v>1365957</v>
      </c>
      <c r="AG33" s="114">
        <v>1477856</v>
      </c>
      <c r="AH33" s="113">
        <v>4631285</v>
      </c>
      <c r="AI33" s="116">
        <v>4631285</v>
      </c>
      <c r="AJ33" s="110">
        <v>0</v>
      </c>
      <c r="AK33" s="114">
        <v>0</v>
      </c>
      <c r="AL33" s="113">
        <v>0</v>
      </c>
      <c r="AM33" s="110">
        <v>0</v>
      </c>
      <c r="AN33" s="114">
        <v>0</v>
      </c>
      <c r="AO33" s="114">
        <v>64042</v>
      </c>
      <c r="AP33" s="114">
        <v>52975</v>
      </c>
      <c r="AQ33" s="114">
        <v>244701</v>
      </c>
      <c r="AR33" s="114">
        <v>238338</v>
      </c>
      <c r="AS33" s="113">
        <v>600056</v>
      </c>
      <c r="AT33" s="116">
        <v>600056</v>
      </c>
      <c r="AU33" s="110">
        <v>39825</v>
      </c>
      <c r="AV33" s="114">
        <v>52956</v>
      </c>
      <c r="AW33" s="113">
        <v>92781</v>
      </c>
      <c r="AX33" s="110">
        <v>0</v>
      </c>
      <c r="AY33" s="114">
        <v>237776</v>
      </c>
      <c r="AZ33" s="114">
        <v>602738</v>
      </c>
      <c r="BA33" s="114">
        <v>508459</v>
      </c>
      <c r="BB33" s="114">
        <v>871246</v>
      </c>
      <c r="BC33" s="114">
        <v>514771</v>
      </c>
      <c r="BD33" s="113">
        <v>2734990</v>
      </c>
      <c r="BE33" s="116">
        <v>2827771</v>
      </c>
      <c r="BF33" s="110">
        <v>0</v>
      </c>
      <c r="BG33" s="114">
        <v>0</v>
      </c>
      <c r="BH33" s="112">
        <v>0</v>
      </c>
      <c r="BI33" s="111">
        <v>0</v>
      </c>
      <c r="BJ33" s="114">
        <v>58691</v>
      </c>
      <c r="BK33" s="114">
        <v>87742</v>
      </c>
      <c r="BL33" s="114">
        <v>0</v>
      </c>
      <c r="BM33" s="114">
        <v>26663</v>
      </c>
      <c r="BN33" s="114">
        <v>45945</v>
      </c>
      <c r="BO33" s="113">
        <v>219041</v>
      </c>
      <c r="BP33" s="116">
        <v>219041</v>
      </c>
      <c r="BQ33" s="110">
        <v>0</v>
      </c>
      <c r="BR33" s="114">
        <v>17316</v>
      </c>
      <c r="BS33" s="113">
        <v>17316</v>
      </c>
      <c r="BT33" s="110">
        <v>0</v>
      </c>
      <c r="BU33" s="114">
        <v>88541</v>
      </c>
      <c r="BV33" s="114">
        <v>245128</v>
      </c>
      <c r="BW33" s="114">
        <v>237170</v>
      </c>
      <c r="BX33" s="114">
        <v>281285</v>
      </c>
      <c r="BY33" s="114">
        <v>184166</v>
      </c>
      <c r="BZ33" s="113">
        <v>1036290</v>
      </c>
      <c r="CA33" s="116">
        <v>1053606</v>
      </c>
      <c r="CB33" s="110">
        <v>24896</v>
      </c>
      <c r="CC33" s="114">
        <v>84747</v>
      </c>
      <c r="CD33" s="113">
        <v>109643</v>
      </c>
      <c r="CE33" s="110">
        <v>0</v>
      </c>
      <c r="CF33" s="114">
        <v>2196821</v>
      </c>
      <c r="CG33" s="114">
        <v>2723844</v>
      </c>
      <c r="CH33" s="114">
        <v>2530373</v>
      </c>
      <c r="CI33" s="114">
        <v>2063254</v>
      </c>
      <c r="CJ33" s="114">
        <v>887966</v>
      </c>
      <c r="CK33" s="113">
        <v>10402258</v>
      </c>
      <c r="CL33" s="116">
        <v>10511901</v>
      </c>
      <c r="CM33" s="110">
        <v>0</v>
      </c>
      <c r="CN33" s="114">
        <v>0</v>
      </c>
      <c r="CO33" s="113">
        <v>0</v>
      </c>
      <c r="CP33" s="111">
        <v>0</v>
      </c>
      <c r="CQ33" s="114">
        <v>1969591</v>
      </c>
      <c r="CR33" s="114">
        <v>1879827</v>
      </c>
      <c r="CS33" s="114">
        <v>1981979</v>
      </c>
      <c r="CT33" s="114">
        <v>1343395</v>
      </c>
      <c r="CU33" s="114">
        <v>609848</v>
      </c>
      <c r="CV33" s="113">
        <v>7784640</v>
      </c>
      <c r="CW33" s="116">
        <v>7784640</v>
      </c>
      <c r="CX33" s="110">
        <v>24896</v>
      </c>
      <c r="CY33" s="114">
        <v>84747</v>
      </c>
      <c r="CZ33" s="113">
        <v>109643</v>
      </c>
      <c r="DA33" s="110">
        <v>0</v>
      </c>
      <c r="DB33" s="114">
        <v>227230</v>
      </c>
      <c r="DC33" s="114">
        <v>844017</v>
      </c>
      <c r="DD33" s="114">
        <v>548394</v>
      </c>
      <c r="DE33" s="114">
        <v>719859</v>
      </c>
      <c r="DF33" s="114">
        <v>278118</v>
      </c>
      <c r="DG33" s="113">
        <v>2617618</v>
      </c>
      <c r="DH33" s="116">
        <v>2727261</v>
      </c>
      <c r="DI33" s="110">
        <v>21933</v>
      </c>
      <c r="DJ33" s="114">
        <v>29982</v>
      </c>
      <c r="DK33" s="112">
        <v>51915</v>
      </c>
      <c r="DL33" s="111">
        <v>0</v>
      </c>
      <c r="DM33" s="114">
        <v>147484</v>
      </c>
      <c r="DN33" s="114">
        <v>155766</v>
      </c>
      <c r="DO33" s="114">
        <v>946356</v>
      </c>
      <c r="DP33" s="114">
        <v>641517</v>
      </c>
      <c r="DQ33" s="114">
        <v>180726</v>
      </c>
      <c r="DR33" s="113">
        <v>2071849</v>
      </c>
      <c r="DS33" s="116">
        <v>2123764</v>
      </c>
      <c r="DT33" s="110">
        <v>0</v>
      </c>
      <c r="DU33" s="114">
        <v>29982</v>
      </c>
      <c r="DV33" s="113">
        <v>29982</v>
      </c>
      <c r="DW33" s="110">
        <v>0</v>
      </c>
      <c r="DX33" s="114">
        <v>101521</v>
      </c>
      <c r="DY33" s="114">
        <v>123823</v>
      </c>
      <c r="DZ33" s="114">
        <v>743244</v>
      </c>
      <c r="EA33" s="114">
        <v>487825</v>
      </c>
      <c r="EB33" s="114">
        <v>180726</v>
      </c>
      <c r="EC33" s="113">
        <v>1637139</v>
      </c>
      <c r="ED33" s="116">
        <v>1667121</v>
      </c>
      <c r="EE33" s="110">
        <v>21933</v>
      </c>
      <c r="EF33" s="112">
        <v>0</v>
      </c>
      <c r="EG33" s="113">
        <v>21933</v>
      </c>
      <c r="EH33" s="110">
        <v>0</v>
      </c>
      <c r="EI33" s="114">
        <v>45963</v>
      </c>
      <c r="EJ33" s="114">
        <v>31943</v>
      </c>
      <c r="EK33" s="114">
        <v>203112</v>
      </c>
      <c r="EL33" s="114">
        <v>153692</v>
      </c>
      <c r="EM33" s="114">
        <v>0</v>
      </c>
      <c r="EN33" s="112">
        <v>434710</v>
      </c>
      <c r="EO33" s="116">
        <v>456643</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5"/>
      <c r="FE33" s="114">
        <v>0</v>
      </c>
      <c r="FF33" s="114">
        <v>0</v>
      </c>
      <c r="FG33" s="114">
        <v>0</v>
      </c>
      <c r="FH33" s="114">
        <v>0</v>
      </c>
      <c r="FI33" s="114">
        <v>0</v>
      </c>
      <c r="FJ33" s="113">
        <v>0</v>
      </c>
      <c r="FK33" s="116">
        <v>0</v>
      </c>
      <c r="FL33" s="110">
        <v>28610</v>
      </c>
      <c r="FM33" s="114">
        <v>81240</v>
      </c>
      <c r="FN33" s="113">
        <v>109850</v>
      </c>
      <c r="FO33" s="110">
        <v>0</v>
      </c>
      <c r="FP33" s="114">
        <v>282553</v>
      </c>
      <c r="FQ33" s="114">
        <v>799592</v>
      </c>
      <c r="FR33" s="114">
        <v>540071</v>
      </c>
      <c r="FS33" s="114">
        <v>531422</v>
      </c>
      <c r="FT33" s="114">
        <v>317628</v>
      </c>
      <c r="FU33" s="113">
        <v>2471266</v>
      </c>
      <c r="FV33" s="116">
        <v>2581116</v>
      </c>
      <c r="FW33" s="115">
        <v>28610</v>
      </c>
      <c r="FX33" s="114">
        <v>81240</v>
      </c>
      <c r="FY33" s="112">
        <v>109850</v>
      </c>
      <c r="FZ33" s="111">
        <v>0</v>
      </c>
      <c r="GA33" s="114">
        <v>282553</v>
      </c>
      <c r="GB33" s="114">
        <v>799592</v>
      </c>
      <c r="GC33" s="114">
        <v>491471</v>
      </c>
      <c r="GD33" s="114">
        <v>531422</v>
      </c>
      <c r="GE33" s="114">
        <v>317628</v>
      </c>
      <c r="GF33" s="113">
        <v>2422666</v>
      </c>
      <c r="GG33" s="316">
        <v>253251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48600</v>
      </c>
      <c r="GZ33" s="114">
        <v>0</v>
      </c>
      <c r="HA33" s="114">
        <v>0</v>
      </c>
      <c r="HB33" s="112">
        <v>48600</v>
      </c>
      <c r="HC33" s="116">
        <v>48600</v>
      </c>
      <c r="HD33" s="110">
        <v>0</v>
      </c>
      <c r="HE33" s="114">
        <v>0</v>
      </c>
      <c r="HF33" s="112">
        <v>0</v>
      </c>
      <c r="HG33" s="111">
        <v>0</v>
      </c>
      <c r="HH33" s="114">
        <v>811927</v>
      </c>
      <c r="HI33" s="114">
        <v>1267113</v>
      </c>
      <c r="HJ33" s="114">
        <v>1076108</v>
      </c>
      <c r="HK33" s="114">
        <v>1941479</v>
      </c>
      <c r="HL33" s="114">
        <v>256140</v>
      </c>
      <c r="HM33" s="113">
        <v>5352767</v>
      </c>
      <c r="HN33" s="109">
        <v>5352767</v>
      </c>
      <c r="HO33" s="115">
        <v>54180</v>
      </c>
      <c r="HP33" s="114">
        <v>89220</v>
      </c>
      <c r="HQ33" s="113">
        <v>143400</v>
      </c>
      <c r="HR33" s="110">
        <v>0</v>
      </c>
      <c r="HS33" s="114">
        <v>881080</v>
      </c>
      <c r="HT33" s="114">
        <v>1009438</v>
      </c>
      <c r="HU33" s="114">
        <v>730322</v>
      </c>
      <c r="HV33" s="114">
        <v>597121</v>
      </c>
      <c r="HW33" s="114">
        <v>291749</v>
      </c>
      <c r="HX33" s="112">
        <v>3509710</v>
      </c>
      <c r="HY33" s="116">
        <v>3653110</v>
      </c>
      <c r="HZ33" s="131">
        <v>0</v>
      </c>
      <c r="IA33" s="132">
        <v>0</v>
      </c>
      <c r="IB33" s="133">
        <v>0</v>
      </c>
      <c r="IC33" s="146">
        <v>0</v>
      </c>
      <c r="ID33" s="132">
        <v>838603</v>
      </c>
      <c r="IE33" s="147">
        <v>2146605</v>
      </c>
      <c r="IF33" s="133">
        <v>1447857</v>
      </c>
      <c r="IG33" s="132">
        <v>1262808</v>
      </c>
      <c r="IH33" s="133">
        <v>516097</v>
      </c>
      <c r="II33" s="148">
        <v>6211970</v>
      </c>
      <c r="IJ33" s="139">
        <v>6211970</v>
      </c>
      <c r="IK33" s="232">
        <v>0</v>
      </c>
      <c r="IL33" s="236">
        <v>0</v>
      </c>
      <c r="IM33" s="237">
        <v>0</v>
      </c>
      <c r="IN33" s="140"/>
      <c r="IO33" s="119">
        <v>0</v>
      </c>
      <c r="IP33" s="119">
        <v>0</v>
      </c>
      <c r="IQ33" s="119">
        <v>0</v>
      </c>
      <c r="IR33" s="119">
        <v>0</v>
      </c>
      <c r="IS33" s="119">
        <v>0</v>
      </c>
      <c r="IT33" s="141">
        <v>0</v>
      </c>
      <c r="IU33" s="318">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640873</v>
      </c>
      <c r="JL33" s="119">
        <v>668022</v>
      </c>
      <c r="JM33" s="119">
        <v>63792</v>
      </c>
      <c r="JN33" s="119">
        <v>108288</v>
      </c>
      <c r="JO33" s="119">
        <v>45360</v>
      </c>
      <c r="JP33" s="120">
        <v>1526335</v>
      </c>
      <c r="JQ33" s="318">
        <v>1526335</v>
      </c>
      <c r="JR33" s="142">
        <v>0</v>
      </c>
      <c r="JS33" s="119">
        <v>0</v>
      </c>
      <c r="JT33" s="141">
        <v>0</v>
      </c>
      <c r="JU33" s="118">
        <v>0</v>
      </c>
      <c r="JV33" s="119">
        <v>197730</v>
      </c>
      <c r="JW33" s="119">
        <v>108990</v>
      </c>
      <c r="JX33" s="119">
        <v>263718</v>
      </c>
      <c r="JY33" s="119">
        <v>0</v>
      </c>
      <c r="JZ33" s="119">
        <v>0</v>
      </c>
      <c r="KA33" s="120">
        <v>570438</v>
      </c>
      <c r="KB33" s="318">
        <v>570438</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369593</v>
      </c>
      <c r="KT33" s="119">
        <v>850311</v>
      </c>
      <c r="KU33" s="119">
        <v>1154520</v>
      </c>
      <c r="KV33" s="119">
        <v>470737</v>
      </c>
      <c r="KW33" s="120">
        <v>3845161</v>
      </c>
      <c r="KX33" s="318">
        <v>3845161</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70036</v>
      </c>
      <c r="LQ33" s="119">
        <v>0</v>
      </c>
      <c r="LR33" s="119">
        <v>0</v>
      </c>
      <c r="LS33" s="120">
        <v>270036</v>
      </c>
      <c r="LT33" s="318">
        <v>270036</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1124666</v>
      </c>
      <c r="MK33" s="119">
        <v>2894874</v>
      </c>
      <c r="ML33" s="119">
        <v>6664450</v>
      </c>
      <c r="MM33" s="119">
        <v>7415988</v>
      </c>
      <c r="MN33" s="119">
        <v>4730238</v>
      </c>
      <c r="MO33" s="120">
        <v>22830216</v>
      </c>
      <c r="MP33" s="143">
        <v>22830216</v>
      </c>
      <c r="MQ33" s="142">
        <v>0</v>
      </c>
      <c r="MR33" s="119">
        <v>0</v>
      </c>
      <c r="MS33" s="120">
        <v>0</v>
      </c>
      <c r="MT33" s="145"/>
      <c r="MU33" s="119">
        <v>0</v>
      </c>
      <c r="MV33" s="119">
        <v>283467</v>
      </c>
      <c r="MW33" s="119">
        <v>4451116</v>
      </c>
      <c r="MX33" s="119">
        <v>4107872</v>
      </c>
      <c r="MY33" s="119">
        <v>3455036</v>
      </c>
      <c r="MZ33" s="120">
        <v>12297491</v>
      </c>
      <c r="NA33" s="143">
        <v>12297491</v>
      </c>
      <c r="NB33" s="142">
        <v>0</v>
      </c>
      <c r="NC33" s="119">
        <v>0</v>
      </c>
      <c r="ND33" s="120">
        <v>0</v>
      </c>
      <c r="NE33" s="145"/>
      <c r="NF33" s="119">
        <v>1124666</v>
      </c>
      <c r="NG33" s="119">
        <v>2611407</v>
      </c>
      <c r="NH33" s="119">
        <v>2213334</v>
      </c>
      <c r="NI33" s="119">
        <v>3308116</v>
      </c>
      <c r="NJ33" s="119">
        <v>1275202</v>
      </c>
      <c r="NK33" s="120">
        <v>10532725</v>
      </c>
      <c r="NL33" s="318">
        <v>10532725</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9444</v>
      </c>
      <c r="OJ33" s="119">
        <v>355461</v>
      </c>
      <c r="OK33" s="141">
        <v>524905</v>
      </c>
      <c r="OL33" s="118">
        <v>0</v>
      </c>
      <c r="OM33" s="119">
        <v>6983975</v>
      </c>
      <c r="ON33" s="119">
        <v>12934365</v>
      </c>
      <c r="OO33" s="119">
        <v>15268297</v>
      </c>
      <c r="OP33" s="119">
        <v>17243441</v>
      </c>
      <c r="OQ33" s="119">
        <v>9641620</v>
      </c>
      <c r="OR33" s="120">
        <v>62071698</v>
      </c>
      <c r="OS33" s="143">
        <v>62596603</v>
      </c>
    </row>
    <row r="34" spans="2:409" ht="21" customHeight="1" x14ac:dyDescent="0.2">
      <c r="B34" s="62" t="s">
        <v>29</v>
      </c>
      <c r="C34" s="110">
        <v>433019</v>
      </c>
      <c r="D34" s="114">
        <v>819159</v>
      </c>
      <c r="E34" s="113">
        <v>1252178</v>
      </c>
      <c r="F34" s="109">
        <v>0</v>
      </c>
      <c r="G34" s="114">
        <v>8357582</v>
      </c>
      <c r="H34" s="114">
        <v>10450338</v>
      </c>
      <c r="I34" s="114">
        <v>9555772</v>
      </c>
      <c r="J34" s="114">
        <v>7961818</v>
      </c>
      <c r="K34" s="114">
        <v>5605991</v>
      </c>
      <c r="L34" s="173">
        <v>41931501</v>
      </c>
      <c r="M34" s="116">
        <v>43183679</v>
      </c>
      <c r="N34" s="110">
        <v>52128</v>
      </c>
      <c r="O34" s="114">
        <v>275103</v>
      </c>
      <c r="P34" s="113">
        <v>327231</v>
      </c>
      <c r="Q34" s="110">
        <v>0</v>
      </c>
      <c r="R34" s="114">
        <v>2276301</v>
      </c>
      <c r="S34" s="114">
        <v>2534745</v>
      </c>
      <c r="T34" s="114">
        <v>1720614</v>
      </c>
      <c r="U34" s="114">
        <v>2628356</v>
      </c>
      <c r="V34" s="114">
        <v>2744284</v>
      </c>
      <c r="W34" s="113">
        <v>11904300</v>
      </c>
      <c r="X34" s="116">
        <v>12231531</v>
      </c>
      <c r="Y34" s="110">
        <v>0</v>
      </c>
      <c r="Z34" s="114">
        <v>0</v>
      </c>
      <c r="AA34" s="113">
        <v>0</v>
      </c>
      <c r="AB34" s="110">
        <v>0</v>
      </c>
      <c r="AC34" s="114">
        <v>1150243</v>
      </c>
      <c r="AD34" s="114">
        <v>1162965</v>
      </c>
      <c r="AE34" s="114">
        <v>513959</v>
      </c>
      <c r="AF34" s="114">
        <v>1755373</v>
      </c>
      <c r="AG34" s="114">
        <v>1802690</v>
      </c>
      <c r="AH34" s="113">
        <v>6385230</v>
      </c>
      <c r="AI34" s="116">
        <v>6385230</v>
      </c>
      <c r="AJ34" s="110">
        <v>0</v>
      </c>
      <c r="AK34" s="114">
        <v>0</v>
      </c>
      <c r="AL34" s="113">
        <v>0</v>
      </c>
      <c r="AM34" s="110">
        <v>0</v>
      </c>
      <c r="AN34" s="114">
        <v>14247</v>
      </c>
      <c r="AO34" s="114">
        <v>0</v>
      </c>
      <c r="AP34" s="114">
        <v>40465</v>
      </c>
      <c r="AQ34" s="114">
        <v>159804</v>
      </c>
      <c r="AR34" s="114">
        <v>458662</v>
      </c>
      <c r="AS34" s="113">
        <v>673178</v>
      </c>
      <c r="AT34" s="116">
        <v>673178</v>
      </c>
      <c r="AU34" s="110">
        <v>44352</v>
      </c>
      <c r="AV34" s="114">
        <v>212229</v>
      </c>
      <c r="AW34" s="113">
        <v>256581</v>
      </c>
      <c r="AX34" s="110">
        <v>0</v>
      </c>
      <c r="AY34" s="114">
        <v>830284</v>
      </c>
      <c r="AZ34" s="114">
        <v>793294</v>
      </c>
      <c r="BA34" s="114">
        <v>790997</v>
      </c>
      <c r="BB34" s="114">
        <v>380019</v>
      </c>
      <c r="BC34" s="114">
        <v>371667</v>
      </c>
      <c r="BD34" s="113">
        <v>3166261</v>
      </c>
      <c r="BE34" s="116">
        <v>3422842</v>
      </c>
      <c r="BF34" s="110">
        <v>0</v>
      </c>
      <c r="BG34" s="114">
        <v>41580</v>
      </c>
      <c r="BH34" s="112">
        <v>41580</v>
      </c>
      <c r="BI34" s="111">
        <v>0</v>
      </c>
      <c r="BJ34" s="114">
        <v>61184</v>
      </c>
      <c r="BK34" s="114">
        <v>111610</v>
      </c>
      <c r="BL34" s="114">
        <v>129060</v>
      </c>
      <c r="BM34" s="114">
        <v>85712</v>
      </c>
      <c r="BN34" s="114">
        <v>0</v>
      </c>
      <c r="BO34" s="113">
        <v>387566</v>
      </c>
      <c r="BP34" s="116">
        <v>429146</v>
      </c>
      <c r="BQ34" s="110">
        <v>7776</v>
      </c>
      <c r="BR34" s="114">
        <v>21294</v>
      </c>
      <c r="BS34" s="113">
        <v>29070</v>
      </c>
      <c r="BT34" s="110">
        <v>0</v>
      </c>
      <c r="BU34" s="114">
        <v>220343</v>
      </c>
      <c r="BV34" s="114">
        <v>466876</v>
      </c>
      <c r="BW34" s="114">
        <v>246133</v>
      </c>
      <c r="BX34" s="114">
        <v>247448</v>
      </c>
      <c r="BY34" s="114">
        <v>111265</v>
      </c>
      <c r="BZ34" s="113">
        <v>1292065</v>
      </c>
      <c r="CA34" s="116">
        <v>1321135</v>
      </c>
      <c r="CB34" s="110">
        <v>40756</v>
      </c>
      <c r="CC34" s="114">
        <v>76752</v>
      </c>
      <c r="CD34" s="113">
        <v>117508</v>
      </c>
      <c r="CE34" s="110">
        <v>0</v>
      </c>
      <c r="CF34" s="114">
        <v>2985790</v>
      </c>
      <c r="CG34" s="114">
        <v>3648551</v>
      </c>
      <c r="CH34" s="114">
        <v>3328134</v>
      </c>
      <c r="CI34" s="114">
        <v>1841418</v>
      </c>
      <c r="CJ34" s="114">
        <v>634887</v>
      </c>
      <c r="CK34" s="113">
        <v>12438780</v>
      </c>
      <c r="CL34" s="116">
        <v>12556288</v>
      </c>
      <c r="CM34" s="110">
        <v>0</v>
      </c>
      <c r="CN34" s="114">
        <v>0</v>
      </c>
      <c r="CO34" s="113">
        <v>0</v>
      </c>
      <c r="CP34" s="111">
        <v>0</v>
      </c>
      <c r="CQ34" s="114">
        <v>2001127</v>
      </c>
      <c r="CR34" s="114">
        <v>2979418</v>
      </c>
      <c r="CS34" s="114">
        <v>2338812</v>
      </c>
      <c r="CT34" s="114">
        <v>1644250</v>
      </c>
      <c r="CU34" s="114">
        <v>634887</v>
      </c>
      <c r="CV34" s="113">
        <v>9598494</v>
      </c>
      <c r="CW34" s="116">
        <v>9598494</v>
      </c>
      <c r="CX34" s="110">
        <v>40756</v>
      </c>
      <c r="CY34" s="114">
        <v>76752</v>
      </c>
      <c r="CZ34" s="113">
        <v>117508</v>
      </c>
      <c r="DA34" s="110">
        <v>0</v>
      </c>
      <c r="DB34" s="114">
        <v>984663</v>
      </c>
      <c r="DC34" s="114">
        <v>669133</v>
      </c>
      <c r="DD34" s="114">
        <v>989322</v>
      </c>
      <c r="DE34" s="114">
        <v>197168</v>
      </c>
      <c r="DF34" s="114">
        <v>0</v>
      </c>
      <c r="DG34" s="113">
        <v>2840286</v>
      </c>
      <c r="DH34" s="116">
        <v>2957794</v>
      </c>
      <c r="DI34" s="110">
        <v>0</v>
      </c>
      <c r="DJ34" s="114">
        <v>0</v>
      </c>
      <c r="DK34" s="112">
        <v>0</v>
      </c>
      <c r="DL34" s="111">
        <v>0</v>
      </c>
      <c r="DM34" s="114">
        <v>147141</v>
      </c>
      <c r="DN34" s="114">
        <v>795792</v>
      </c>
      <c r="DO34" s="114">
        <v>1768488</v>
      </c>
      <c r="DP34" s="114">
        <v>346673</v>
      </c>
      <c r="DQ34" s="114">
        <v>584265</v>
      </c>
      <c r="DR34" s="113">
        <v>3642359</v>
      </c>
      <c r="DS34" s="116">
        <v>3642359</v>
      </c>
      <c r="DT34" s="110">
        <v>0</v>
      </c>
      <c r="DU34" s="114">
        <v>0</v>
      </c>
      <c r="DV34" s="113">
        <v>0</v>
      </c>
      <c r="DW34" s="110">
        <v>0</v>
      </c>
      <c r="DX34" s="114">
        <v>98721</v>
      </c>
      <c r="DY34" s="114">
        <v>688982</v>
      </c>
      <c r="DZ34" s="114">
        <v>1673259</v>
      </c>
      <c r="EA34" s="114">
        <v>346673</v>
      </c>
      <c r="EB34" s="114">
        <v>541551</v>
      </c>
      <c r="EC34" s="113">
        <v>3349186</v>
      </c>
      <c r="ED34" s="116">
        <v>3349186</v>
      </c>
      <c r="EE34" s="110">
        <v>0</v>
      </c>
      <c r="EF34" s="112">
        <v>0</v>
      </c>
      <c r="EG34" s="113">
        <v>0</v>
      </c>
      <c r="EH34" s="110">
        <v>0</v>
      </c>
      <c r="EI34" s="114">
        <v>48420</v>
      </c>
      <c r="EJ34" s="114">
        <v>106810</v>
      </c>
      <c r="EK34" s="114">
        <v>95229</v>
      </c>
      <c r="EL34" s="114">
        <v>0</v>
      </c>
      <c r="EM34" s="114">
        <v>42714</v>
      </c>
      <c r="EN34" s="112">
        <v>293173</v>
      </c>
      <c r="EO34" s="116">
        <v>293173</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5"/>
      <c r="FE34" s="114">
        <v>0</v>
      </c>
      <c r="FF34" s="114">
        <v>0</v>
      </c>
      <c r="FG34" s="114">
        <v>0</v>
      </c>
      <c r="FH34" s="114">
        <v>0</v>
      </c>
      <c r="FI34" s="114">
        <v>0</v>
      </c>
      <c r="FJ34" s="113">
        <v>0</v>
      </c>
      <c r="FK34" s="116">
        <v>0</v>
      </c>
      <c r="FL34" s="110">
        <v>148692</v>
      </c>
      <c r="FM34" s="114">
        <v>284484</v>
      </c>
      <c r="FN34" s="113">
        <v>433176</v>
      </c>
      <c r="FO34" s="110">
        <v>0</v>
      </c>
      <c r="FP34" s="114">
        <v>508092</v>
      </c>
      <c r="FQ34" s="114">
        <v>819945</v>
      </c>
      <c r="FR34" s="114">
        <v>833475</v>
      </c>
      <c r="FS34" s="114">
        <v>645045</v>
      </c>
      <c r="FT34" s="114">
        <v>529082</v>
      </c>
      <c r="FU34" s="113">
        <v>3335639</v>
      </c>
      <c r="FV34" s="116">
        <v>3768815</v>
      </c>
      <c r="FW34" s="115">
        <v>126120</v>
      </c>
      <c r="FX34" s="114">
        <v>232920</v>
      </c>
      <c r="FY34" s="112">
        <v>359040</v>
      </c>
      <c r="FZ34" s="111">
        <v>0</v>
      </c>
      <c r="GA34" s="114">
        <v>429270</v>
      </c>
      <c r="GB34" s="114">
        <v>819945</v>
      </c>
      <c r="GC34" s="114">
        <v>798733</v>
      </c>
      <c r="GD34" s="114">
        <v>622473</v>
      </c>
      <c r="GE34" s="114">
        <v>529082</v>
      </c>
      <c r="GF34" s="113">
        <v>3199503</v>
      </c>
      <c r="GG34" s="316">
        <v>3558543</v>
      </c>
      <c r="GH34" s="115">
        <v>22572</v>
      </c>
      <c r="GI34" s="114">
        <v>0</v>
      </c>
      <c r="GJ34" s="112">
        <v>22572</v>
      </c>
      <c r="GK34" s="111">
        <v>0</v>
      </c>
      <c r="GL34" s="114">
        <v>0</v>
      </c>
      <c r="GM34" s="114">
        <v>0</v>
      </c>
      <c r="GN34" s="114">
        <v>34742</v>
      </c>
      <c r="GO34" s="114">
        <v>22572</v>
      </c>
      <c r="GP34" s="114">
        <v>0</v>
      </c>
      <c r="GQ34" s="113">
        <v>57314</v>
      </c>
      <c r="GR34" s="116">
        <v>79886</v>
      </c>
      <c r="GS34" s="110">
        <v>0</v>
      </c>
      <c r="GT34" s="114">
        <v>51564</v>
      </c>
      <c r="GU34" s="113">
        <v>51564</v>
      </c>
      <c r="GV34" s="110">
        <v>0</v>
      </c>
      <c r="GW34" s="114">
        <v>78822</v>
      </c>
      <c r="GX34" s="114">
        <v>0</v>
      </c>
      <c r="GY34" s="114">
        <v>0</v>
      </c>
      <c r="GZ34" s="114">
        <v>0</v>
      </c>
      <c r="HA34" s="114">
        <v>0</v>
      </c>
      <c r="HB34" s="112">
        <v>78822</v>
      </c>
      <c r="HC34" s="116">
        <v>130386</v>
      </c>
      <c r="HD34" s="110">
        <v>52056</v>
      </c>
      <c r="HE34" s="114">
        <v>0</v>
      </c>
      <c r="HF34" s="112">
        <v>52056</v>
      </c>
      <c r="HG34" s="111">
        <v>0</v>
      </c>
      <c r="HH34" s="114">
        <v>1224048</v>
      </c>
      <c r="HI34" s="114">
        <v>1499679</v>
      </c>
      <c r="HJ34" s="114">
        <v>914223</v>
      </c>
      <c r="HK34" s="114">
        <v>1944046</v>
      </c>
      <c r="HL34" s="114">
        <v>766728</v>
      </c>
      <c r="HM34" s="113">
        <v>6348724</v>
      </c>
      <c r="HN34" s="109">
        <v>6400780</v>
      </c>
      <c r="HO34" s="115">
        <v>139387</v>
      </c>
      <c r="HP34" s="114">
        <v>182820</v>
      </c>
      <c r="HQ34" s="113">
        <v>322207</v>
      </c>
      <c r="HR34" s="110">
        <v>0</v>
      </c>
      <c r="HS34" s="114">
        <v>1216210</v>
      </c>
      <c r="HT34" s="114">
        <v>1151626</v>
      </c>
      <c r="HU34" s="114">
        <v>990838</v>
      </c>
      <c r="HV34" s="114">
        <v>556280</v>
      </c>
      <c r="HW34" s="114">
        <v>346745</v>
      </c>
      <c r="HX34" s="112">
        <v>4261699</v>
      </c>
      <c r="HY34" s="116">
        <v>4583906</v>
      </c>
      <c r="HZ34" s="150">
        <v>0</v>
      </c>
      <c r="IA34" s="135">
        <v>352224</v>
      </c>
      <c r="IB34" s="150">
        <v>352224</v>
      </c>
      <c r="IC34" s="134">
        <v>0</v>
      </c>
      <c r="ID34" s="135">
        <v>3472678</v>
      </c>
      <c r="IE34" s="136">
        <v>3469692</v>
      </c>
      <c r="IF34" s="137">
        <v>6948890</v>
      </c>
      <c r="IG34" s="135">
        <v>4029981</v>
      </c>
      <c r="IH34" s="137">
        <v>3247953</v>
      </c>
      <c r="II34" s="138">
        <v>21169194</v>
      </c>
      <c r="IJ34" s="150">
        <v>21521418</v>
      </c>
      <c r="IK34" s="232">
        <v>0</v>
      </c>
      <c r="IL34" s="236">
        <v>0</v>
      </c>
      <c r="IM34" s="237">
        <v>0</v>
      </c>
      <c r="IN34" s="140"/>
      <c r="IO34" s="119">
        <v>110766</v>
      </c>
      <c r="IP34" s="119">
        <v>0</v>
      </c>
      <c r="IQ34" s="119">
        <v>0</v>
      </c>
      <c r="IR34" s="119">
        <v>0</v>
      </c>
      <c r="IS34" s="119">
        <v>0</v>
      </c>
      <c r="IT34" s="141">
        <v>110766</v>
      </c>
      <c r="IU34" s="318">
        <v>110766</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241141</v>
      </c>
      <c r="JL34" s="119">
        <v>1061787</v>
      </c>
      <c r="JM34" s="119">
        <v>323716</v>
      </c>
      <c r="JN34" s="119">
        <v>437553</v>
      </c>
      <c r="JO34" s="119">
        <v>0</v>
      </c>
      <c r="JP34" s="120">
        <v>3064197</v>
      </c>
      <c r="JQ34" s="318">
        <v>3064197</v>
      </c>
      <c r="JR34" s="142">
        <v>0</v>
      </c>
      <c r="JS34" s="119">
        <v>0</v>
      </c>
      <c r="JT34" s="141">
        <v>0</v>
      </c>
      <c r="JU34" s="118">
        <v>0</v>
      </c>
      <c r="JV34" s="119">
        <v>63666</v>
      </c>
      <c r="JW34" s="119">
        <v>0</v>
      </c>
      <c r="JX34" s="119">
        <v>0</v>
      </c>
      <c r="JY34" s="119">
        <v>43083</v>
      </c>
      <c r="JZ34" s="119">
        <v>0</v>
      </c>
      <c r="KA34" s="120">
        <v>106749</v>
      </c>
      <c r="KB34" s="318">
        <v>106749</v>
      </c>
      <c r="KC34" s="234">
        <v>0</v>
      </c>
      <c r="KD34" s="230">
        <v>352224</v>
      </c>
      <c r="KE34" s="120">
        <v>352224</v>
      </c>
      <c r="KF34" s="118">
        <v>0</v>
      </c>
      <c r="KG34" s="119">
        <v>1071731</v>
      </c>
      <c r="KH34" s="119">
        <v>594936</v>
      </c>
      <c r="KI34" s="119">
        <v>1558777</v>
      </c>
      <c r="KJ34" s="119">
        <v>862623</v>
      </c>
      <c r="KK34" s="119">
        <v>318615</v>
      </c>
      <c r="KL34" s="120">
        <v>4406682</v>
      </c>
      <c r="KM34" s="143">
        <v>4758906</v>
      </c>
      <c r="KN34" s="232">
        <v>0</v>
      </c>
      <c r="KO34" s="236">
        <v>0</v>
      </c>
      <c r="KP34" s="237">
        <v>0</v>
      </c>
      <c r="KQ34" s="140"/>
      <c r="KR34" s="119">
        <v>985374</v>
      </c>
      <c r="KS34" s="119">
        <v>1565181</v>
      </c>
      <c r="KT34" s="119">
        <v>1834668</v>
      </c>
      <c r="KU34" s="119">
        <v>544122</v>
      </c>
      <c r="KV34" s="119">
        <v>859617</v>
      </c>
      <c r="KW34" s="120">
        <v>5788962</v>
      </c>
      <c r="KX34" s="318">
        <v>5788962</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247788</v>
      </c>
      <c r="LP34" s="119">
        <v>3231729</v>
      </c>
      <c r="LQ34" s="119">
        <v>2142600</v>
      </c>
      <c r="LR34" s="119">
        <v>2069721</v>
      </c>
      <c r="LS34" s="120">
        <v>7691838</v>
      </c>
      <c r="LT34" s="318">
        <v>7691838</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829756</v>
      </c>
      <c r="MK34" s="119">
        <v>2261692</v>
      </c>
      <c r="ML34" s="119">
        <v>6533565</v>
      </c>
      <c r="MM34" s="119">
        <v>12459228</v>
      </c>
      <c r="MN34" s="119">
        <v>7727229</v>
      </c>
      <c r="MO34" s="120">
        <v>29811470</v>
      </c>
      <c r="MP34" s="143">
        <v>29811470</v>
      </c>
      <c r="MQ34" s="142">
        <v>0</v>
      </c>
      <c r="MR34" s="119">
        <v>0</v>
      </c>
      <c r="MS34" s="120">
        <v>0</v>
      </c>
      <c r="MT34" s="145"/>
      <c r="MU34" s="119">
        <v>0</v>
      </c>
      <c r="MV34" s="119">
        <v>431979</v>
      </c>
      <c r="MW34" s="119">
        <v>3269026</v>
      </c>
      <c r="MX34" s="119">
        <v>8788654</v>
      </c>
      <c r="MY34" s="119">
        <v>5716137</v>
      </c>
      <c r="MZ34" s="120">
        <v>18205796</v>
      </c>
      <c r="NA34" s="143">
        <v>18205796</v>
      </c>
      <c r="NB34" s="142">
        <v>0</v>
      </c>
      <c r="NC34" s="119">
        <v>0</v>
      </c>
      <c r="ND34" s="120">
        <v>0</v>
      </c>
      <c r="NE34" s="145"/>
      <c r="NF34" s="119">
        <v>829756</v>
      </c>
      <c r="NG34" s="119">
        <v>1829713</v>
      </c>
      <c r="NH34" s="119">
        <v>3264539</v>
      </c>
      <c r="NI34" s="119">
        <v>3670574</v>
      </c>
      <c r="NJ34" s="119">
        <v>2011092</v>
      </c>
      <c r="NK34" s="120">
        <v>11605674</v>
      </c>
      <c r="NL34" s="318">
        <v>11605674</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433019</v>
      </c>
      <c r="OJ34" s="119">
        <v>1171383</v>
      </c>
      <c r="OK34" s="141">
        <v>1604402</v>
      </c>
      <c r="OL34" s="118">
        <v>0</v>
      </c>
      <c r="OM34" s="119">
        <v>12660016</v>
      </c>
      <c r="ON34" s="119">
        <v>16181722</v>
      </c>
      <c r="OO34" s="119">
        <v>23038227</v>
      </c>
      <c r="OP34" s="119">
        <v>24451027</v>
      </c>
      <c r="OQ34" s="119">
        <v>16581173</v>
      </c>
      <c r="OR34" s="120">
        <v>92912165</v>
      </c>
      <c r="OS34" s="143">
        <v>94516567</v>
      </c>
    </row>
    <row r="35" spans="2:409" ht="21" customHeight="1" x14ac:dyDescent="0.2">
      <c r="B35" s="62" t="s">
        <v>30</v>
      </c>
      <c r="C35" s="110">
        <v>909983</v>
      </c>
      <c r="D35" s="114">
        <v>910257</v>
      </c>
      <c r="E35" s="174">
        <v>1820240</v>
      </c>
      <c r="F35" s="175">
        <v>0</v>
      </c>
      <c r="G35" s="176">
        <v>7123604</v>
      </c>
      <c r="H35" s="176">
        <v>7037709</v>
      </c>
      <c r="I35" s="176">
        <v>8646799</v>
      </c>
      <c r="J35" s="176">
        <v>9981923</v>
      </c>
      <c r="K35" s="176">
        <v>3852493</v>
      </c>
      <c r="L35" s="177">
        <v>36642528</v>
      </c>
      <c r="M35" s="116">
        <v>38462768</v>
      </c>
      <c r="N35" s="110">
        <v>88026</v>
      </c>
      <c r="O35" s="114">
        <v>213632</v>
      </c>
      <c r="P35" s="113">
        <v>301658</v>
      </c>
      <c r="Q35" s="110">
        <v>0</v>
      </c>
      <c r="R35" s="114">
        <v>2366775</v>
      </c>
      <c r="S35" s="114">
        <v>1960090</v>
      </c>
      <c r="T35" s="114">
        <v>3144798</v>
      </c>
      <c r="U35" s="114">
        <v>4898999</v>
      </c>
      <c r="V35" s="114">
        <v>2977034</v>
      </c>
      <c r="W35" s="113">
        <v>15347696</v>
      </c>
      <c r="X35" s="116">
        <v>15649354</v>
      </c>
      <c r="Y35" s="110">
        <v>0</v>
      </c>
      <c r="Z35" s="114">
        <v>0</v>
      </c>
      <c r="AA35" s="113">
        <v>0</v>
      </c>
      <c r="AB35" s="110">
        <v>0</v>
      </c>
      <c r="AC35" s="114">
        <v>1042812</v>
      </c>
      <c r="AD35" s="114">
        <v>1199596</v>
      </c>
      <c r="AE35" s="114">
        <v>1816519</v>
      </c>
      <c r="AF35" s="114">
        <v>2753583</v>
      </c>
      <c r="AG35" s="114">
        <v>2447792</v>
      </c>
      <c r="AH35" s="113">
        <v>9260302</v>
      </c>
      <c r="AI35" s="116">
        <v>9260302</v>
      </c>
      <c r="AJ35" s="110">
        <v>0</v>
      </c>
      <c r="AK35" s="114">
        <v>0</v>
      </c>
      <c r="AL35" s="113">
        <v>0</v>
      </c>
      <c r="AM35" s="110">
        <v>0</v>
      </c>
      <c r="AN35" s="114">
        <v>39846</v>
      </c>
      <c r="AO35" s="114">
        <v>0</v>
      </c>
      <c r="AP35" s="114">
        <v>61461</v>
      </c>
      <c r="AQ35" s="114">
        <v>676093</v>
      </c>
      <c r="AR35" s="114">
        <v>196677</v>
      </c>
      <c r="AS35" s="113">
        <v>974077</v>
      </c>
      <c r="AT35" s="116">
        <v>974077</v>
      </c>
      <c r="AU35" s="110">
        <v>77226</v>
      </c>
      <c r="AV35" s="114">
        <v>213632</v>
      </c>
      <c r="AW35" s="113">
        <v>290858</v>
      </c>
      <c r="AX35" s="110">
        <v>0</v>
      </c>
      <c r="AY35" s="114">
        <v>955048</v>
      </c>
      <c r="AZ35" s="114">
        <v>543947</v>
      </c>
      <c r="BA35" s="114">
        <v>773174</v>
      </c>
      <c r="BB35" s="114">
        <v>1071303</v>
      </c>
      <c r="BC35" s="114">
        <v>183741</v>
      </c>
      <c r="BD35" s="113">
        <v>3527213</v>
      </c>
      <c r="BE35" s="116">
        <v>3818071</v>
      </c>
      <c r="BF35" s="110">
        <v>0</v>
      </c>
      <c r="BG35" s="114">
        <v>0</v>
      </c>
      <c r="BH35" s="112">
        <v>0</v>
      </c>
      <c r="BI35" s="111">
        <v>0</v>
      </c>
      <c r="BJ35" s="114">
        <v>25812</v>
      </c>
      <c r="BK35" s="114">
        <v>0</v>
      </c>
      <c r="BL35" s="114">
        <v>205368</v>
      </c>
      <c r="BM35" s="114">
        <v>86040</v>
      </c>
      <c r="BN35" s="114">
        <v>0</v>
      </c>
      <c r="BO35" s="113">
        <v>317220</v>
      </c>
      <c r="BP35" s="116">
        <v>317220</v>
      </c>
      <c r="BQ35" s="110">
        <v>10800</v>
      </c>
      <c r="BR35" s="114">
        <v>0</v>
      </c>
      <c r="BS35" s="113">
        <v>10800</v>
      </c>
      <c r="BT35" s="110">
        <v>0</v>
      </c>
      <c r="BU35" s="114">
        <v>303257</v>
      </c>
      <c r="BV35" s="114">
        <v>216547</v>
      </c>
      <c r="BW35" s="114">
        <v>288276</v>
      </c>
      <c r="BX35" s="114">
        <v>311980</v>
      </c>
      <c r="BY35" s="114">
        <v>148824</v>
      </c>
      <c r="BZ35" s="113">
        <v>1268884</v>
      </c>
      <c r="CA35" s="116">
        <v>1279684</v>
      </c>
      <c r="CB35" s="110">
        <v>82674</v>
      </c>
      <c r="CC35" s="114">
        <v>131772</v>
      </c>
      <c r="CD35" s="113">
        <v>214446</v>
      </c>
      <c r="CE35" s="110">
        <v>0</v>
      </c>
      <c r="CF35" s="114">
        <v>2046396</v>
      </c>
      <c r="CG35" s="114">
        <v>2196913</v>
      </c>
      <c r="CH35" s="114">
        <v>1990278</v>
      </c>
      <c r="CI35" s="114">
        <v>1846144</v>
      </c>
      <c r="CJ35" s="114">
        <v>130734</v>
      </c>
      <c r="CK35" s="113">
        <v>8210465</v>
      </c>
      <c r="CL35" s="116">
        <v>8424911</v>
      </c>
      <c r="CM35" s="110">
        <v>0</v>
      </c>
      <c r="CN35" s="114">
        <v>0</v>
      </c>
      <c r="CO35" s="113">
        <v>0</v>
      </c>
      <c r="CP35" s="111">
        <v>0</v>
      </c>
      <c r="CQ35" s="114">
        <v>1680562</v>
      </c>
      <c r="CR35" s="114">
        <v>1737604</v>
      </c>
      <c r="CS35" s="114">
        <v>1417445</v>
      </c>
      <c r="CT35" s="114">
        <v>1571668</v>
      </c>
      <c r="CU35" s="114">
        <v>130734</v>
      </c>
      <c r="CV35" s="113">
        <v>6538013</v>
      </c>
      <c r="CW35" s="116">
        <v>6538013</v>
      </c>
      <c r="CX35" s="110">
        <v>82674</v>
      </c>
      <c r="CY35" s="114">
        <v>131772</v>
      </c>
      <c r="CZ35" s="113">
        <v>214446</v>
      </c>
      <c r="DA35" s="110">
        <v>0</v>
      </c>
      <c r="DB35" s="114">
        <v>365834</v>
      </c>
      <c r="DC35" s="114">
        <v>459309</v>
      </c>
      <c r="DD35" s="114">
        <v>572833</v>
      </c>
      <c r="DE35" s="114">
        <v>274476</v>
      </c>
      <c r="DF35" s="114">
        <v>0</v>
      </c>
      <c r="DG35" s="113">
        <v>1672452</v>
      </c>
      <c r="DH35" s="116">
        <v>1886898</v>
      </c>
      <c r="DI35" s="110">
        <v>0</v>
      </c>
      <c r="DJ35" s="114">
        <v>0</v>
      </c>
      <c r="DK35" s="112">
        <v>0</v>
      </c>
      <c r="DL35" s="111">
        <v>0</v>
      </c>
      <c r="DM35" s="114">
        <v>266232</v>
      </c>
      <c r="DN35" s="114">
        <v>500855</v>
      </c>
      <c r="DO35" s="114">
        <v>978245</v>
      </c>
      <c r="DP35" s="114">
        <v>1403101</v>
      </c>
      <c r="DQ35" s="114">
        <v>94262</v>
      </c>
      <c r="DR35" s="113">
        <v>3242695</v>
      </c>
      <c r="DS35" s="116">
        <v>3242695</v>
      </c>
      <c r="DT35" s="110">
        <v>0</v>
      </c>
      <c r="DU35" s="114">
        <v>0</v>
      </c>
      <c r="DV35" s="113">
        <v>0</v>
      </c>
      <c r="DW35" s="110">
        <v>0</v>
      </c>
      <c r="DX35" s="114">
        <v>266232</v>
      </c>
      <c r="DY35" s="114">
        <v>383390</v>
      </c>
      <c r="DZ35" s="114">
        <v>935180</v>
      </c>
      <c r="EA35" s="114">
        <v>1294867</v>
      </c>
      <c r="EB35" s="114">
        <v>40419</v>
      </c>
      <c r="EC35" s="113">
        <v>2920088</v>
      </c>
      <c r="ED35" s="116">
        <v>2920088</v>
      </c>
      <c r="EE35" s="110">
        <v>0</v>
      </c>
      <c r="EF35" s="112">
        <v>0</v>
      </c>
      <c r="EG35" s="113">
        <v>0</v>
      </c>
      <c r="EH35" s="110">
        <v>0</v>
      </c>
      <c r="EI35" s="114">
        <v>0</v>
      </c>
      <c r="EJ35" s="114">
        <v>117465</v>
      </c>
      <c r="EK35" s="114">
        <v>43065</v>
      </c>
      <c r="EL35" s="114">
        <v>108234</v>
      </c>
      <c r="EM35" s="114">
        <v>53843</v>
      </c>
      <c r="EN35" s="112">
        <v>322607</v>
      </c>
      <c r="EO35" s="116">
        <v>322607</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5"/>
      <c r="FE35" s="114">
        <v>0</v>
      </c>
      <c r="FF35" s="114">
        <v>0</v>
      </c>
      <c r="FG35" s="114">
        <v>0</v>
      </c>
      <c r="FH35" s="114">
        <v>0</v>
      </c>
      <c r="FI35" s="114">
        <v>0</v>
      </c>
      <c r="FJ35" s="113">
        <v>0</v>
      </c>
      <c r="FK35" s="116">
        <v>0</v>
      </c>
      <c r="FL35" s="110">
        <v>499115</v>
      </c>
      <c r="FM35" s="114">
        <v>333355</v>
      </c>
      <c r="FN35" s="113">
        <v>832470</v>
      </c>
      <c r="FO35" s="110">
        <v>0</v>
      </c>
      <c r="FP35" s="114">
        <v>435765</v>
      </c>
      <c r="FQ35" s="114">
        <v>636336</v>
      </c>
      <c r="FR35" s="114">
        <v>931909</v>
      </c>
      <c r="FS35" s="114">
        <v>801258</v>
      </c>
      <c r="FT35" s="114">
        <v>187239</v>
      </c>
      <c r="FU35" s="113">
        <v>2992507</v>
      </c>
      <c r="FV35" s="116">
        <v>3824977</v>
      </c>
      <c r="FW35" s="115">
        <v>176915</v>
      </c>
      <c r="FX35" s="114">
        <v>189355</v>
      </c>
      <c r="FY35" s="112">
        <v>366270</v>
      </c>
      <c r="FZ35" s="111">
        <v>0</v>
      </c>
      <c r="GA35" s="114">
        <v>398361</v>
      </c>
      <c r="GB35" s="114">
        <v>599436</v>
      </c>
      <c r="GC35" s="114">
        <v>915277</v>
      </c>
      <c r="GD35" s="114">
        <v>801258</v>
      </c>
      <c r="GE35" s="114">
        <v>187239</v>
      </c>
      <c r="GF35" s="113">
        <v>2901571</v>
      </c>
      <c r="GG35" s="316">
        <v>3267841</v>
      </c>
      <c r="GH35" s="115">
        <v>0</v>
      </c>
      <c r="GI35" s="114">
        <v>0</v>
      </c>
      <c r="GJ35" s="112">
        <v>0</v>
      </c>
      <c r="GK35" s="111">
        <v>0</v>
      </c>
      <c r="GL35" s="114">
        <v>19404</v>
      </c>
      <c r="GM35" s="114">
        <v>0</v>
      </c>
      <c r="GN35" s="114">
        <v>16632</v>
      </c>
      <c r="GO35" s="114">
        <v>0</v>
      </c>
      <c r="GP35" s="114">
        <v>0</v>
      </c>
      <c r="GQ35" s="113">
        <v>36036</v>
      </c>
      <c r="GR35" s="116">
        <v>36036</v>
      </c>
      <c r="GS35" s="110">
        <v>322200</v>
      </c>
      <c r="GT35" s="114">
        <v>144000</v>
      </c>
      <c r="GU35" s="113">
        <v>466200</v>
      </c>
      <c r="GV35" s="110">
        <v>0</v>
      </c>
      <c r="GW35" s="114">
        <v>18000</v>
      </c>
      <c r="GX35" s="114">
        <v>36900</v>
      </c>
      <c r="GY35" s="114">
        <v>0</v>
      </c>
      <c r="GZ35" s="114">
        <v>0</v>
      </c>
      <c r="HA35" s="114">
        <v>0</v>
      </c>
      <c r="HB35" s="112">
        <v>54900</v>
      </c>
      <c r="HC35" s="116">
        <v>521100</v>
      </c>
      <c r="HD35" s="110">
        <v>58968</v>
      </c>
      <c r="HE35" s="114">
        <v>98478</v>
      </c>
      <c r="HF35" s="112">
        <v>157446</v>
      </c>
      <c r="HG35" s="111">
        <v>0</v>
      </c>
      <c r="HH35" s="114">
        <v>955221</v>
      </c>
      <c r="HI35" s="114">
        <v>933869</v>
      </c>
      <c r="HJ35" s="114">
        <v>669514</v>
      </c>
      <c r="HK35" s="114">
        <v>345591</v>
      </c>
      <c r="HL35" s="114">
        <v>269183</v>
      </c>
      <c r="HM35" s="113">
        <v>3173378</v>
      </c>
      <c r="HN35" s="109">
        <v>3330824</v>
      </c>
      <c r="HO35" s="115">
        <v>181200</v>
      </c>
      <c r="HP35" s="114">
        <v>133020</v>
      </c>
      <c r="HQ35" s="113">
        <v>314220</v>
      </c>
      <c r="HR35" s="110">
        <v>0</v>
      </c>
      <c r="HS35" s="114">
        <v>1053215</v>
      </c>
      <c r="HT35" s="114">
        <v>809646</v>
      </c>
      <c r="HU35" s="114">
        <v>932055</v>
      </c>
      <c r="HV35" s="114">
        <v>686830</v>
      </c>
      <c r="HW35" s="114">
        <v>194041</v>
      </c>
      <c r="HX35" s="112">
        <v>3675787</v>
      </c>
      <c r="HY35" s="116">
        <v>3990007</v>
      </c>
      <c r="HZ35" s="131">
        <v>26940</v>
      </c>
      <c r="IA35" s="132">
        <v>0</v>
      </c>
      <c r="IB35" s="133">
        <v>26940</v>
      </c>
      <c r="IC35" s="146">
        <v>0</v>
      </c>
      <c r="ID35" s="132">
        <v>2684715</v>
      </c>
      <c r="IE35" s="147">
        <v>2159590</v>
      </c>
      <c r="IF35" s="133">
        <v>2293261</v>
      </c>
      <c r="IG35" s="132">
        <v>1975795</v>
      </c>
      <c r="IH35" s="133">
        <v>285444</v>
      </c>
      <c r="II35" s="148">
        <v>9398805</v>
      </c>
      <c r="IJ35" s="139">
        <v>9425745</v>
      </c>
      <c r="IK35" s="232">
        <v>0</v>
      </c>
      <c r="IL35" s="236">
        <v>0</v>
      </c>
      <c r="IM35" s="237">
        <v>0</v>
      </c>
      <c r="IN35" s="140"/>
      <c r="IO35" s="119">
        <v>0</v>
      </c>
      <c r="IP35" s="119">
        <v>224883</v>
      </c>
      <c r="IQ35" s="119">
        <v>185283</v>
      </c>
      <c r="IR35" s="119">
        <v>0</v>
      </c>
      <c r="IS35" s="119">
        <v>0</v>
      </c>
      <c r="IT35" s="141">
        <v>410166</v>
      </c>
      <c r="IU35" s="318">
        <v>410166</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1032063</v>
      </c>
      <c r="JL35" s="119">
        <v>701158</v>
      </c>
      <c r="JM35" s="119">
        <v>1143466</v>
      </c>
      <c r="JN35" s="119">
        <v>313029</v>
      </c>
      <c r="JO35" s="119">
        <v>0</v>
      </c>
      <c r="JP35" s="120">
        <v>3189716</v>
      </c>
      <c r="JQ35" s="318">
        <v>3189716</v>
      </c>
      <c r="JR35" s="142">
        <v>26940</v>
      </c>
      <c r="JS35" s="119">
        <v>0</v>
      </c>
      <c r="JT35" s="141">
        <v>26940</v>
      </c>
      <c r="JU35" s="118">
        <v>0</v>
      </c>
      <c r="JV35" s="119">
        <v>186318</v>
      </c>
      <c r="JW35" s="119">
        <v>193023</v>
      </c>
      <c r="JX35" s="119">
        <v>185301</v>
      </c>
      <c r="JY35" s="119">
        <v>0</v>
      </c>
      <c r="JZ35" s="119">
        <v>0</v>
      </c>
      <c r="KA35" s="120">
        <v>564642</v>
      </c>
      <c r="KB35" s="318">
        <v>591582</v>
      </c>
      <c r="KC35" s="234">
        <v>0</v>
      </c>
      <c r="KD35" s="230">
        <v>0</v>
      </c>
      <c r="KE35" s="120">
        <v>0</v>
      </c>
      <c r="KF35" s="118">
        <v>0</v>
      </c>
      <c r="KG35" s="119">
        <v>0</v>
      </c>
      <c r="KH35" s="119">
        <v>0</v>
      </c>
      <c r="KI35" s="119">
        <v>0</v>
      </c>
      <c r="KJ35" s="119">
        <v>295704</v>
      </c>
      <c r="KK35" s="119">
        <v>0</v>
      </c>
      <c r="KL35" s="120">
        <v>295704</v>
      </c>
      <c r="KM35" s="143">
        <v>295704</v>
      </c>
      <c r="KN35" s="232">
        <v>0</v>
      </c>
      <c r="KO35" s="236">
        <v>0</v>
      </c>
      <c r="KP35" s="237">
        <v>0</v>
      </c>
      <c r="KQ35" s="140"/>
      <c r="KR35" s="119">
        <v>1466334</v>
      </c>
      <c r="KS35" s="119">
        <v>1040526</v>
      </c>
      <c r="KT35" s="119">
        <v>779211</v>
      </c>
      <c r="KU35" s="119">
        <v>1367062</v>
      </c>
      <c r="KV35" s="119">
        <v>285444</v>
      </c>
      <c r="KW35" s="120">
        <v>4938577</v>
      </c>
      <c r="KX35" s="318">
        <v>4938577</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18">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2733298</v>
      </c>
      <c r="MK35" s="119">
        <v>305528</v>
      </c>
      <c r="ML35" s="119">
        <v>10961374</v>
      </c>
      <c r="MM35" s="119">
        <v>13717359</v>
      </c>
      <c r="MN35" s="119">
        <v>5506383</v>
      </c>
      <c r="MO35" s="120">
        <v>33223942</v>
      </c>
      <c r="MP35" s="143">
        <v>33223942</v>
      </c>
      <c r="MQ35" s="142">
        <v>0</v>
      </c>
      <c r="MR35" s="119">
        <v>0</v>
      </c>
      <c r="MS35" s="120">
        <v>0</v>
      </c>
      <c r="MT35" s="145"/>
      <c r="MU35" s="119">
        <v>0</v>
      </c>
      <c r="MV35" s="119">
        <v>210363</v>
      </c>
      <c r="MW35" s="119">
        <v>7127334</v>
      </c>
      <c r="MX35" s="119">
        <v>7966037</v>
      </c>
      <c r="MY35" s="119">
        <v>3856830</v>
      </c>
      <c r="MZ35" s="120">
        <v>19160564</v>
      </c>
      <c r="NA35" s="143">
        <v>19160564</v>
      </c>
      <c r="NB35" s="142">
        <v>0</v>
      </c>
      <c r="NC35" s="119">
        <v>0</v>
      </c>
      <c r="ND35" s="120">
        <v>0</v>
      </c>
      <c r="NE35" s="145"/>
      <c r="NF35" s="119">
        <v>2733298</v>
      </c>
      <c r="NG35" s="119">
        <v>95165</v>
      </c>
      <c r="NH35" s="119">
        <v>3199819</v>
      </c>
      <c r="NI35" s="119">
        <v>5365666</v>
      </c>
      <c r="NJ35" s="119">
        <v>1259382</v>
      </c>
      <c r="NK35" s="120">
        <v>12653330</v>
      </c>
      <c r="NL35" s="318">
        <v>12653330</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634221</v>
      </c>
      <c r="OE35" s="119">
        <v>385656</v>
      </c>
      <c r="OF35" s="119">
        <v>390171</v>
      </c>
      <c r="OG35" s="120">
        <v>1410048</v>
      </c>
      <c r="OH35" s="121">
        <v>1410048</v>
      </c>
      <c r="OI35" s="142">
        <v>936923</v>
      </c>
      <c r="OJ35" s="119">
        <v>910257</v>
      </c>
      <c r="OK35" s="141">
        <v>1847180</v>
      </c>
      <c r="OL35" s="118">
        <v>0</v>
      </c>
      <c r="OM35" s="119">
        <v>12541617</v>
      </c>
      <c r="ON35" s="119">
        <v>9502827</v>
      </c>
      <c r="OO35" s="119">
        <v>21901434</v>
      </c>
      <c r="OP35" s="119">
        <v>25675077</v>
      </c>
      <c r="OQ35" s="119">
        <v>9644320</v>
      </c>
      <c r="OR35" s="120">
        <v>79265275</v>
      </c>
      <c r="OS35" s="143">
        <v>81112455</v>
      </c>
    </row>
    <row r="36" spans="2:409" ht="21" customHeight="1" x14ac:dyDescent="0.2">
      <c r="B36" s="62" t="s">
        <v>31</v>
      </c>
      <c r="C36" s="110">
        <v>488675</v>
      </c>
      <c r="D36" s="114">
        <v>1022674</v>
      </c>
      <c r="E36" s="113">
        <v>1511349</v>
      </c>
      <c r="F36" s="109">
        <v>0</v>
      </c>
      <c r="G36" s="114">
        <v>6875199</v>
      </c>
      <c r="H36" s="114">
        <v>8748194</v>
      </c>
      <c r="I36" s="114">
        <v>7526468</v>
      </c>
      <c r="J36" s="114">
        <v>7222332</v>
      </c>
      <c r="K36" s="114">
        <v>3092626</v>
      </c>
      <c r="L36" s="173">
        <v>33464819</v>
      </c>
      <c r="M36" s="116">
        <v>34976168</v>
      </c>
      <c r="N36" s="110">
        <v>196447</v>
      </c>
      <c r="O36" s="114">
        <v>228888</v>
      </c>
      <c r="P36" s="113">
        <v>425335</v>
      </c>
      <c r="Q36" s="110">
        <v>0</v>
      </c>
      <c r="R36" s="114">
        <v>1059298</v>
      </c>
      <c r="S36" s="114">
        <v>1490767</v>
      </c>
      <c r="T36" s="114">
        <v>2264384</v>
      </c>
      <c r="U36" s="114">
        <v>2214354</v>
      </c>
      <c r="V36" s="114">
        <v>1616906</v>
      </c>
      <c r="W36" s="113">
        <v>8645709</v>
      </c>
      <c r="X36" s="116">
        <v>9071044</v>
      </c>
      <c r="Y36" s="110">
        <v>0</v>
      </c>
      <c r="Z36" s="114">
        <v>0</v>
      </c>
      <c r="AA36" s="113">
        <v>0</v>
      </c>
      <c r="AB36" s="110">
        <v>0</v>
      </c>
      <c r="AC36" s="114">
        <v>329087</v>
      </c>
      <c r="AD36" s="114">
        <v>560800</v>
      </c>
      <c r="AE36" s="114">
        <v>1339410</v>
      </c>
      <c r="AF36" s="114">
        <v>457309</v>
      </c>
      <c r="AG36" s="114">
        <v>692662</v>
      </c>
      <c r="AH36" s="113">
        <v>3379268</v>
      </c>
      <c r="AI36" s="116">
        <v>3379268</v>
      </c>
      <c r="AJ36" s="110">
        <v>0</v>
      </c>
      <c r="AK36" s="114">
        <v>0</v>
      </c>
      <c r="AL36" s="113">
        <v>0</v>
      </c>
      <c r="AM36" s="110">
        <v>0</v>
      </c>
      <c r="AN36" s="114">
        <v>49167</v>
      </c>
      <c r="AO36" s="114">
        <v>43704</v>
      </c>
      <c r="AP36" s="114">
        <v>233560</v>
      </c>
      <c r="AQ36" s="114">
        <v>465905</v>
      </c>
      <c r="AR36" s="114">
        <v>309278</v>
      </c>
      <c r="AS36" s="113">
        <v>1101614</v>
      </c>
      <c r="AT36" s="116">
        <v>1101614</v>
      </c>
      <c r="AU36" s="110">
        <v>137254</v>
      </c>
      <c r="AV36" s="114">
        <v>178317</v>
      </c>
      <c r="AW36" s="113">
        <v>315571</v>
      </c>
      <c r="AX36" s="110">
        <v>0</v>
      </c>
      <c r="AY36" s="114">
        <v>459337</v>
      </c>
      <c r="AZ36" s="114">
        <v>590367</v>
      </c>
      <c r="BA36" s="114">
        <v>449643</v>
      </c>
      <c r="BB36" s="114">
        <v>966705</v>
      </c>
      <c r="BC36" s="114">
        <v>500249</v>
      </c>
      <c r="BD36" s="113">
        <v>2966301</v>
      </c>
      <c r="BE36" s="116">
        <v>3281872</v>
      </c>
      <c r="BF36" s="110">
        <v>42255</v>
      </c>
      <c r="BG36" s="114">
        <v>50571</v>
      </c>
      <c r="BH36" s="112">
        <v>92826</v>
      </c>
      <c r="BI36" s="111">
        <v>0</v>
      </c>
      <c r="BJ36" s="114">
        <v>86040</v>
      </c>
      <c r="BK36" s="114">
        <v>103248</v>
      </c>
      <c r="BL36" s="114">
        <v>86718</v>
      </c>
      <c r="BM36" s="114">
        <v>163476</v>
      </c>
      <c r="BN36" s="114">
        <v>40509</v>
      </c>
      <c r="BO36" s="113">
        <v>479991</v>
      </c>
      <c r="BP36" s="116">
        <v>572817</v>
      </c>
      <c r="BQ36" s="110">
        <v>16938</v>
      </c>
      <c r="BR36" s="114">
        <v>0</v>
      </c>
      <c r="BS36" s="113">
        <v>16938</v>
      </c>
      <c r="BT36" s="110">
        <v>0</v>
      </c>
      <c r="BU36" s="114">
        <v>135667</v>
      </c>
      <c r="BV36" s="114">
        <v>192648</v>
      </c>
      <c r="BW36" s="114">
        <v>155053</v>
      </c>
      <c r="BX36" s="114">
        <v>160959</v>
      </c>
      <c r="BY36" s="114">
        <v>74208</v>
      </c>
      <c r="BZ36" s="113">
        <v>718535</v>
      </c>
      <c r="CA36" s="116">
        <v>735473</v>
      </c>
      <c r="CB36" s="110">
        <v>0</v>
      </c>
      <c r="CC36" s="114">
        <v>0</v>
      </c>
      <c r="CD36" s="113">
        <v>0</v>
      </c>
      <c r="CE36" s="110">
        <v>0</v>
      </c>
      <c r="CF36" s="114">
        <v>2034162</v>
      </c>
      <c r="CG36" s="114">
        <v>3192070</v>
      </c>
      <c r="CH36" s="114">
        <v>1942471</v>
      </c>
      <c r="CI36" s="114">
        <v>1614104</v>
      </c>
      <c r="CJ36" s="114">
        <v>380240</v>
      </c>
      <c r="CK36" s="113">
        <v>9163047</v>
      </c>
      <c r="CL36" s="116">
        <v>9163047</v>
      </c>
      <c r="CM36" s="110">
        <v>0</v>
      </c>
      <c r="CN36" s="114">
        <v>0</v>
      </c>
      <c r="CO36" s="113">
        <v>0</v>
      </c>
      <c r="CP36" s="111">
        <v>0</v>
      </c>
      <c r="CQ36" s="114">
        <v>1832981</v>
      </c>
      <c r="CR36" s="114">
        <v>2680790</v>
      </c>
      <c r="CS36" s="114">
        <v>1460489</v>
      </c>
      <c r="CT36" s="114">
        <v>1425646</v>
      </c>
      <c r="CU36" s="114">
        <v>272824</v>
      </c>
      <c r="CV36" s="113">
        <v>7672730</v>
      </c>
      <c r="CW36" s="116">
        <v>7672730</v>
      </c>
      <c r="CX36" s="110">
        <v>0</v>
      </c>
      <c r="CY36" s="114">
        <v>0</v>
      </c>
      <c r="CZ36" s="113">
        <v>0</v>
      </c>
      <c r="DA36" s="110">
        <v>0</v>
      </c>
      <c r="DB36" s="114">
        <v>201181</v>
      </c>
      <c r="DC36" s="114">
        <v>511280</v>
      </c>
      <c r="DD36" s="114">
        <v>481982</v>
      </c>
      <c r="DE36" s="114">
        <v>188458</v>
      </c>
      <c r="DF36" s="114">
        <v>107416</v>
      </c>
      <c r="DG36" s="113">
        <v>1490317</v>
      </c>
      <c r="DH36" s="116">
        <v>1490317</v>
      </c>
      <c r="DI36" s="110">
        <v>0</v>
      </c>
      <c r="DJ36" s="114">
        <v>72912</v>
      </c>
      <c r="DK36" s="112">
        <v>72912</v>
      </c>
      <c r="DL36" s="111">
        <v>0</v>
      </c>
      <c r="DM36" s="114">
        <v>346479</v>
      </c>
      <c r="DN36" s="114">
        <v>731126</v>
      </c>
      <c r="DO36" s="114">
        <v>910402</v>
      </c>
      <c r="DP36" s="114">
        <v>846197</v>
      </c>
      <c r="DQ36" s="114">
        <v>219335</v>
      </c>
      <c r="DR36" s="113">
        <v>3053539</v>
      </c>
      <c r="DS36" s="116">
        <v>3126451</v>
      </c>
      <c r="DT36" s="110">
        <v>0</v>
      </c>
      <c r="DU36" s="114">
        <v>72912</v>
      </c>
      <c r="DV36" s="113">
        <v>72912</v>
      </c>
      <c r="DW36" s="110">
        <v>0</v>
      </c>
      <c r="DX36" s="114">
        <v>229767</v>
      </c>
      <c r="DY36" s="114">
        <v>651895</v>
      </c>
      <c r="DZ36" s="114">
        <v>910402</v>
      </c>
      <c r="EA36" s="114">
        <v>814580</v>
      </c>
      <c r="EB36" s="114">
        <v>158117</v>
      </c>
      <c r="EC36" s="113">
        <v>2764761</v>
      </c>
      <c r="ED36" s="116">
        <v>2837673</v>
      </c>
      <c r="EE36" s="110">
        <v>0</v>
      </c>
      <c r="EF36" s="112">
        <v>0</v>
      </c>
      <c r="EG36" s="113">
        <v>0</v>
      </c>
      <c r="EH36" s="110">
        <v>0</v>
      </c>
      <c r="EI36" s="114">
        <v>116712</v>
      </c>
      <c r="EJ36" s="114">
        <v>79231</v>
      </c>
      <c r="EK36" s="114">
        <v>0</v>
      </c>
      <c r="EL36" s="114">
        <v>31617</v>
      </c>
      <c r="EM36" s="114">
        <v>61218</v>
      </c>
      <c r="EN36" s="112">
        <v>288778</v>
      </c>
      <c r="EO36" s="116">
        <v>288778</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5"/>
      <c r="FE36" s="114">
        <v>0</v>
      </c>
      <c r="FF36" s="114">
        <v>0</v>
      </c>
      <c r="FG36" s="114">
        <v>0</v>
      </c>
      <c r="FH36" s="114">
        <v>0</v>
      </c>
      <c r="FI36" s="114">
        <v>0</v>
      </c>
      <c r="FJ36" s="113">
        <v>0</v>
      </c>
      <c r="FK36" s="116">
        <v>0</v>
      </c>
      <c r="FL36" s="110">
        <v>118130</v>
      </c>
      <c r="FM36" s="114">
        <v>351680</v>
      </c>
      <c r="FN36" s="113">
        <v>469810</v>
      </c>
      <c r="FO36" s="110">
        <v>0</v>
      </c>
      <c r="FP36" s="114">
        <v>533345</v>
      </c>
      <c r="FQ36" s="114">
        <v>1037424</v>
      </c>
      <c r="FR36" s="114">
        <v>668591</v>
      </c>
      <c r="FS36" s="114">
        <v>934123</v>
      </c>
      <c r="FT36" s="114">
        <v>383732</v>
      </c>
      <c r="FU36" s="113">
        <v>3557215</v>
      </c>
      <c r="FV36" s="116">
        <v>4027025</v>
      </c>
      <c r="FW36" s="115">
        <v>118130</v>
      </c>
      <c r="FX36" s="114">
        <v>351680</v>
      </c>
      <c r="FY36" s="112">
        <v>469810</v>
      </c>
      <c r="FZ36" s="111">
        <v>0</v>
      </c>
      <c r="GA36" s="114">
        <v>533345</v>
      </c>
      <c r="GB36" s="114">
        <v>913269</v>
      </c>
      <c r="GC36" s="114">
        <v>624761</v>
      </c>
      <c r="GD36" s="114">
        <v>934123</v>
      </c>
      <c r="GE36" s="114">
        <v>383732</v>
      </c>
      <c r="GF36" s="113">
        <v>3389230</v>
      </c>
      <c r="GG36" s="316">
        <v>3859040</v>
      </c>
      <c r="GH36" s="115">
        <v>0</v>
      </c>
      <c r="GI36" s="114">
        <v>0</v>
      </c>
      <c r="GJ36" s="112">
        <v>0</v>
      </c>
      <c r="GK36" s="111">
        <v>0</v>
      </c>
      <c r="GL36" s="114">
        <v>0</v>
      </c>
      <c r="GM36" s="114">
        <v>0</v>
      </c>
      <c r="GN36" s="114">
        <v>43830</v>
      </c>
      <c r="GO36" s="114">
        <v>0</v>
      </c>
      <c r="GP36" s="114">
        <v>0</v>
      </c>
      <c r="GQ36" s="113">
        <v>43830</v>
      </c>
      <c r="GR36" s="116">
        <v>43830</v>
      </c>
      <c r="GS36" s="110">
        <v>0</v>
      </c>
      <c r="GT36" s="114">
        <v>0</v>
      </c>
      <c r="GU36" s="113">
        <v>0</v>
      </c>
      <c r="GV36" s="110">
        <v>0</v>
      </c>
      <c r="GW36" s="114">
        <v>0</v>
      </c>
      <c r="GX36" s="114">
        <v>124155</v>
      </c>
      <c r="GY36" s="114">
        <v>0</v>
      </c>
      <c r="GZ36" s="114">
        <v>0</v>
      </c>
      <c r="HA36" s="114">
        <v>0</v>
      </c>
      <c r="HB36" s="112">
        <v>124155</v>
      </c>
      <c r="HC36" s="116">
        <v>124155</v>
      </c>
      <c r="HD36" s="110">
        <v>59260</v>
      </c>
      <c r="HE36" s="114">
        <v>99279</v>
      </c>
      <c r="HF36" s="112">
        <v>158539</v>
      </c>
      <c r="HG36" s="111">
        <v>0</v>
      </c>
      <c r="HH36" s="114">
        <v>1520265</v>
      </c>
      <c r="HI36" s="114">
        <v>1174412</v>
      </c>
      <c r="HJ36" s="114">
        <v>1062966</v>
      </c>
      <c r="HK36" s="114">
        <v>932379</v>
      </c>
      <c r="HL36" s="114">
        <v>277171</v>
      </c>
      <c r="HM36" s="113">
        <v>4967193</v>
      </c>
      <c r="HN36" s="109">
        <v>5125732</v>
      </c>
      <c r="HO36" s="115">
        <v>114838</v>
      </c>
      <c r="HP36" s="114">
        <v>269915</v>
      </c>
      <c r="HQ36" s="113">
        <v>384753</v>
      </c>
      <c r="HR36" s="110">
        <v>0</v>
      </c>
      <c r="HS36" s="114">
        <v>1381650</v>
      </c>
      <c r="HT36" s="114">
        <v>1122395</v>
      </c>
      <c r="HU36" s="114">
        <v>677654</v>
      </c>
      <c r="HV36" s="114">
        <v>681175</v>
      </c>
      <c r="HW36" s="114">
        <v>215242</v>
      </c>
      <c r="HX36" s="112">
        <v>4078116</v>
      </c>
      <c r="HY36" s="116">
        <v>4462869</v>
      </c>
      <c r="HZ36" s="150">
        <v>0</v>
      </c>
      <c r="IA36" s="135">
        <v>179104</v>
      </c>
      <c r="IB36" s="150">
        <v>179104</v>
      </c>
      <c r="IC36" s="134">
        <v>0</v>
      </c>
      <c r="ID36" s="135">
        <v>4763746</v>
      </c>
      <c r="IE36" s="136">
        <v>3303351</v>
      </c>
      <c r="IF36" s="137">
        <v>5768993</v>
      </c>
      <c r="IG36" s="135">
        <v>4716034</v>
      </c>
      <c r="IH36" s="137">
        <v>2157911</v>
      </c>
      <c r="II36" s="138">
        <v>20710035</v>
      </c>
      <c r="IJ36" s="150">
        <v>20889139</v>
      </c>
      <c r="IK36" s="232">
        <v>0</v>
      </c>
      <c r="IL36" s="236">
        <v>0</v>
      </c>
      <c r="IM36" s="237">
        <v>0</v>
      </c>
      <c r="IN36" s="140"/>
      <c r="IO36" s="119">
        <v>0</v>
      </c>
      <c r="IP36" s="119">
        <v>195040</v>
      </c>
      <c r="IQ36" s="119">
        <v>0</v>
      </c>
      <c r="IR36" s="119">
        <v>0</v>
      </c>
      <c r="IS36" s="119">
        <v>0</v>
      </c>
      <c r="IT36" s="141">
        <v>195040</v>
      </c>
      <c r="IU36" s="318">
        <v>19504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222605</v>
      </c>
      <c r="JL36" s="119">
        <v>611515</v>
      </c>
      <c r="JM36" s="119">
        <v>519490</v>
      </c>
      <c r="JN36" s="119">
        <v>321274</v>
      </c>
      <c r="JO36" s="119">
        <v>0</v>
      </c>
      <c r="JP36" s="120">
        <v>2674884</v>
      </c>
      <c r="JQ36" s="318">
        <v>2674884</v>
      </c>
      <c r="JR36" s="142">
        <v>0</v>
      </c>
      <c r="JS36" s="119">
        <v>0</v>
      </c>
      <c r="JT36" s="141">
        <v>0</v>
      </c>
      <c r="JU36" s="118">
        <v>0</v>
      </c>
      <c r="JV36" s="119">
        <v>0</v>
      </c>
      <c r="JW36" s="119">
        <v>0</v>
      </c>
      <c r="JX36" s="119">
        <v>0</v>
      </c>
      <c r="JY36" s="119">
        <v>198652</v>
      </c>
      <c r="JZ36" s="119">
        <v>278766</v>
      </c>
      <c r="KA36" s="120">
        <v>477418</v>
      </c>
      <c r="KB36" s="318">
        <v>477418</v>
      </c>
      <c r="KC36" s="234">
        <v>0</v>
      </c>
      <c r="KD36" s="230">
        <v>179104</v>
      </c>
      <c r="KE36" s="120">
        <v>179104</v>
      </c>
      <c r="KF36" s="118">
        <v>0</v>
      </c>
      <c r="KG36" s="119">
        <v>1457305</v>
      </c>
      <c r="KH36" s="119">
        <v>555254</v>
      </c>
      <c r="KI36" s="119">
        <v>1627288</v>
      </c>
      <c r="KJ36" s="119">
        <v>1087391</v>
      </c>
      <c r="KK36" s="119">
        <v>318615</v>
      </c>
      <c r="KL36" s="120">
        <v>5045853</v>
      </c>
      <c r="KM36" s="143">
        <v>5224957</v>
      </c>
      <c r="KN36" s="232">
        <v>0</v>
      </c>
      <c r="KO36" s="236">
        <v>0</v>
      </c>
      <c r="KP36" s="237">
        <v>0</v>
      </c>
      <c r="KQ36" s="140"/>
      <c r="KR36" s="119">
        <v>2083836</v>
      </c>
      <c r="KS36" s="119">
        <v>1941542</v>
      </c>
      <c r="KT36" s="119">
        <v>3622215</v>
      </c>
      <c r="KU36" s="119">
        <v>3108717</v>
      </c>
      <c r="KV36" s="119">
        <v>1560530</v>
      </c>
      <c r="KW36" s="120">
        <v>12316840</v>
      </c>
      <c r="KX36" s="318">
        <v>12316840</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18">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755897</v>
      </c>
      <c r="MK36" s="119">
        <v>3487275</v>
      </c>
      <c r="ML36" s="119">
        <v>9766998</v>
      </c>
      <c r="MM36" s="119">
        <v>13895407</v>
      </c>
      <c r="MN36" s="119">
        <v>7815422</v>
      </c>
      <c r="MO36" s="120">
        <v>35720999</v>
      </c>
      <c r="MP36" s="143">
        <v>35720999</v>
      </c>
      <c r="MQ36" s="142">
        <v>0</v>
      </c>
      <c r="MR36" s="119">
        <v>0</v>
      </c>
      <c r="MS36" s="120">
        <v>0</v>
      </c>
      <c r="MT36" s="145"/>
      <c r="MU36" s="119">
        <v>0</v>
      </c>
      <c r="MV36" s="119">
        <v>452136</v>
      </c>
      <c r="MW36" s="119">
        <v>7285080</v>
      </c>
      <c r="MX36" s="119">
        <v>8994569</v>
      </c>
      <c r="MY36" s="119">
        <v>6318603</v>
      </c>
      <c r="MZ36" s="120">
        <v>23050388</v>
      </c>
      <c r="NA36" s="143">
        <v>23050388</v>
      </c>
      <c r="NB36" s="142">
        <v>0</v>
      </c>
      <c r="NC36" s="119">
        <v>0</v>
      </c>
      <c r="ND36" s="120">
        <v>0</v>
      </c>
      <c r="NE36" s="145"/>
      <c r="NF36" s="119">
        <v>476660</v>
      </c>
      <c r="NG36" s="119">
        <v>2890471</v>
      </c>
      <c r="NH36" s="119">
        <v>2481918</v>
      </c>
      <c r="NI36" s="119">
        <v>3775457</v>
      </c>
      <c r="NJ36" s="119">
        <v>1496819</v>
      </c>
      <c r="NK36" s="120">
        <v>11121325</v>
      </c>
      <c r="NL36" s="318">
        <v>11121325</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279237</v>
      </c>
      <c r="OC36" s="119">
        <v>144668</v>
      </c>
      <c r="OD36" s="119">
        <v>0</v>
      </c>
      <c r="OE36" s="119">
        <v>1125381</v>
      </c>
      <c r="OF36" s="119">
        <v>0</v>
      </c>
      <c r="OG36" s="120">
        <v>1549286</v>
      </c>
      <c r="OH36" s="121">
        <v>1549286</v>
      </c>
      <c r="OI36" s="142">
        <v>488675</v>
      </c>
      <c r="OJ36" s="119">
        <v>1201778</v>
      </c>
      <c r="OK36" s="141">
        <v>1690453</v>
      </c>
      <c r="OL36" s="118">
        <v>0</v>
      </c>
      <c r="OM36" s="119">
        <v>12394842</v>
      </c>
      <c r="ON36" s="119">
        <v>15538820</v>
      </c>
      <c r="OO36" s="119">
        <v>23062459</v>
      </c>
      <c r="OP36" s="119">
        <v>25833773</v>
      </c>
      <c r="OQ36" s="119">
        <v>13065959</v>
      </c>
      <c r="OR36" s="120">
        <v>89895853</v>
      </c>
      <c r="OS36" s="143">
        <v>91586306</v>
      </c>
    </row>
    <row r="37" spans="2:409" ht="21" customHeight="1" x14ac:dyDescent="0.2">
      <c r="B37" s="62" t="s">
        <v>32</v>
      </c>
      <c r="C37" s="110">
        <v>507697</v>
      </c>
      <c r="D37" s="114">
        <v>1086546</v>
      </c>
      <c r="E37" s="174">
        <v>1594243</v>
      </c>
      <c r="F37" s="175">
        <v>0</v>
      </c>
      <c r="G37" s="176">
        <v>9247184</v>
      </c>
      <c r="H37" s="176">
        <v>11632032</v>
      </c>
      <c r="I37" s="176">
        <v>8857156</v>
      </c>
      <c r="J37" s="176">
        <v>9055106</v>
      </c>
      <c r="K37" s="176">
        <v>7206460</v>
      </c>
      <c r="L37" s="177">
        <v>45997938</v>
      </c>
      <c r="M37" s="116">
        <v>47592181</v>
      </c>
      <c r="N37" s="110">
        <v>107780</v>
      </c>
      <c r="O37" s="114">
        <v>211440</v>
      </c>
      <c r="P37" s="113">
        <v>319220</v>
      </c>
      <c r="Q37" s="110">
        <v>0</v>
      </c>
      <c r="R37" s="114">
        <v>2409811</v>
      </c>
      <c r="S37" s="114">
        <v>2625627</v>
      </c>
      <c r="T37" s="114">
        <v>2266755</v>
      </c>
      <c r="U37" s="114">
        <v>3315886</v>
      </c>
      <c r="V37" s="114">
        <v>3738384</v>
      </c>
      <c r="W37" s="113">
        <v>14356463</v>
      </c>
      <c r="X37" s="116">
        <v>14675683</v>
      </c>
      <c r="Y37" s="110">
        <v>0</v>
      </c>
      <c r="Z37" s="114">
        <v>0</v>
      </c>
      <c r="AA37" s="113">
        <v>0</v>
      </c>
      <c r="AB37" s="110">
        <v>0</v>
      </c>
      <c r="AC37" s="114">
        <v>1059132</v>
      </c>
      <c r="AD37" s="114">
        <v>1271055</v>
      </c>
      <c r="AE37" s="114">
        <v>1230671</v>
      </c>
      <c r="AF37" s="114">
        <v>1834383</v>
      </c>
      <c r="AG37" s="114">
        <v>2158642</v>
      </c>
      <c r="AH37" s="113">
        <v>7553883</v>
      </c>
      <c r="AI37" s="116">
        <v>7553883</v>
      </c>
      <c r="AJ37" s="110">
        <v>0</v>
      </c>
      <c r="AK37" s="114">
        <v>0</v>
      </c>
      <c r="AL37" s="113">
        <v>0</v>
      </c>
      <c r="AM37" s="110">
        <v>0</v>
      </c>
      <c r="AN37" s="114">
        <v>0</v>
      </c>
      <c r="AO37" s="114">
        <v>51876</v>
      </c>
      <c r="AP37" s="114">
        <v>100375</v>
      </c>
      <c r="AQ37" s="114">
        <v>146286</v>
      </c>
      <c r="AR37" s="114">
        <v>506354</v>
      </c>
      <c r="AS37" s="113">
        <v>804891</v>
      </c>
      <c r="AT37" s="116">
        <v>804891</v>
      </c>
      <c r="AU37" s="110">
        <v>63144</v>
      </c>
      <c r="AV37" s="114">
        <v>196518</v>
      </c>
      <c r="AW37" s="113">
        <v>259662</v>
      </c>
      <c r="AX37" s="110">
        <v>0</v>
      </c>
      <c r="AY37" s="114">
        <v>1033941</v>
      </c>
      <c r="AZ37" s="114">
        <v>987620</v>
      </c>
      <c r="BA37" s="114">
        <v>627646</v>
      </c>
      <c r="BB37" s="114">
        <v>781113</v>
      </c>
      <c r="BC37" s="114">
        <v>717476</v>
      </c>
      <c r="BD37" s="113">
        <v>4147796</v>
      </c>
      <c r="BE37" s="116">
        <v>4407458</v>
      </c>
      <c r="BF37" s="110">
        <v>21560</v>
      </c>
      <c r="BG37" s="114">
        <v>0</v>
      </c>
      <c r="BH37" s="112">
        <v>21560</v>
      </c>
      <c r="BI37" s="111">
        <v>0</v>
      </c>
      <c r="BJ37" s="114">
        <v>158913</v>
      </c>
      <c r="BK37" s="114">
        <v>64052</v>
      </c>
      <c r="BL37" s="114">
        <v>68220</v>
      </c>
      <c r="BM37" s="114">
        <v>140532</v>
      </c>
      <c r="BN37" s="114">
        <v>72720</v>
      </c>
      <c r="BO37" s="113">
        <v>504437</v>
      </c>
      <c r="BP37" s="116">
        <v>525997</v>
      </c>
      <c r="BQ37" s="110">
        <v>23076</v>
      </c>
      <c r="BR37" s="114">
        <v>14922</v>
      </c>
      <c r="BS37" s="113">
        <v>37998</v>
      </c>
      <c r="BT37" s="110">
        <v>0</v>
      </c>
      <c r="BU37" s="114">
        <v>157825</v>
      </c>
      <c r="BV37" s="114">
        <v>251024</v>
      </c>
      <c r="BW37" s="114">
        <v>239843</v>
      </c>
      <c r="BX37" s="114">
        <v>413572</v>
      </c>
      <c r="BY37" s="114">
        <v>283192</v>
      </c>
      <c r="BZ37" s="113">
        <v>1345456</v>
      </c>
      <c r="CA37" s="116">
        <v>1383454</v>
      </c>
      <c r="CB37" s="110">
        <v>16226</v>
      </c>
      <c r="CC37" s="114">
        <v>76752</v>
      </c>
      <c r="CD37" s="113">
        <v>92978</v>
      </c>
      <c r="CE37" s="110">
        <v>0</v>
      </c>
      <c r="CF37" s="114">
        <v>3639829</v>
      </c>
      <c r="CG37" s="114">
        <v>4405565</v>
      </c>
      <c r="CH37" s="114">
        <v>2933723</v>
      </c>
      <c r="CI37" s="114">
        <v>2346242</v>
      </c>
      <c r="CJ37" s="114">
        <v>761799</v>
      </c>
      <c r="CK37" s="113">
        <v>14087158</v>
      </c>
      <c r="CL37" s="116">
        <v>14180136</v>
      </c>
      <c r="CM37" s="110">
        <v>0</v>
      </c>
      <c r="CN37" s="114">
        <v>0</v>
      </c>
      <c r="CO37" s="113">
        <v>0</v>
      </c>
      <c r="CP37" s="111">
        <v>0</v>
      </c>
      <c r="CQ37" s="114">
        <v>2984444</v>
      </c>
      <c r="CR37" s="114">
        <v>3293681</v>
      </c>
      <c r="CS37" s="114">
        <v>2429554</v>
      </c>
      <c r="CT37" s="114">
        <v>1916721</v>
      </c>
      <c r="CU37" s="114">
        <v>461017</v>
      </c>
      <c r="CV37" s="113">
        <v>11085417</v>
      </c>
      <c r="CW37" s="116">
        <v>11085417</v>
      </c>
      <c r="CX37" s="110">
        <v>16226</v>
      </c>
      <c r="CY37" s="114">
        <v>76752</v>
      </c>
      <c r="CZ37" s="113">
        <v>92978</v>
      </c>
      <c r="DA37" s="110">
        <v>0</v>
      </c>
      <c r="DB37" s="114">
        <v>655385</v>
      </c>
      <c r="DC37" s="114">
        <v>1111884</v>
      </c>
      <c r="DD37" s="114">
        <v>504169</v>
      </c>
      <c r="DE37" s="114">
        <v>429521</v>
      </c>
      <c r="DF37" s="114">
        <v>300782</v>
      </c>
      <c r="DG37" s="113">
        <v>3001741</v>
      </c>
      <c r="DH37" s="116">
        <v>3094719</v>
      </c>
      <c r="DI37" s="110">
        <v>0</v>
      </c>
      <c r="DJ37" s="114">
        <v>0</v>
      </c>
      <c r="DK37" s="112">
        <v>0</v>
      </c>
      <c r="DL37" s="111">
        <v>0</v>
      </c>
      <c r="DM37" s="114">
        <v>92118</v>
      </c>
      <c r="DN37" s="114">
        <v>650023</v>
      </c>
      <c r="DO37" s="114">
        <v>606606</v>
      </c>
      <c r="DP37" s="114">
        <v>253482</v>
      </c>
      <c r="DQ37" s="114">
        <v>574960</v>
      </c>
      <c r="DR37" s="113">
        <v>2177189</v>
      </c>
      <c r="DS37" s="116">
        <v>2177189</v>
      </c>
      <c r="DT37" s="110">
        <v>0</v>
      </c>
      <c r="DU37" s="114">
        <v>0</v>
      </c>
      <c r="DV37" s="113">
        <v>0</v>
      </c>
      <c r="DW37" s="110">
        <v>0</v>
      </c>
      <c r="DX37" s="114">
        <v>92118</v>
      </c>
      <c r="DY37" s="114">
        <v>569880</v>
      </c>
      <c r="DZ37" s="114">
        <v>559393</v>
      </c>
      <c r="EA37" s="114">
        <v>53181</v>
      </c>
      <c r="EB37" s="114">
        <v>456889</v>
      </c>
      <c r="EC37" s="113">
        <v>1731461</v>
      </c>
      <c r="ED37" s="116">
        <v>1731461</v>
      </c>
      <c r="EE37" s="110">
        <v>0</v>
      </c>
      <c r="EF37" s="112">
        <v>0</v>
      </c>
      <c r="EG37" s="113">
        <v>0</v>
      </c>
      <c r="EH37" s="110">
        <v>0</v>
      </c>
      <c r="EI37" s="114">
        <v>0</v>
      </c>
      <c r="EJ37" s="114">
        <v>80143</v>
      </c>
      <c r="EK37" s="114">
        <v>47213</v>
      </c>
      <c r="EL37" s="114">
        <v>200301</v>
      </c>
      <c r="EM37" s="114">
        <v>118071</v>
      </c>
      <c r="EN37" s="112">
        <v>445728</v>
      </c>
      <c r="EO37" s="116">
        <v>445728</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5"/>
      <c r="FE37" s="114">
        <v>0</v>
      </c>
      <c r="FF37" s="114">
        <v>0</v>
      </c>
      <c r="FG37" s="114">
        <v>0</v>
      </c>
      <c r="FH37" s="114">
        <v>0</v>
      </c>
      <c r="FI37" s="114">
        <v>0</v>
      </c>
      <c r="FJ37" s="113">
        <v>0</v>
      </c>
      <c r="FK37" s="116">
        <v>0</v>
      </c>
      <c r="FL37" s="110">
        <v>103570</v>
      </c>
      <c r="FM37" s="114">
        <v>295725</v>
      </c>
      <c r="FN37" s="113">
        <v>399295</v>
      </c>
      <c r="FO37" s="110">
        <v>0</v>
      </c>
      <c r="FP37" s="114">
        <v>593065</v>
      </c>
      <c r="FQ37" s="114">
        <v>1207220</v>
      </c>
      <c r="FR37" s="114">
        <v>961000</v>
      </c>
      <c r="FS37" s="114">
        <v>719472</v>
      </c>
      <c r="FT37" s="114">
        <v>512046</v>
      </c>
      <c r="FU37" s="113">
        <v>3992803</v>
      </c>
      <c r="FV37" s="116">
        <v>4392098</v>
      </c>
      <c r="FW37" s="115">
        <v>103570</v>
      </c>
      <c r="FX37" s="114">
        <v>295725</v>
      </c>
      <c r="FY37" s="112">
        <v>399295</v>
      </c>
      <c r="FZ37" s="111">
        <v>0</v>
      </c>
      <c r="GA37" s="114">
        <v>593065</v>
      </c>
      <c r="GB37" s="114">
        <v>1115497</v>
      </c>
      <c r="GC37" s="114">
        <v>817450</v>
      </c>
      <c r="GD37" s="114">
        <v>719472</v>
      </c>
      <c r="GE37" s="114">
        <v>512046</v>
      </c>
      <c r="GF37" s="113">
        <v>3757530</v>
      </c>
      <c r="GG37" s="316">
        <v>4156825</v>
      </c>
      <c r="GH37" s="115">
        <v>0</v>
      </c>
      <c r="GI37" s="114">
        <v>0</v>
      </c>
      <c r="GJ37" s="112">
        <v>0</v>
      </c>
      <c r="GK37" s="111">
        <v>0</v>
      </c>
      <c r="GL37" s="114">
        <v>0</v>
      </c>
      <c r="GM37" s="114">
        <v>91723</v>
      </c>
      <c r="GN37" s="114">
        <v>0</v>
      </c>
      <c r="GO37" s="114">
        <v>0</v>
      </c>
      <c r="GP37" s="114">
        <v>0</v>
      </c>
      <c r="GQ37" s="113">
        <v>91723</v>
      </c>
      <c r="GR37" s="116">
        <v>91723</v>
      </c>
      <c r="GS37" s="110">
        <v>0</v>
      </c>
      <c r="GT37" s="114">
        <v>0</v>
      </c>
      <c r="GU37" s="113">
        <v>0</v>
      </c>
      <c r="GV37" s="110">
        <v>0</v>
      </c>
      <c r="GW37" s="114">
        <v>0</v>
      </c>
      <c r="GX37" s="114">
        <v>0</v>
      </c>
      <c r="GY37" s="114">
        <v>143550</v>
      </c>
      <c r="GZ37" s="114">
        <v>0</v>
      </c>
      <c r="HA37" s="114">
        <v>0</v>
      </c>
      <c r="HB37" s="112">
        <v>143550</v>
      </c>
      <c r="HC37" s="116">
        <v>143550</v>
      </c>
      <c r="HD37" s="110">
        <v>185141</v>
      </c>
      <c r="HE37" s="114">
        <v>299529</v>
      </c>
      <c r="HF37" s="112">
        <v>484670</v>
      </c>
      <c r="HG37" s="111">
        <v>0</v>
      </c>
      <c r="HH37" s="114">
        <v>879058</v>
      </c>
      <c r="HI37" s="114">
        <v>1168284</v>
      </c>
      <c r="HJ37" s="114">
        <v>1178809</v>
      </c>
      <c r="HK37" s="114">
        <v>1849882</v>
      </c>
      <c r="HL37" s="114">
        <v>1242998</v>
      </c>
      <c r="HM37" s="113">
        <v>6319031</v>
      </c>
      <c r="HN37" s="109">
        <v>6803701</v>
      </c>
      <c r="HO37" s="115">
        <v>94980</v>
      </c>
      <c r="HP37" s="114">
        <v>203100</v>
      </c>
      <c r="HQ37" s="113">
        <v>298080</v>
      </c>
      <c r="HR37" s="110">
        <v>0</v>
      </c>
      <c r="HS37" s="114">
        <v>1633303</v>
      </c>
      <c r="HT37" s="114">
        <v>1575313</v>
      </c>
      <c r="HU37" s="114">
        <v>910263</v>
      </c>
      <c r="HV37" s="114">
        <v>570142</v>
      </c>
      <c r="HW37" s="114">
        <v>376273</v>
      </c>
      <c r="HX37" s="112">
        <v>5065294</v>
      </c>
      <c r="HY37" s="116">
        <v>5363374</v>
      </c>
      <c r="HZ37" s="131">
        <v>50409</v>
      </c>
      <c r="IA37" s="132">
        <v>318330</v>
      </c>
      <c r="IB37" s="133">
        <v>368739</v>
      </c>
      <c r="IC37" s="146">
        <v>0</v>
      </c>
      <c r="ID37" s="132">
        <v>3932186</v>
      </c>
      <c r="IE37" s="147">
        <v>3410023</v>
      </c>
      <c r="IF37" s="133">
        <v>7510394</v>
      </c>
      <c r="IG37" s="132">
        <v>5319938</v>
      </c>
      <c r="IH37" s="133">
        <v>2257619</v>
      </c>
      <c r="II37" s="148">
        <v>22430160</v>
      </c>
      <c r="IJ37" s="139">
        <v>22798899</v>
      </c>
      <c r="IK37" s="232">
        <v>0</v>
      </c>
      <c r="IL37" s="236">
        <v>0</v>
      </c>
      <c r="IM37" s="237">
        <v>0</v>
      </c>
      <c r="IN37" s="140"/>
      <c r="IO37" s="119">
        <v>133407</v>
      </c>
      <c r="IP37" s="119">
        <v>85568</v>
      </c>
      <c r="IQ37" s="119">
        <v>0</v>
      </c>
      <c r="IR37" s="119">
        <v>0</v>
      </c>
      <c r="IS37" s="119">
        <v>0</v>
      </c>
      <c r="IT37" s="141">
        <v>218975</v>
      </c>
      <c r="IU37" s="318">
        <v>218975</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1879376</v>
      </c>
      <c r="JL37" s="119">
        <v>1927956</v>
      </c>
      <c r="JM37" s="119">
        <v>1235498</v>
      </c>
      <c r="JN37" s="119">
        <v>423074</v>
      </c>
      <c r="JO37" s="119">
        <v>186490</v>
      </c>
      <c r="JP37" s="120">
        <v>5652394</v>
      </c>
      <c r="JQ37" s="318">
        <v>5652394</v>
      </c>
      <c r="JR37" s="142">
        <v>0</v>
      </c>
      <c r="JS37" s="119">
        <v>0</v>
      </c>
      <c r="JT37" s="141">
        <v>0</v>
      </c>
      <c r="JU37" s="118">
        <v>0</v>
      </c>
      <c r="JV37" s="119">
        <v>330698</v>
      </c>
      <c r="JW37" s="119">
        <v>108999</v>
      </c>
      <c r="JX37" s="119">
        <v>235422</v>
      </c>
      <c r="JY37" s="119">
        <v>0</v>
      </c>
      <c r="JZ37" s="119">
        <v>164453</v>
      </c>
      <c r="KA37" s="120">
        <v>839572</v>
      </c>
      <c r="KB37" s="318">
        <v>839572</v>
      </c>
      <c r="KC37" s="234">
        <v>50409</v>
      </c>
      <c r="KD37" s="230">
        <v>318330</v>
      </c>
      <c r="KE37" s="120">
        <v>368739</v>
      </c>
      <c r="KF37" s="118">
        <v>0</v>
      </c>
      <c r="KG37" s="119">
        <v>881046</v>
      </c>
      <c r="KH37" s="119">
        <v>130928</v>
      </c>
      <c r="KI37" s="119">
        <v>808578</v>
      </c>
      <c r="KJ37" s="119">
        <v>684612</v>
      </c>
      <c r="KK37" s="119">
        <v>0</v>
      </c>
      <c r="KL37" s="120">
        <v>2505164</v>
      </c>
      <c r="KM37" s="143">
        <v>2873903</v>
      </c>
      <c r="KN37" s="232">
        <v>0</v>
      </c>
      <c r="KO37" s="236">
        <v>0</v>
      </c>
      <c r="KP37" s="237">
        <v>0</v>
      </c>
      <c r="KQ37" s="140"/>
      <c r="KR37" s="119">
        <v>523591</v>
      </c>
      <c r="KS37" s="119">
        <v>1091700</v>
      </c>
      <c r="KT37" s="119">
        <v>2368998</v>
      </c>
      <c r="KU37" s="119">
        <v>2173428</v>
      </c>
      <c r="KV37" s="119">
        <v>1364498</v>
      </c>
      <c r="KW37" s="120">
        <v>7522215</v>
      </c>
      <c r="KX37" s="318">
        <v>7522215</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84068</v>
      </c>
      <c r="LO37" s="119">
        <v>64872</v>
      </c>
      <c r="LP37" s="119">
        <v>2861898</v>
      </c>
      <c r="LQ37" s="119">
        <v>2038824</v>
      </c>
      <c r="LR37" s="119">
        <v>542178</v>
      </c>
      <c r="LS37" s="120">
        <v>5691840</v>
      </c>
      <c r="LT37" s="318">
        <v>5691840</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703107</v>
      </c>
      <c r="MK37" s="119">
        <v>2850474</v>
      </c>
      <c r="ML37" s="119">
        <v>7867960</v>
      </c>
      <c r="MM37" s="119">
        <v>13868174</v>
      </c>
      <c r="MN37" s="119">
        <v>6214050</v>
      </c>
      <c r="MO37" s="120">
        <v>31503765</v>
      </c>
      <c r="MP37" s="143">
        <v>31503765</v>
      </c>
      <c r="MQ37" s="142">
        <v>0</v>
      </c>
      <c r="MR37" s="119">
        <v>0</v>
      </c>
      <c r="MS37" s="120">
        <v>0</v>
      </c>
      <c r="MT37" s="145"/>
      <c r="MU37" s="119">
        <v>433719</v>
      </c>
      <c r="MV37" s="119">
        <v>0</v>
      </c>
      <c r="MW37" s="119">
        <v>3304929</v>
      </c>
      <c r="MX37" s="119">
        <v>7492245</v>
      </c>
      <c r="MY37" s="119">
        <v>4130554</v>
      </c>
      <c r="MZ37" s="120">
        <v>15361447</v>
      </c>
      <c r="NA37" s="143">
        <v>15361447</v>
      </c>
      <c r="NB37" s="142">
        <v>0</v>
      </c>
      <c r="NC37" s="119">
        <v>0</v>
      </c>
      <c r="ND37" s="120">
        <v>0</v>
      </c>
      <c r="NE37" s="145"/>
      <c r="NF37" s="119">
        <v>269388</v>
      </c>
      <c r="NG37" s="119">
        <v>2850474</v>
      </c>
      <c r="NH37" s="119">
        <v>3885171</v>
      </c>
      <c r="NI37" s="119">
        <v>6375929</v>
      </c>
      <c r="NJ37" s="119">
        <v>1655063</v>
      </c>
      <c r="NK37" s="120">
        <v>15036025</v>
      </c>
      <c r="NL37" s="318">
        <v>15036025</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677860</v>
      </c>
      <c r="OE37" s="119">
        <v>0</v>
      </c>
      <c r="OF37" s="119">
        <v>428433</v>
      </c>
      <c r="OG37" s="120">
        <v>1106293</v>
      </c>
      <c r="OH37" s="121">
        <v>1106293</v>
      </c>
      <c r="OI37" s="142">
        <v>558106</v>
      </c>
      <c r="OJ37" s="119">
        <v>1404876</v>
      </c>
      <c r="OK37" s="141">
        <v>1962982</v>
      </c>
      <c r="OL37" s="118">
        <v>0</v>
      </c>
      <c r="OM37" s="119">
        <v>13882477</v>
      </c>
      <c r="ON37" s="119">
        <v>17892529</v>
      </c>
      <c r="OO37" s="119">
        <v>24235510</v>
      </c>
      <c r="OP37" s="119">
        <v>28243218</v>
      </c>
      <c r="OQ37" s="119">
        <v>15678129</v>
      </c>
      <c r="OR37" s="120">
        <v>99931863</v>
      </c>
      <c r="OS37" s="143">
        <v>101894845</v>
      </c>
    </row>
    <row r="38" spans="2:409" ht="21" customHeight="1" x14ac:dyDescent="0.2">
      <c r="B38" s="62" t="s">
        <v>33</v>
      </c>
      <c r="C38" s="110">
        <v>1057258</v>
      </c>
      <c r="D38" s="114">
        <v>2318408</v>
      </c>
      <c r="E38" s="113">
        <v>3375666</v>
      </c>
      <c r="F38" s="109">
        <v>0</v>
      </c>
      <c r="G38" s="114">
        <v>9012176</v>
      </c>
      <c r="H38" s="114">
        <v>10327682</v>
      </c>
      <c r="I38" s="114">
        <v>7832487</v>
      </c>
      <c r="J38" s="114">
        <v>4489852</v>
      </c>
      <c r="K38" s="114">
        <v>4810135</v>
      </c>
      <c r="L38" s="173">
        <v>36472332</v>
      </c>
      <c r="M38" s="116">
        <v>39847998</v>
      </c>
      <c r="N38" s="110">
        <v>467084</v>
      </c>
      <c r="O38" s="114">
        <v>797186</v>
      </c>
      <c r="P38" s="113">
        <v>1264270</v>
      </c>
      <c r="Q38" s="110">
        <v>0</v>
      </c>
      <c r="R38" s="114">
        <v>2693832</v>
      </c>
      <c r="S38" s="114">
        <v>2658704</v>
      </c>
      <c r="T38" s="114">
        <v>2019208</v>
      </c>
      <c r="U38" s="114">
        <v>1315179</v>
      </c>
      <c r="V38" s="114">
        <v>2791623</v>
      </c>
      <c r="W38" s="113">
        <v>11478546</v>
      </c>
      <c r="X38" s="116">
        <v>12742816</v>
      </c>
      <c r="Y38" s="110">
        <v>0</v>
      </c>
      <c r="Z38" s="114">
        <v>0</v>
      </c>
      <c r="AA38" s="113">
        <v>0</v>
      </c>
      <c r="AB38" s="110">
        <v>0</v>
      </c>
      <c r="AC38" s="114">
        <v>524307</v>
      </c>
      <c r="AD38" s="114">
        <v>822663</v>
      </c>
      <c r="AE38" s="114">
        <v>1025326</v>
      </c>
      <c r="AF38" s="114">
        <v>569370</v>
      </c>
      <c r="AG38" s="114">
        <v>1883120</v>
      </c>
      <c r="AH38" s="113">
        <v>4824786</v>
      </c>
      <c r="AI38" s="116">
        <v>4824786</v>
      </c>
      <c r="AJ38" s="110">
        <v>0</v>
      </c>
      <c r="AK38" s="114">
        <v>0</v>
      </c>
      <c r="AL38" s="113">
        <v>0</v>
      </c>
      <c r="AM38" s="110">
        <v>0</v>
      </c>
      <c r="AN38" s="114">
        <v>0</v>
      </c>
      <c r="AO38" s="114">
        <v>0</v>
      </c>
      <c r="AP38" s="114">
        <v>154251</v>
      </c>
      <c r="AQ38" s="114">
        <v>160377</v>
      </c>
      <c r="AR38" s="114">
        <v>290441</v>
      </c>
      <c r="AS38" s="113">
        <v>605069</v>
      </c>
      <c r="AT38" s="116">
        <v>605069</v>
      </c>
      <c r="AU38" s="110">
        <v>0</v>
      </c>
      <c r="AV38" s="114">
        <v>77058</v>
      </c>
      <c r="AW38" s="113">
        <v>77058</v>
      </c>
      <c r="AX38" s="110">
        <v>0</v>
      </c>
      <c r="AY38" s="114">
        <v>570977</v>
      </c>
      <c r="AZ38" s="114">
        <v>524373</v>
      </c>
      <c r="BA38" s="114">
        <v>105410</v>
      </c>
      <c r="BB38" s="114">
        <v>256221</v>
      </c>
      <c r="BC38" s="114">
        <v>183383</v>
      </c>
      <c r="BD38" s="113">
        <v>1640364</v>
      </c>
      <c r="BE38" s="116">
        <v>1717422</v>
      </c>
      <c r="BF38" s="110">
        <v>381003</v>
      </c>
      <c r="BG38" s="114">
        <v>594773</v>
      </c>
      <c r="BH38" s="112">
        <v>975776</v>
      </c>
      <c r="BI38" s="111">
        <v>0</v>
      </c>
      <c r="BJ38" s="114">
        <v>1283082</v>
      </c>
      <c r="BK38" s="114">
        <v>801959</v>
      </c>
      <c r="BL38" s="114">
        <v>283619</v>
      </c>
      <c r="BM38" s="114">
        <v>203405</v>
      </c>
      <c r="BN38" s="114">
        <v>202132</v>
      </c>
      <c r="BO38" s="113">
        <v>2774197</v>
      </c>
      <c r="BP38" s="116">
        <v>3749973</v>
      </c>
      <c r="BQ38" s="110">
        <v>86081</v>
      </c>
      <c r="BR38" s="114">
        <v>125355</v>
      </c>
      <c r="BS38" s="113">
        <v>211436</v>
      </c>
      <c r="BT38" s="110">
        <v>0</v>
      </c>
      <c r="BU38" s="114">
        <v>315466</v>
      </c>
      <c r="BV38" s="114">
        <v>509709</v>
      </c>
      <c r="BW38" s="114">
        <v>450602</v>
      </c>
      <c r="BX38" s="114">
        <v>125806</v>
      </c>
      <c r="BY38" s="114">
        <v>232547</v>
      </c>
      <c r="BZ38" s="113">
        <v>1634130</v>
      </c>
      <c r="CA38" s="116">
        <v>1845566</v>
      </c>
      <c r="CB38" s="110">
        <v>117189</v>
      </c>
      <c r="CC38" s="114">
        <v>642408</v>
      </c>
      <c r="CD38" s="113">
        <v>759597</v>
      </c>
      <c r="CE38" s="110">
        <v>0</v>
      </c>
      <c r="CF38" s="114">
        <v>1715056</v>
      </c>
      <c r="CG38" s="114">
        <v>1462716</v>
      </c>
      <c r="CH38" s="114">
        <v>1067239</v>
      </c>
      <c r="CI38" s="114">
        <v>487839</v>
      </c>
      <c r="CJ38" s="114">
        <v>469705</v>
      </c>
      <c r="CK38" s="113">
        <v>5202555</v>
      </c>
      <c r="CL38" s="116">
        <v>5962152</v>
      </c>
      <c r="CM38" s="110">
        <v>0</v>
      </c>
      <c r="CN38" s="114">
        <v>0</v>
      </c>
      <c r="CO38" s="113">
        <v>0</v>
      </c>
      <c r="CP38" s="111">
        <v>0</v>
      </c>
      <c r="CQ38" s="114">
        <v>611329</v>
      </c>
      <c r="CR38" s="114">
        <v>728339</v>
      </c>
      <c r="CS38" s="114">
        <v>444941</v>
      </c>
      <c r="CT38" s="114">
        <v>429274</v>
      </c>
      <c r="CU38" s="114">
        <v>338690</v>
      </c>
      <c r="CV38" s="113">
        <v>2552573</v>
      </c>
      <c r="CW38" s="116">
        <v>2552573</v>
      </c>
      <c r="CX38" s="110">
        <v>117189</v>
      </c>
      <c r="CY38" s="114">
        <v>642408</v>
      </c>
      <c r="CZ38" s="113">
        <v>759597</v>
      </c>
      <c r="DA38" s="110">
        <v>0</v>
      </c>
      <c r="DB38" s="114">
        <v>1103727</v>
      </c>
      <c r="DC38" s="114">
        <v>734377</v>
      </c>
      <c r="DD38" s="114">
        <v>622298</v>
      </c>
      <c r="DE38" s="114">
        <v>58565</v>
      </c>
      <c r="DF38" s="114">
        <v>131015</v>
      </c>
      <c r="DG38" s="113">
        <v>2649982</v>
      </c>
      <c r="DH38" s="116">
        <v>3409579</v>
      </c>
      <c r="DI38" s="110">
        <v>0</v>
      </c>
      <c r="DJ38" s="114">
        <v>0</v>
      </c>
      <c r="DK38" s="112">
        <v>0</v>
      </c>
      <c r="DL38" s="111">
        <v>0</v>
      </c>
      <c r="DM38" s="114">
        <v>311933</v>
      </c>
      <c r="DN38" s="114">
        <v>737111</v>
      </c>
      <c r="DO38" s="114">
        <v>688087</v>
      </c>
      <c r="DP38" s="114">
        <v>574466</v>
      </c>
      <c r="DQ38" s="114">
        <v>164170</v>
      </c>
      <c r="DR38" s="113">
        <v>2475767</v>
      </c>
      <c r="DS38" s="116">
        <v>2475767</v>
      </c>
      <c r="DT38" s="110">
        <v>0</v>
      </c>
      <c r="DU38" s="114">
        <v>0</v>
      </c>
      <c r="DV38" s="113">
        <v>0</v>
      </c>
      <c r="DW38" s="110">
        <v>0</v>
      </c>
      <c r="DX38" s="114">
        <v>252536</v>
      </c>
      <c r="DY38" s="114">
        <v>627700</v>
      </c>
      <c r="DZ38" s="114">
        <v>613392</v>
      </c>
      <c r="EA38" s="114">
        <v>460679</v>
      </c>
      <c r="EB38" s="114">
        <v>103366</v>
      </c>
      <c r="EC38" s="113">
        <v>2057673</v>
      </c>
      <c r="ED38" s="116">
        <v>2057673</v>
      </c>
      <c r="EE38" s="110">
        <v>0</v>
      </c>
      <c r="EF38" s="112">
        <v>0</v>
      </c>
      <c r="EG38" s="113">
        <v>0</v>
      </c>
      <c r="EH38" s="110">
        <v>0</v>
      </c>
      <c r="EI38" s="114">
        <v>59397</v>
      </c>
      <c r="EJ38" s="114">
        <v>109411</v>
      </c>
      <c r="EK38" s="114">
        <v>74695</v>
      </c>
      <c r="EL38" s="114">
        <v>113787</v>
      </c>
      <c r="EM38" s="114">
        <v>60804</v>
      </c>
      <c r="EN38" s="112">
        <v>418094</v>
      </c>
      <c r="EO38" s="116">
        <v>418094</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5"/>
      <c r="FE38" s="114">
        <v>0</v>
      </c>
      <c r="FF38" s="114">
        <v>0</v>
      </c>
      <c r="FG38" s="114">
        <v>0</v>
      </c>
      <c r="FH38" s="114">
        <v>0</v>
      </c>
      <c r="FI38" s="114">
        <v>0</v>
      </c>
      <c r="FJ38" s="113">
        <v>0</v>
      </c>
      <c r="FK38" s="116">
        <v>0</v>
      </c>
      <c r="FL38" s="110">
        <v>151164</v>
      </c>
      <c r="FM38" s="114">
        <v>299578</v>
      </c>
      <c r="FN38" s="113">
        <v>450742</v>
      </c>
      <c r="FO38" s="110">
        <v>0</v>
      </c>
      <c r="FP38" s="114">
        <v>807508</v>
      </c>
      <c r="FQ38" s="114">
        <v>799287</v>
      </c>
      <c r="FR38" s="114">
        <v>358523</v>
      </c>
      <c r="FS38" s="114">
        <v>207120</v>
      </c>
      <c r="FT38" s="114">
        <v>537281</v>
      </c>
      <c r="FU38" s="113">
        <v>2709719</v>
      </c>
      <c r="FV38" s="116">
        <v>3160461</v>
      </c>
      <c r="FW38" s="115">
        <v>151164</v>
      </c>
      <c r="FX38" s="114">
        <v>299578</v>
      </c>
      <c r="FY38" s="112">
        <v>450742</v>
      </c>
      <c r="FZ38" s="111">
        <v>0</v>
      </c>
      <c r="GA38" s="114">
        <v>627508</v>
      </c>
      <c r="GB38" s="114">
        <v>645387</v>
      </c>
      <c r="GC38" s="114">
        <v>358523</v>
      </c>
      <c r="GD38" s="114">
        <v>207120</v>
      </c>
      <c r="GE38" s="114">
        <v>537281</v>
      </c>
      <c r="GF38" s="113">
        <v>2375819</v>
      </c>
      <c r="GG38" s="316">
        <v>2826561</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180000</v>
      </c>
      <c r="GX38" s="114">
        <v>153900</v>
      </c>
      <c r="GY38" s="114">
        <v>0</v>
      </c>
      <c r="GZ38" s="114">
        <v>0</v>
      </c>
      <c r="HA38" s="114">
        <v>0</v>
      </c>
      <c r="HB38" s="112">
        <v>333900</v>
      </c>
      <c r="HC38" s="116">
        <v>333900</v>
      </c>
      <c r="HD38" s="110">
        <v>174278</v>
      </c>
      <c r="HE38" s="114">
        <v>331062</v>
      </c>
      <c r="HF38" s="112">
        <v>505340</v>
      </c>
      <c r="HG38" s="111">
        <v>0</v>
      </c>
      <c r="HH38" s="114">
        <v>2119373</v>
      </c>
      <c r="HI38" s="114">
        <v>3823812</v>
      </c>
      <c r="HJ38" s="114">
        <v>3016633</v>
      </c>
      <c r="HK38" s="114">
        <v>1638745</v>
      </c>
      <c r="HL38" s="114">
        <v>562031</v>
      </c>
      <c r="HM38" s="113">
        <v>11160594</v>
      </c>
      <c r="HN38" s="109">
        <v>11665934</v>
      </c>
      <c r="HO38" s="115">
        <v>147543</v>
      </c>
      <c r="HP38" s="114">
        <v>248174</v>
      </c>
      <c r="HQ38" s="113">
        <v>395717</v>
      </c>
      <c r="HR38" s="110">
        <v>0</v>
      </c>
      <c r="HS38" s="114">
        <v>1364474</v>
      </c>
      <c r="HT38" s="114">
        <v>846052</v>
      </c>
      <c r="HU38" s="114">
        <v>682797</v>
      </c>
      <c r="HV38" s="114">
        <v>266503</v>
      </c>
      <c r="HW38" s="114">
        <v>285325</v>
      </c>
      <c r="HX38" s="112">
        <v>3445151</v>
      </c>
      <c r="HY38" s="116">
        <v>3840868</v>
      </c>
      <c r="HZ38" s="150">
        <v>0</v>
      </c>
      <c r="IA38" s="135">
        <v>245899</v>
      </c>
      <c r="IB38" s="150">
        <v>245899</v>
      </c>
      <c r="IC38" s="146">
        <v>0</v>
      </c>
      <c r="ID38" s="132">
        <v>3465325</v>
      </c>
      <c r="IE38" s="147">
        <v>3022934</v>
      </c>
      <c r="IF38" s="133">
        <v>3903271</v>
      </c>
      <c r="IG38" s="132">
        <v>880272</v>
      </c>
      <c r="IH38" s="133">
        <v>2188137</v>
      </c>
      <c r="II38" s="148">
        <v>13459939</v>
      </c>
      <c r="IJ38" s="150">
        <v>13705838</v>
      </c>
      <c r="IK38" s="232">
        <v>0</v>
      </c>
      <c r="IL38" s="236">
        <v>0</v>
      </c>
      <c r="IM38" s="237">
        <v>0</v>
      </c>
      <c r="IN38" s="140"/>
      <c r="IO38" s="119">
        <v>0</v>
      </c>
      <c r="IP38" s="119">
        <v>0</v>
      </c>
      <c r="IQ38" s="119">
        <v>0</v>
      </c>
      <c r="IR38" s="119">
        <v>0</v>
      </c>
      <c r="IS38" s="119">
        <v>0</v>
      </c>
      <c r="IT38" s="141">
        <v>0</v>
      </c>
      <c r="IU38" s="318">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499593</v>
      </c>
      <c r="JL38" s="119">
        <v>938269</v>
      </c>
      <c r="JM38" s="119">
        <v>618875</v>
      </c>
      <c r="JN38" s="119">
        <v>39088</v>
      </c>
      <c r="JO38" s="119">
        <v>55969</v>
      </c>
      <c r="JP38" s="120">
        <v>3151794</v>
      </c>
      <c r="JQ38" s="318">
        <v>3151794</v>
      </c>
      <c r="JR38" s="142">
        <v>0</v>
      </c>
      <c r="JS38" s="119">
        <v>0</v>
      </c>
      <c r="JT38" s="141">
        <v>0</v>
      </c>
      <c r="JU38" s="118">
        <v>0</v>
      </c>
      <c r="JV38" s="119">
        <v>0</v>
      </c>
      <c r="JW38" s="119">
        <v>0</v>
      </c>
      <c r="JX38" s="119">
        <v>205857</v>
      </c>
      <c r="JY38" s="119">
        <v>0</v>
      </c>
      <c r="JZ38" s="119">
        <v>0</v>
      </c>
      <c r="KA38" s="120">
        <v>205857</v>
      </c>
      <c r="KB38" s="318">
        <v>205857</v>
      </c>
      <c r="KC38" s="234">
        <v>0</v>
      </c>
      <c r="KD38" s="230">
        <v>0</v>
      </c>
      <c r="KE38" s="120">
        <v>0</v>
      </c>
      <c r="KF38" s="118">
        <v>0</v>
      </c>
      <c r="KG38" s="119">
        <v>0</v>
      </c>
      <c r="KH38" s="119">
        <v>0</v>
      </c>
      <c r="KI38" s="119">
        <v>0</v>
      </c>
      <c r="KJ38" s="119">
        <v>0</v>
      </c>
      <c r="KK38" s="119">
        <v>0</v>
      </c>
      <c r="KL38" s="120">
        <v>0</v>
      </c>
      <c r="KM38" s="143">
        <v>0</v>
      </c>
      <c r="KN38" s="232">
        <v>0</v>
      </c>
      <c r="KO38" s="236">
        <v>245899</v>
      </c>
      <c r="KP38" s="237">
        <v>245899</v>
      </c>
      <c r="KQ38" s="140"/>
      <c r="KR38" s="119">
        <v>1031501</v>
      </c>
      <c r="KS38" s="119">
        <v>814245</v>
      </c>
      <c r="KT38" s="119">
        <v>2056994</v>
      </c>
      <c r="KU38" s="119">
        <v>0</v>
      </c>
      <c r="KV38" s="119">
        <v>290088</v>
      </c>
      <c r="KW38" s="120">
        <v>4192828</v>
      </c>
      <c r="KX38" s="318">
        <v>4438727</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18">
        <v>0</v>
      </c>
      <c r="LU38" s="142">
        <v>0</v>
      </c>
      <c r="LV38" s="119">
        <v>0</v>
      </c>
      <c r="LW38" s="120">
        <v>0</v>
      </c>
      <c r="LX38" s="145"/>
      <c r="LY38" s="119">
        <v>934231</v>
      </c>
      <c r="LZ38" s="119">
        <v>1270420</v>
      </c>
      <c r="MA38" s="119">
        <v>1021545</v>
      </c>
      <c r="MB38" s="119">
        <v>841184</v>
      </c>
      <c r="MC38" s="119">
        <v>1842080</v>
      </c>
      <c r="MD38" s="120">
        <v>5909460</v>
      </c>
      <c r="ME38" s="121">
        <v>5909460</v>
      </c>
      <c r="MF38" s="142">
        <v>0</v>
      </c>
      <c r="MG38" s="119">
        <v>0</v>
      </c>
      <c r="MH38" s="120">
        <v>0</v>
      </c>
      <c r="MI38" s="145"/>
      <c r="MJ38" s="119">
        <v>2209119</v>
      </c>
      <c r="MK38" s="119">
        <v>5827961</v>
      </c>
      <c r="ML38" s="119">
        <v>11211666</v>
      </c>
      <c r="MM38" s="119">
        <v>18277924</v>
      </c>
      <c r="MN38" s="119">
        <v>11316919</v>
      </c>
      <c r="MO38" s="120">
        <v>48843589</v>
      </c>
      <c r="MP38" s="143">
        <v>48843589</v>
      </c>
      <c r="MQ38" s="142">
        <v>0</v>
      </c>
      <c r="MR38" s="119">
        <v>0</v>
      </c>
      <c r="MS38" s="120">
        <v>0</v>
      </c>
      <c r="MT38" s="145"/>
      <c r="MU38" s="119">
        <v>0</v>
      </c>
      <c r="MV38" s="119">
        <v>1135919</v>
      </c>
      <c r="MW38" s="119">
        <v>5986518</v>
      </c>
      <c r="MX38" s="119">
        <v>9382887</v>
      </c>
      <c r="MY38" s="119">
        <v>5951178</v>
      </c>
      <c r="MZ38" s="120">
        <v>22456502</v>
      </c>
      <c r="NA38" s="143">
        <v>22456502</v>
      </c>
      <c r="NB38" s="142">
        <v>0</v>
      </c>
      <c r="NC38" s="119">
        <v>0</v>
      </c>
      <c r="ND38" s="120">
        <v>0</v>
      </c>
      <c r="NE38" s="145"/>
      <c r="NF38" s="119">
        <v>1353490</v>
      </c>
      <c r="NG38" s="119">
        <v>2626031</v>
      </c>
      <c r="NH38" s="119">
        <v>3350906</v>
      </c>
      <c r="NI38" s="119">
        <v>5371220</v>
      </c>
      <c r="NJ38" s="119">
        <v>1669694</v>
      </c>
      <c r="NK38" s="120">
        <v>14371341</v>
      </c>
      <c r="NL38" s="318">
        <v>14371341</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855629</v>
      </c>
      <c r="OC38" s="119">
        <v>2066011</v>
      </c>
      <c r="OD38" s="119">
        <v>1874242</v>
      </c>
      <c r="OE38" s="119">
        <v>3523817</v>
      </c>
      <c r="OF38" s="119">
        <v>3696047</v>
      </c>
      <c r="OG38" s="120">
        <v>12015746</v>
      </c>
      <c r="OH38" s="121">
        <v>12015746</v>
      </c>
      <c r="OI38" s="142">
        <v>1057258</v>
      </c>
      <c r="OJ38" s="119">
        <v>2564307</v>
      </c>
      <c r="OK38" s="141">
        <v>3621565</v>
      </c>
      <c r="OL38" s="118">
        <v>0</v>
      </c>
      <c r="OM38" s="119">
        <v>14686620</v>
      </c>
      <c r="ON38" s="119">
        <v>19178577</v>
      </c>
      <c r="OO38" s="119">
        <v>22947424</v>
      </c>
      <c r="OP38" s="119">
        <v>23648048</v>
      </c>
      <c r="OQ38" s="119">
        <v>18315191</v>
      </c>
      <c r="OR38" s="120">
        <v>98775860</v>
      </c>
      <c r="OS38" s="143">
        <v>102397425</v>
      </c>
    </row>
    <row r="39" spans="2:409" ht="21" customHeight="1" x14ac:dyDescent="0.2">
      <c r="B39" s="62" t="s">
        <v>34</v>
      </c>
      <c r="C39" s="110">
        <v>432516</v>
      </c>
      <c r="D39" s="114">
        <v>749633</v>
      </c>
      <c r="E39" s="174">
        <v>1182149</v>
      </c>
      <c r="F39" s="175">
        <v>0</v>
      </c>
      <c r="G39" s="176">
        <v>7361689</v>
      </c>
      <c r="H39" s="176">
        <v>6561573</v>
      </c>
      <c r="I39" s="176">
        <v>4091282</v>
      </c>
      <c r="J39" s="176">
        <v>6152490</v>
      </c>
      <c r="K39" s="176">
        <v>2888843</v>
      </c>
      <c r="L39" s="177">
        <v>27055877</v>
      </c>
      <c r="M39" s="116">
        <v>28238026</v>
      </c>
      <c r="N39" s="110">
        <v>76239</v>
      </c>
      <c r="O39" s="114">
        <v>307305</v>
      </c>
      <c r="P39" s="113">
        <v>383544</v>
      </c>
      <c r="Q39" s="110">
        <v>0</v>
      </c>
      <c r="R39" s="114">
        <v>1556114</v>
      </c>
      <c r="S39" s="114">
        <v>1436797</v>
      </c>
      <c r="T39" s="114">
        <v>1304455</v>
      </c>
      <c r="U39" s="114">
        <v>1488991</v>
      </c>
      <c r="V39" s="114">
        <v>1127176</v>
      </c>
      <c r="W39" s="113">
        <v>6913533</v>
      </c>
      <c r="X39" s="116">
        <v>7297077</v>
      </c>
      <c r="Y39" s="110">
        <v>0</v>
      </c>
      <c r="Z39" s="114">
        <v>0</v>
      </c>
      <c r="AA39" s="113">
        <v>0</v>
      </c>
      <c r="AB39" s="110">
        <v>0</v>
      </c>
      <c r="AC39" s="114">
        <v>421660</v>
      </c>
      <c r="AD39" s="114">
        <v>366773</v>
      </c>
      <c r="AE39" s="114">
        <v>794225</v>
      </c>
      <c r="AF39" s="114">
        <v>736483</v>
      </c>
      <c r="AG39" s="114">
        <v>148226</v>
      </c>
      <c r="AH39" s="113">
        <v>2467367</v>
      </c>
      <c r="AI39" s="116">
        <v>2467367</v>
      </c>
      <c r="AJ39" s="110">
        <v>0</v>
      </c>
      <c r="AK39" s="114">
        <v>0</v>
      </c>
      <c r="AL39" s="113">
        <v>0</v>
      </c>
      <c r="AM39" s="110">
        <v>0</v>
      </c>
      <c r="AN39" s="114">
        <v>0</v>
      </c>
      <c r="AO39" s="114">
        <v>36882</v>
      </c>
      <c r="AP39" s="114">
        <v>0</v>
      </c>
      <c r="AQ39" s="114">
        <v>73854</v>
      </c>
      <c r="AR39" s="114">
        <v>447741</v>
      </c>
      <c r="AS39" s="113">
        <v>558477</v>
      </c>
      <c r="AT39" s="116">
        <v>558477</v>
      </c>
      <c r="AU39" s="110">
        <v>12150</v>
      </c>
      <c r="AV39" s="114">
        <v>293193</v>
      </c>
      <c r="AW39" s="113">
        <v>305343</v>
      </c>
      <c r="AX39" s="110">
        <v>0</v>
      </c>
      <c r="AY39" s="114">
        <v>446144</v>
      </c>
      <c r="AZ39" s="114">
        <v>487248</v>
      </c>
      <c r="BA39" s="114">
        <v>315702</v>
      </c>
      <c r="BB39" s="114">
        <v>323253</v>
      </c>
      <c r="BC39" s="114">
        <v>184392</v>
      </c>
      <c r="BD39" s="113">
        <v>1756739</v>
      </c>
      <c r="BE39" s="116">
        <v>2062082</v>
      </c>
      <c r="BF39" s="110">
        <v>0</v>
      </c>
      <c r="BG39" s="114">
        <v>0</v>
      </c>
      <c r="BH39" s="112">
        <v>0</v>
      </c>
      <c r="BI39" s="111">
        <v>0</v>
      </c>
      <c r="BJ39" s="114">
        <v>215145</v>
      </c>
      <c r="BK39" s="114">
        <v>213429</v>
      </c>
      <c r="BL39" s="114">
        <v>53280</v>
      </c>
      <c r="BM39" s="114">
        <v>33480</v>
      </c>
      <c r="BN39" s="114">
        <v>56340</v>
      </c>
      <c r="BO39" s="113">
        <v>571674</v>
      </c>
      <c r="BP39" s="116">
        <v>571674</v>
      </c>
      <c r="BQ39" s="110">
        <v>64089</v>
      </c>
      <c r="BR39" s="114">
        <v>14112</v>
      </c>
      <c r="BS39" s="113">
        <v>78201</v>
      </c>
      <c r="BT39" s="110">
        <v>0</v>
      </c>
      <c r="BU39" s="114">
        <v>473165</v>
      </c>
      <c r="BV39" s="114">
        <v>332465</v>
      </c>
      <c r="BW39" s="114">
        <v>141248</v>
      </c>
      <c r="BX39" s="114">
        <v>321921</v>
      </c>
      <c r="BY39" s="114">
        <v>290477</v>
      </c>
      <c r="BZ39" s="113">
        <v>1559276</v>
      </c>
      <c r="CA39" s="116">
        <v>1637477</v>
      </c>
      <c r="CB39" s="110">
        <v>23319</v>
      </c>
      <c r="CC39" s="114">
        <v>127953</v>
      </c>
      <c r="CD39" s="113">
        <v>151272</v>
      </c>
      <c r="CE39" s="110">
        <v>0</v>
      </c>
      <c r="CF39" s="114">
        <v>2279268</v>
      </c>
      <c r="CG39" s="114">
        <v>2514379</v>
      </c>
      <c r="CH39" s="114">
        <v>1637344</v>
      </c>
      <c r="CI39" s="114">
        <v>1795615</v>
      </c>
      <c r="CJ39" s="114">
        <v>270675</v>
      </c>
      <c r="CK39" s="113">
        <v>8497281</v>
      </c>
      <c r="CL39" s="116">
        <v>8648553</v>
      </c>
      <c r="CM39" s="110">
        <v>0</v>
      </c>
      <c r="CN39" s="114">
        <v>0</v>
      </c>
      <c r="CO39" s="113">
        <v>0</v>
      </c>
      <c r="CP39" s="111">
        <v>0</v>
      </c>
      <c r="CQ39" s="114">
        <v>1727667</v>
      </c>
      <c r="CR39" s="114">
        <v>2393671</v>
      </c>
      <c r="CS39" s="114">
        <v>1554058</v>
      </c>
      <c r="CT39" s="114">
        <v>1305556</v>
      </c>
      <c r="CU39" s="114">
        <v>270675</v>
      </c>
      <c r="CV39" s="113">
        <v>7251627</v>
      </c>
      <c r="CW39" s="116">
        <v>7251627</v>
      </c>
      <c r="CX39" s="110">
        <v>23319</v>
      </c>
      <c r="CY39" s="114">
        <v>127953</v>
      </c>
      <c r="CZ39" s="113">
        <v>151272</v>
      </c>
      <c r="DA39" s="110">
        <v>0</v>
      </c>
      <c r="DB39" s="114">
        <v>551601</v>
      </c>
      <c r="DC39" s="114">
        <v>120708</v>
      </c>
      <c r="DD39" s="114">
        <v>83286</v>
      </c>
      <c r="DE39" s="114">
        <v>490059</v>
      </c>
      <c r="DF39" s="114">
        <v>0</v>
      </c>
      <c r="DG39" s="113">
        <v>1245654</v>
      </c>
      <c r="DH39" s="116">
        <v>1396926</v>
      </c>
      <c r="DI39" s="110">
        <v>0</v>
      </c>
      <c r="DJ39" s="114">
        <v>0</v>
      </c>
      <c r="DK39" s="112">
        <v>0</v>
      </c>
      <c r="DL39" s="111">
        <v>0</v>
      </c>
      <c r="DM39" s="114">
        <v>232848</v>
      </c>
      <c r="DN39" s="114">
        <v>58275</v>
      </c>
      <c r="DO39" s="114">
        <v>64782</v>
      </c>
      <c r="DP39" s="114">
        <v>325269</v>
      </c>
      <c r="DQ39" s="114">
        <v>436116</v>
      </c>
      <c r="DR39" s="113">
        <v>1117290</v>
      </c>
      <c r="DS39" s="116">
        <v>1117290</v>
      </c>
      <c r="DT39" s="110">
        <v>0</v>
      </c>
      <c r="DU39" s="114">
        <v>0</v>
      </c>
      <c r="DV39" s="113">
        <v>0</v>
      </c>
      <c r="DW39" s="110">
        <v>0</v>
      </c>
      <c r="DX39" s="114">
        <v>209295</v>
      </c>
      <c r="DY39" s="114">
        <v>58275</v>
      </c>
      <c r="DZ39" s="114">
        <v>64782</v>
      </c>
      <c r="EA39" s="114">
        <v>193761</v>
      </c>
      <c r="EB39" s="114">
        <v>436116</v>
      </c>
      <c r="EC39" s="113">
        <v>962229</v>
      </c>
      <c r="ED39" s="116">
        <v>962229</v>
      </c>
      <c r="EE39" s="110">
        <v>0</v>
      </c>
      <c r="EF39" s="112">
        <v>0</v>
      </c>
      <c r="EG39" s="113">
        <v>0</v>
      </c>
      <c r="EH39" s="110">
        <v>0</v>
      </c>
      <c r="EI39" s="114">
        <v>23553</v>
      </c>
      <c r="EJ39" s="114">
        <v>0</v>
      </c>
      <c r="EK39" s="114">
        <v>0</v>
      </c>
      <c r="EL39" s="114">
        <v>131508</v>
      </c>
      <c r="EM39" s="114">
        <v>0</v>
      </c>
      <c r="EN39" s="112">
        <v>155061</v>
      </c>
      <c r="EO39" s="116">
        <v>155061</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5"/>
      <c r="FE39" s="114">
        <v>0</v>
      </c>
      <c r="FF39" s="114">
        <v>0</v>
      </c>
      <c r="FG39" s="114">
        <v>0</v>
      </c>
      <c r="FH39" s="114">
        <v>0</v>
      </c>
      <c r="FI39" s="114">
        <v>0</v>
      </c>
      <c r="FJ39" s="113">
        <v>0</v>
      </c>
      <c r="FK39" s="116">
        <v>0</v>
      </c>
      <c r="FL39" s="110">
        <v>89460</v>
      </c>
      <c r="FM39" s="114">
        <v>102500</v>
      </c>
      <c r="FN39" s="113">
        <v>191960</v>
      </c>
      <c r="FO39" s="110">
        <v>0</v>
      </c>
      <c r="FP39" s="114">
        <v>452814</v>
      </c>
      <c r="FQ39" s="114">
        <v>650969</v>
      </c>
      <c r="FR39" s="114">
        <v>359514</v>
      </c>
      <c r="FS39" s="114">
        <v>424506</v>
      </c>
      <c r="FT39" s="114">
        <v>209294</v>
      </c>
      <c r="FU39" s="113">
        <v>2097097</v>
      </c>
      <c r="FV39" s="116">
        <v>2289057</v>
      </c>
      <c r="FW39" s="115">
        <v>89460</v>
      </c>
      <c r="FX39" s="114">
        <v>102500</v>
      </c>
      <c r="FY39" s="112">
        <v>191960</v>
      </c>
      <c r="FZ39" s="111">
        <v>0</v>
      </c>
      <c r="GA39" s="114">
        <v>375891</v>
      </c>
      <c r="GB39" s="114">
        <v>650969</v>
      </c>
      <c r="GC39" s="114">
        <v>359514</v>
      </c>
      <c r="GD39" s="114">
        <v>424506</v>
      </c>
      <c r="GE39" s="114">
        <v>209294</v>
      </c>
      <c r="GF39" s="113">
        <v>2020174</v>
      </c>
      <c r="GG39" s="316">
        <v>2212134</v>
      </c>
      <c r="GH39" s="115">
        <v>0</v>
      </c>
      <c r="GI39" s="114">
        <v>0</v>
      </c>
      <c r="GJ39" s="112">
        <v>0</v>
      </c>
      <c r="GK39" s="111">
        <v>0</v>
      </c>
      <c r="GL39" s="114">
        <v>76923</v>
      </c>
      <c r="GM39" s="114">
        <v>0</v>
      </c>
      <c r="GN39" s="114">
        <v>0</v>
      </c>
      <c r="GO39" s="114">
        <v>0</v>
      </c>
      <c r="GP39" s="114">
        <v>0</v>
      </c>
      <c r="GQ39" s="113">
        <v>76923</v>
      </c>
      <c r="GR39" s="116">
        <v>76923</v>
      </c>
      <c r="GS39" s="110">
        <v>0</v>
      </c>
      <c r="GT39" s="114">
        <v>0</v>
      </c>
      <c r="GU39" s="113">
        <v>0</v>
      </c>
      <c r="GV39" s="110">
        <v>0</v>
      </c>
      <c r="GW39" s="114">
        <v>0</v>
      </c>
      <c r="GX39" s="114">
        <v>0</v>
      </c>
      <c r="GY39" s="114">
        <v>0</v>
      </c>
      <c r="GZ39" s="114">
        <v>0</v>
      </c>
      <c r="HA39" s="114">
        <v>0</v>
      </c>
      <c r="HB39" s="112">
        <v>0</v>
      </c>
      <c r="HC39" s="116">
        <v>0</v>
      </c>
      <c r="HD39" s="110">
        <v>174798</v>
      </c>
      <c r="HE39" s="114">
        <v>108135</v>
      </c>
      <c r="HF39" s="112">
        <v>282933</v>
      </c>
      <c r="HG39" s="111">
        <v>0</v>
      </c>
      <c r="HH39" s="114">
        <v>1890613</v>
      </c>
      <c r="HI39" s="114">
        <v>1163364</v>
      </c>
      <c r="HJ39" s="114">
        <v>378896</v>
      </c>
      <c r="HK39" s="114">
        <v>1803805</v>
      </c>
      <c r="HL39" s="114">
        <v>727230</v>
      </c>
      <c r="HM39" s="113">
        <v>5963908</v>
      </c>
      <c r="HN39" s="109">
        <v>6246841</v>
      </c>
      <c r="HO39" s="115">
        <v>68700</v>
      </c>
      <c r="HP39" s="114">
        <v>103740</v>
      </c>
      <c r="HQ39" s="113">
        <v>172440</v>
      </c>
      <c r="HR39" s="110">
        <v>0</v>
      </c>
      <c r="HS39" s="114">
        <v>950032</v>
      </c>
      <c r="HT39" s="114">
        <v>737789</v>
      </c>
      <c r="HU39" s="114">
        <v>346291</v>
      </c>
      <c r="HV39" s="114">
        <v>314304</v>
      </c>
      <c r="HW39" s="114">
        <v>118352</v>
      </c>
      <c r="HX39" s="112">
        <v>2466768</v>
      </c>
      <c r="HY39" s="116">
        <v>2639208</v>
      </c>
      <c r="HZ39" s="131">
        <v>90342</v>
      </c>
      <c r="IA39" s="132">
        <v>193068</v>
      </c>
      <c r="IB39" s="133">
        <v>283410</v>
      </c>
      <c r="IC39" s="146">
        <v>0</v>
      </c>
      <c r="ID39" s="132">
        <v>4106181</v>
      </c>
      <c r="IE39" s="147">
        <v>4415573</v>
      </c>
      <c r="IF39" s="133">
        <v>3109482</v>
      </c>
      <c r="IG39" s="132">
        <v>2823651</v>
      </c>
      <c r="IH39" s="133">
        <v>3246473</v>
      </c>
      <c r="II39" s="148">
        <v>17701360</v>
      </c>
      <c r="IJ39" s="139">
        <v>17984770</v>
      </c>
      <c r="IK39" s="232">
        <v>0</v>
      </c>
      <c r="IL39" s="236">
        <v>0</v>
      </c>
      <c r="IM39" s="237">
        <v>0</v>
      </c>
      <c r="IN39" s="140"/>
      <c r="IO39" s="119">
        <v>0</v>
      </c>
      <c r="IP39" s="119">
        <v>0</v>
      </c>
      <c r="IQ39" s="119">
        <v>0</v>
      </c>
      <c r="IR39" s="119">
        <v>0</v>
      </c>
      <c r="IS39" s="119">
        <v>0</v>
      </c>
      <c r="IT39" s="141">
        <v>0</v>
      </c>
      <c r="IU39" s="318">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872754</v>
      </c>
      <c r="JL39" s="119">
        <v>630185</v>
      </c>
      <c r="JM39" s="119">
        <v>301374</v>
      </c>
      <c r="JN39" s="119">
        <v>214155</v>
      </c>
      <c r="JO39" s="119">
        <v>62055</v>
      </c>
      <c r="JP39" s="120">
        <v>2080523</v>
      </c>
      <c r="JQ39" s="318">
        <v>2080523</v>
      </c>
      <c r="JR39" s="142">
        <v>0</v>
      </c>
      <c r="JS39" s="119">
        <v>0</v>
      </c>
      <c r="JT39" s="141">
        <v>0</v>
      </c>
      <c r="JU39" s="118">
        <v>0</v>
      </c>
      <c r="JV39" s="119">
        <v>0</v>
      </c>
      <c r="JW39" s="119">
        <v>0</v>
      </c>
      <c r="JX39" s="119">
        <v>0</v>
      </c>
      <c r="JY39" s="119">
        <v>0</v>
      </c>
      <c r="JZ39" s="119">
        <v>76519</v>
      </c>
      <c r="KA39" s="120">
        <v>76519</v>
      </c>
      <c r="KB39" s="318">
        <v>76519</v>
      </c>
      <c r="KC39" s="234">
        <v>90342</v>
      </c>
      <c r="KD39" s="230">
        <v>193068</v>
      </c>
      <c r="KE39" s="120">
        <v>283410</v>
      </c>
      <c r="KF39" s="118">
        <v>0</v>
      </c>
      <c r="KG39" s="119">
        <v>843000</v>
      </c>
      <c r="KH39" s="119">
        <v>1434512</v>
      </c>
      <c r="KI39" s="119">
        <v>1499328</v>
      </c>
      <c r="KJ39" s="119">
        <v>0</v>
      </c>
      <c r="KK39" s="119">
        <v>0</v>
      </c>
      <c r="KL39" s="120">
        <v>3776840</v>
      </c>
      <c r="KM39" s="143">
        <v>4060250</v>
      </c>
      <c r="KN39" s="232">
        <v>0</v>
      </c>
      <c r="KO39" s="236">
        <v>0</v>
      </c>
      <c r="KP39" s="237">
        <v>0</v>
      </c>
      <c r="KQ39" s="140"/>
      <c r="KR39" s="119">
        <v>1521234</v>
      </c>
      <c r="KS39" s="119">
        <v>1058616</v>
      </c>
      <c r="KT39" s="119">
        <v>0</v>
      </c>
      <c r="KU39" s="119">
        <v>1109466</v>
      </c>
      <c r="KV39" s="119">
        <v>1696545</v>
      </c>
      <c r="KW39" s="120">
        <v>5385861</v>
      </c>
      <c r="KX39" s="318">
        <v>5385861</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18">
        <v>0</v>
      </c>
      <c r="LU39" s="142">
        <v>0</v>
      </c>
      <c r="LV39" s="119">
        <v>0</v>
      </c>
      <c r="LW39" s="120">
        <v>0</v>
      </c>
      <c r="LX39" s="145"/>
      <c r="LY39" s="119">
        <v>869193</v>
      </c>
      <c r="LZ39" s="119">
        <v>1292260</v>
      </c>
      <c r="MA39" s="119">
        <v>1308780</v>
      </c>
      <c r="MB39" s="119">
        <v>1500030</v>
      </c>
      <c r="MC39" s="119">
        <v>1411354</v>
      </c>
      <c r="MD39" s="120">
        <v>6381617</v>
      </c>
      <c r="ME39" s="121">
        <v>6381617</v>
      </c>
      <c r="MF39" s="142">
        <v>0</v>
      </c>
      <c r="MG39" s="119">
        <v>0</v>
      </c>
      <c r="MH39" s="120">
        <v>0</v>
      </c>
      <c r="MI39" s="145"/>
      <c r="MJ39" s="119">
        <v>861748</v>
      </c>
      <c r="MK39" s="119">
        <v>3466694</v>
      </c>
      <c r="ML39" s="119">
        <v>4566171</v>
      </c>
      <c r="MM39" s="119">
        <v>9645418</v>
      </c>
      <c r="MN39" s="119">
        <v>5374072</v>
      </c>
      <c r="MO39" s="120">
        <v>23914103</v>
      </c>
      <c r="MP39" s="143">
        <v>23914103</v>
      </c>
      <c r="MQ39" s="142">
        <v>0</v>
      </c>
      <c r="MR39" s="119">
        <v>0</v>
      </c>
      <c r="MS39" s="120">
        <v>0</v>
      </c>
      <c r="MT39" s="145"/>
      <c r="MU39" s="119">
        <v>0</v>
      </c>
      <c r="MV39" s="119">
        <v>0</v>
      </c>
      <c r="MW39" s="119">
        <v>1867851</v>
      </c>
      <c r="MX39" s="119">
        <v>6354586</v>
      </c>
      <c r="MY39" s="119">
        <v>3211359</v>
      </c>
      <c r="MZ39" s="120">
        <v>11433796</v>
      </c>
      <c r="NA39" s="143">
        <v>11433796</v>
      </c>
      <c r="NB39" s="142">
        <v>0</v>
      </c>
      <c r="NC39" s="119">
        <v>0</v>
      </c>
      <c r="ND39" s="120">
        <v>0</v>
      </c>
      <c r="NE39" s="145"/>
      <c r="NF39" s="119">
        <v>861748</v>
      </c>
      <c r="NG39" s="119">
        <v>3466694</v>
      </c>
      <c r="NH39" s="119">
        <v>2698320</v>
      </c>
      <c r="NI39" s="119">
        <v>2946366</v>
      </c>
      <c r="NJ39" s="119">
        <v>1797313</v>
      </c>
      <c r="NK39" s="120">
        <v>11770441</v>
      </c>
      <c r="NL39" s="318">
        <v>11770441</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344466</v>
      </c>
      <c r="OF39" s="119">
        <v>365400</v>
      </c>
      <c r="OG39" s="120">
        <v>709866</v>
      </c>
      <c r="OH39" s="121">
        <v>709866</v>
      </c>
      <c r="OI39" s="142">
        <v>522858</v>
      </c>
      <c r="OJ39" s="119">
        <v>942701</v>
      </c>
      <c r="OK39" s="141">
        <v>1465559</v>
      </c>
      <c r="OL39" s="118">
        <v>0</v>
      </c>
      <c r="OM39" s="119">
        <v>12329618</v>
      </c>
      <c r="ON39" s="119">
        <v>14443840</v>
      </c>
      <c r="OO39" s="119">
        <v>11766935</v>
      </c>
      <c r="OP39" s="119">
        <v>18621559</v>
      </c>
      <c r="OQ39" s="119">
        <v>11509388</v>
      </c>
      <c r="OR39" s="120">
        <v>68671340</v>
      </c>
      <c r="OS39" s="143">
        <v>70136899</v>
      </c>
    </row>
    <row r="40" spans="2:409" ht="21" customHeight="1" x14ac:dyDescent="0.2">
      <c r="B40" s="62" t="s">
        <v>35</v>
      </c>
      <c r="C40" s="110">
        <v>2063060</v>
      </c>
      <c r="D40" s="114">
        <v>4266912</v>
      </c>
      <c r="E40" s="113">
        <v>6329972</v>
      </c>
      <c r="F40" s="109">
        <v>0</v>
      </c>
      <c r="G40" s="114">
        <v>34605936</v>
      </c>
      <c r="H40" s="114">
        <v>24014108</v>
      </c>
      <c r="I40" s="114">
        <v>21225211</v>
      </c>
      <c r="J40" s="114">
        <v>25228645</v>
      </c>
      <c r="K40" s="114">
        <v>11328412</v>
      </c>
      <c r="L40" s="173">
        <v>116402312</v>
      </c>
      <c r="M40" s="116">
        <v>122732284</v>
      </c>
      <c r="N40" s="110">
        <v>325561</v>
      </c>
      <c r="O40" s="114">
        <v>968489</v>
      </c>
      <c r="P40" s="113">
        <v>1294050</v>
      </c>
      <c r="Q40" s="110">
        <v>0</v>
      </c>
      <c r="R40" s="114">
        <v>7648168</v>
      </c>
      <c r="S40" s="114">
        <v>6145863</v>
      </c>
      <c r="T40" s="114">
        <v>6952485</v>
      </c>
      <c r="U40" s="114">
        <v>7814866</v>
      </c>
      <c r="V40" s="114">
        <v>5182842</v>
      </c>
      <c r="W40" s="113">
        <v>33744224</v>
      </c>
      <c r="X40" s="116">
        <v>35038274</v>
      </c>
      <c r="Y40" s="110">
        <v>0</v>
      </c>
      <c r="Z40" s="114">
        <v>0</v>
      </c>
      <c r="AA40" s="113">
        <v>0</v>
      </c>
      <c r="AB40" s="110">
        <v>0</v>
      </c>
      <c r="AC40" s="114">
        <v>3659306</v>
      </c>
      <c r="AD40" s="114">
        <v>2852525</v>
      </c>
      <c r="AE40" s="114">
        <v>4406533</v>
      </c>
      <c r="AF40" s="114">
        <v>4572076</v>
      </c>
      <c r="AG40" s="114">
        <v>2654917</v>
      </c>
      <c r="AH40" s="113">
        <v>18145357</v>
      </c>
      <c r="AI40" s="116">
        <v>18145357</v>
      </c>
      <c r="AJ40" s="110">
        <v>0</v>
      </c>
      <c r="AK40" s="114">
        <v>0</v>
      </c>
      <c r="AL40" s="113">
        <v>0</v>
      </c>
      <c r="AM40" s="110">
        <v>0</v>
      </c>
      <c r="AN40" s="114">
        <v>35820</v>
      </c>
      <c r="AO40" s="114">
        <v>377028</v>
      </c>
      <c r="AP40" s="114">
        <v>189423</v>
      </c>
      <c r="AQ40" s="114">
        <v>641121</v>
      </c>
      <c r="AR40" s="114">
        <v>820739</v>
      </c>
      <c r="AS40" s="113">
        <v>2064131</v>
      </c>
      <c r="AT40" s="116">
        <v>2064131</v>
      </c>
      <c r="AU40" s="110">
        <v>65254</v>
      </c>
      <c r="AV40" s="114">
        <v>365695</v>
      </c>
      <c r="AW40" s="113">
        <v>430949</v>
      </c>
      <c r="AX40" s="110">
        <v>0</v>
      </c>
      <c r="AY40" s="114">
        <v>1981337</v>
      </c>
      <c r="AZ40" s="114">
        <v>1453473</v>
      </c>
      <c r="BA40" s="114">
        <v>1120767</v>
      </c>
      <c r="BB40" s="114">
        <v>940848</v>
      </c>
      <c r="BC40" s="114">
        <v>1045105</v>
      </c>
      <c r="BD40" s="113">
        <v>6541530</v>
      </c>
      <c r="BE40" s="116">
        <v>6972479</v>
      </c>
      <c r="BF40" s="110">
        <v>47932</v>
      </c>
      <c r="BG40" s="114">
        <v>289327</v>
      </c>
      <c r="BH40" s="112">
        <v>337259</v>
      </c>
      <c r="BI40" s="111">
        <v>0</v>
      </c>
      <c r="BJ40" s="114">
        <v>749046</v>
      </c>
      <c r="BK40" s="114">
        <v>486621</v>
      </c>
      <c r="BL40" s="114">
        <v>239611</v>
      </c>
      <c r="BM40" s="114">
        <v>444303</v>
      </c>
      <c r="BN40" s="114">
        <v>99499</v>
      </c>
      <c r="BO40" s="113">
        <v>2019080</v>
      </c>
      <c r="BP40" s="116">
        <v>2356339</v>
      </c>
      <c r="BQ40" s="110">
        <v>212375</v>
      </c>
      <c r="BR40" s="114">
        <v>313467</v>
      </c>
      <c r="BS40" s="113">
        <v>525842</v>
      </c>
      <c r="BT40" s="110">
        <v>0</v>
      </c>
      <c r="BU40" s="114">
        <v>1222659</v>
      </c>
      <c r="BV40" s="114">
        <v>976216</v>
      </c>
      <c r="BW40" s="114">
        <v>996151</v>
      </c>
      <c r="BX40" s="114">
        <v>1216518</v>
      </c>
      <c r="BY40" s="114">
        <v>562582</v>
      </c>
      <c r="BZ40" s="113">
        <v>4974126</v>
      </c>
      <c r="CA40" s="116">
        <v>5499968</v>
      </c>
      <c r="CB40" s="110">
        <v>204193</v>
      </c>
      <c r="CC40" s="114">
        <v>815033</v>
      </c>
      <c r="CD40" s="113">
        <v>1019226</v>
      </c>
      <c r="CE40" s="110">
        <v>0</v>
      </c>
      <c r="CF40" s="114">
        <v>12337699</v>
      </c>
      <c r="CG40" s="114">
        <v>8758991</v>
      </c>
      <c r="CH40" s="114">
        <v>5385175</v>
      </c>
      <c r="CI40" s="114">
        <v>5066330</v>
      </c>
      <c r="CJ40" s="114">
        <v>2254124</v>
      </c>
      <c r="CK40" s="113">
        <v>33802319</v>
      </c>
      <c r="CL40" s="116">
        <v>34821545</v>
      </c>
      <c r="CM40" s="110">
        <v>0</v>
      </c>
      <c r="CN40" s="114">
        <v>0</v>
      </c>
      <c r="CO40" s="113">
        <v>0</v>
      </c>
      <c r="CP40" s="111">
        <v>0</v>
      </c>
      <c r="CQ40" s="114">
        <v>8783601</v>
      </c>
      <c r="CR40" s="114">
        <v>6829126</v>
      </c>
      <c r="CS40" s="114">
        <v>4561846</v>
      </c>
      <c r="CT40" s="114">
        <v>3717597</v>
      </c>
      <c r="CU40" s="114">
        <v>2203400</v>
      </c>
      <c r="CV40" s="113">
        <v>26095570</v>
      </c>
      <c r="CW40" s="116">
        <v>26095570</v>
      </c>
      <c r="CX40" s="110">
        <v>204193</v>
      </c>
      <c r="CY40" s="114">
        <v>815033</v>
      </c>
      <c r="CZ40" s="113">
        <v>1019226</v>
      </c>
      <c r="DA40" s="110">
        <v>0</v>
      </c>
      <c r="DB40" s="114">
        <v>3554098</v>
      </c>
      <c r="DC40" s="114">
        <v>1929865</v>
      </c>
      <c r="DD40" s="114">
        <v>823329</v>
      </c>
      <c r="DE40" s="114">
        <v>1348733</v>
      </c>
      <c r="DF40" s="114">
        <v>50724</v>
      </c>
      <c r="DG40" s="113">
        <v>7706749</v>
      </c>
      <c r="DH40" s="116">
        <v>8725975</v>
      </c>
      <c r="DI40" s="110">
        <v>19264</v>
      </c>
      <c r="DJ40" s="114">
        <v>0</v>
      </c>
      <c r="DK40" s="112">
        <v>19264</v>
      </c>
      <c r="DL40" s="111">
        <v>0</v>
      </c>
      <c r="DM40" s="114">
        <v>1611797</v>
      </c>
      <c r="DN40" s="114">
        <v>573412</v>
      </c>
      <c r="DO40" s="114">
        <v>735489</v>
      </c>
      <c r="DP40" s="114">
        <v>1595948</v>
      </c>
      <c r="DQ40" s="114">
        <v>516564</v>
      </c>
      <c r="DR40" s="113">
        <v>5033210</v>
      </c>
      <c r="DS40" s="116">
        <v>5052474</v>
      </c>
      <c r="DT40" s="110">
        <v>19264</v>
      </c>
      <c r="DU40" s="114">
        <v>0</v>
      </c>
      <c r="DV40" s="113">
        <v>19264</v>
      </c>
      <c r="DW40" s="110">
        <v>0</v>
      </c>
      <c r="DX40" s="114">
        <v>1313410</v>
      </c>
      <c r="DY40" s="114">
        <v>538816</v>
      </c>
      <c r="DZ40" s="114">
        <v>660843</v>
      </c>
      <c r="EA40" s="114">
        <v>1398731</v>
      </c>
      <c r="EB40" s="114">
        <v>516564</v>
      </c>
      <c r="EC40" s="113">
        <v>4428364</v>
      </c>
      <c r="ED40" s="116">
        <v>4447628</v>
      </c>
      <c r="EE40" s="110">
        <v>0</v>
      </c>
      <c r="EF40" s="112">
        <v>0</v>
      </c>
      <c r="EG40" s="113">
        <v>0</v>
      </c>
      <c r="EH40" s="110">
        <v>0</v>
      </c>
      <c r="EI40" s="114">
        <v>298387</v>
      </c>
      <c r="EJ40" s="114">
        <v>34596</v>
      </c>
      <c r="EK40" s="114">
        <v>74646</v>
      </c>
      <c r="EL40" s="114">
        <v>197217</v>
      </c>
      <c r="EM40" s="114">
        <v>0</v>
      </c>
      <c r="EN40" s="112">
        <v>604846</v>
      </c>
      <c r="EO40" s="116">
        <v>604846</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5"/>
      <c r="FE40" s="114">
        <v>0</v>
      </c>
      <c r="FF40" s="114">
        <v>0</v>
      </c>
      <c r="FG40" s="114">
        <v>0</v>
      </c>
      <c r="FH40" s="114">
        <v>0</v>
      </c>
      <c r="FI40" s="114">
        <v>0</v>
      </c>
      <c r="FJ40" s="113">
        <v>0</v>
      </c>
      <c r="FK40" s="116">
        <v>0</v>
      </c>
      <c r="FL40" s="110">
        <v>326689</v>
      </c>
      <c r="FM40" s="114">
        <v>745006</v>
      </c>
      <c r="FN40" s="113">
        <v>1071695</v>
      </c>
      <c r="FO40" s="110">
        <v>0</v>
      </c>
      <c r="FP40" s="114">
        <v>1645498</v>
      </c>
      <c r="FQ40" s="114">
        <v>2346288</v>
      </c>
      <c r="FR40" s="114">
        <v>1446569</v>
      </c>
      <c r="FS40" s="114">
        <v>1668401</v>
      </c>
      <c r="FT40" s="114">
        <v>831533</v>
      </c>
      <c r="FU40" s="113">
        <v>7938289</v>
      </c>
      <c r="FV40" s="116">
        <v>9009984</v>
      </c>
      <c r="FW40" s="115">
        <v>220433</v>
      </c>
      <c r="FX40" s="114">
        <v>466124</v>
      </c>
      <c r="FY40" s="112">
        <v>686557</v>
      </c>
      <c r="FZ40" s="111">
        <v>0</v>
      </c>
      <c r="GA40" s="114">
        <v>1216069</v>
      </c>
      <c r="GB40" s="114">
        <v>1933028</v>
      </c>
      <c r="GC40" s="114">
        <v>1378259</v>
      </c>
      <c r="GD40" s="114">
        <v>1419011</v>
      </c>
      <c r="GE40" s="114">
        <v>790943</v>
      </c>
      <c r="GF40" s="113">
        <v>6737310</v>
      </c>
      <c r="GG40" s="316">
        <v>7423867</v>
      </c>
      <c r="GH40" s="115">
        <v>74576</v>
      </c>
      <c r="GI40" s="114">
        <v>18417</v>
      </c>
      <c r="GJ40" s="112">
        <v>92993</v>
      </c>
      <c r="GK40" s="111">
        <v>0</v>
      </c>
      <c r="GL40" s="114">
        <v>122935</v>
      </c>
      <c r="GM40" s="114">
        <v>27720</v>
      </c>
      <c r="GN40" s="114">
        <v>68310</v>
      </c>
      <c r="GO40" s="114">
        <v>90000</v>
      </c>
      <c r="GP40" s="114">
        <v>40590</v>
      </c>
      <c r="GQ40" s="113">
        <v>349555</v>
      </c>
      <c r="GR40" s="116">
        <v>442548</v>
      </c>
      <c r="GS40" s="110">
        <v>31680</v>
      </c>
      <c r="GT40" s="114">
        <v>260465</v>
      </c>
      <c r="GU40" s="113">
        <v>292145</v>
      </c>
      <c r="GV40" s="110">
        <v>0</v>
      </c>
      <c r="GW40" s="114">
        <v>306494</v>
      </c>
      <c r="GX40" s="114">
        <v>385540</v>
      </c>
      <c r="GY40" s="114">
        <v>0</v>
      </c>
      <c r="GZ40" s="114">
        <v>159390</v>
      </c>
      <c r="HA40" s="114">
        <v>0</v>
      </c>
      <c r="HB40" s="112">
        <v>851424</v>
      </c>
      <c r="HC40" s="116">
        <v>1143569</v>
      </c>
      <c r="HD40" s="110">
        <v>932583</v>
      </c>
      <c r="HE40" s="114">
        <v>1286515</v>
      </c>
      <c r="HF40" s="112">
        <v>2219098</v>
      </c>
      <c r="HG40" s="111">
        <v>0</v>
      </c>
      <c r="HH40" s="114">
        <v>6900472</v>
      </c>
      <c r="HI40" s="114">
        <v>3735787</v>
      </c>
      <c r="HJ40" s="114">
        <v>5106967</v>
      </c>
      <c r="HK40" s="114">
        <v>7649920</v>
      </c>
      <c r="HL40" s="114">
        <v>1927843</v>
      </c>
      <c r="HM40" s="113">
        <v>25320989</v>
      </c>
      <c r="HN40" s="109">
        <v>27540087</v>
      </c>
      <c r="HO40" s="115">
        <v>254770</v>
      </c>
      <c r="HP40" s="114">
        <v>451869</v>
      </c>
      <c r="HQ40" s="113">
        <v>706639</v>
      </c>
      <c r="HR40" s="110">
        <v>0</v>
      </c>
      <c r="HS40" s="114">
        <v>4462302</v>
      </c>
      <c r="HT40" s="114">
        <v>2453767</v>
      </c>
      <c r="HU40" s="114">
        <v>1598526</v>
      </c>
      <c r="HV40" s="114">
        <v>1433180</v>
      </c>
      <c r="HW40" s="114">
        <v>615506</v>
      </c>
      <c r="HX40" s="112">
        <v>10563281</v>
      </c>
      <c r="HY40" s="116">
        <v>11269920</v>
      </c>
      <c r="HZ40" s="150">
        <v>133623</v>
      </c>
      <c r="IA40" s="135">
        <v>302058</v>
      </c>
      <c r="IB40" s="150">
        <v>435681</v>
      </c>
      <c r="IC40" s="146">
        <v>0</v>
      </c>
      <c r="ID40" s="132">
        <v>6131384</v>
      </c>
      <c r="IE40" s="147">
        <v>6746844</v>
      </c>
      <c r="IF40" s="133">
        <v>4952251</v>
      </c>
      <c r="IG40" s="132">
        <v>6286645</v>
      </c>
      <c r="IH40" s="133">
        <v>3279528</v>
      </c>
      <c r="II40" s="148">
        <v>27396652</v>
      </c>
      <c r="IJ40" s="150">
        <v>27832333</v>
      </c>
      <c r="IK40" s="232">
        <v>0</v>
      </c>
      <c r="IL40" s="236">
        <v>0</v>
      </c>
      <c r="IM40" s="237">
        <v>0</v>
      </c>
      <c r="IN40" s="140"/>
      <c r="IO40" s="119">
        <v>0</v>
      </c>
      <c r="IP40" s="119">
        <v>0</v>
      </c>
      <c r="IQ40" s="119">
        <v>120344</v>
      </c>
      <c r="IR40" s="119">
        <v>230238</v>
      </c>
      <c r="IS40" s="119">
        <v>0</v>
      </c>
      <c r="IT40" s="141">
        <v>350582</v>
      </c>
      <c r="IU40" s="318">
        <v>350582</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631249</v>
      </c>
      <c r="JL40" s="119">
        <v>2242146</v>
      </c>
      <c r="JM40" s="119">
        <v>738680</v>
      </c>
      <c r="JN40" s="119">
        <v>1985396</v>
      </c>
      <c r="JO40" s="119">
        <v>973746</v>
      </c>
      <c r="JP40" s="120">
        <v>7571217</v>
      </c>
      <c r="JQ40" s="318">
        <v>7571217</v>
      </c>
      <c r="JR40" s="142">
        <v>0</v>
      </c>
      <c r="JS40" s="119">
        <v>0</v>
      </c>
      <c r="JT40" s="141">
        <v>0</v>
      </c>
      <c r="JU40" s="118">
        <v>0</v>
      </c>
      <c r="JV40" s="119">
        <v>0</v>
      </c>
      <c r="JW40" s="119">
        <v>0</v>
      </c>
      <c r="JX40" s="119">
        <v>0</v>
      </c>
      <c r="JY40" s="119">
        <v>0</v>
      </c>
      <c r="JZ40" s="119">
        <v>0</v>
      </c>
      <c r="KA40" s="120">
        <v>0</v>
      </c>
      <c r="KB40" s="318">
        <v>0</v>
      </c>
      <c r="KC40" s="234">
        <v>133623</v>
      </c>
      <c r="KD40" s="230">
        <v>81315</v>
      </c>
      <c r="KE40" s="120">
        <v>214938</v>
      </c>
      <c r="KF40" s="118">
        <v>0</v>
      </c>
      <c r="KG40" s="119">
        <v>1638405</v>
      </c>
      <c r="KH40" s="119">
        <v>992356</v>
      </c>
      <c r="KI40" s="119">
        <v>1339155</v>
      </c>
      <c r="KJ40" s="119">
        <v>602190</v>
      </c>
      <c r="KK40" s="119">
        <v>616176</v>
      </c>
      <c r="KL40" s="120">
        <v>5188282</v>
      </c>
      <c r="KM40" s="143">
        <v>5403220</v>
      </c>
      <c r="KN40" s="232">
        <v>0</v>
      </c>
      <c r="KO40" s="236">
        <v>220743</v>
      </c>
      <c r="KP40" s="237">
        <v>220743</v>
      </c>
      <c r="KQ40" s="140"/>
      <c r="KR40" s="119">
        <v>2861730</v>
      </c>
      <c r="KS40" s="119">
        <v>3512342</v>
      </c>
      <c r="KT40" s="119">
        <v>2754072</v>
      </c>
      <c r="KU40" s="119">
        <v>3468821</v>
      </c>
      <c r="KV40" s="119">
        <v>1689606</v>
      </c>
      <c r="KW40" s="120">
        <v>14286571</v>
      </c>
      <c r="KX40" s="318">
        <v>14507314</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18">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7113997</v>
      </c>
      <c r="MK40" s="119">
        <v>8089410</v>
      </c>
      <c r="ML40" s="119">
        <v>14053909</v>
      </c>
      <c r="MM40" s="119">
        <v>18547653</v>
      </c>
      <c r="MN40" s="119">
        <v>14616245</v>
      </c>
      <c r="MO40" s="120">
        <v>62421214</v>
      </c>
      <c r="MP40" s="143">
        <v>62421214</v>
      </c>
      <c r="MQ40" s="142">
        <v>0</v>
      </c>
      <c r="MR40" s="119">
        <v>0</v>
      </c>
      <c r="MS40" s="120">
        <v>0</v>
      </c>
      <c r="MT40" s="145"/>
      <c r="MU40" s="119">
        <v>201996</v>
      </c>
      <c r="MV40" s="119">
        <v>476964</v>
      </c>
      <c r="MW40" s="119">
        <v>6339089</v>
      </c>
      <c r="MX40" s="119">
        <v>12276174</v>
      </c>
      <c r="MY40" s="119">
        <v>8673128</v>
      </c>
      <c r="MZ40" s="120">
        <v>27967351</v>
      </c>
      <c r="NA40" s="143">
        <v>27967351</v>
      </c>
      <c r="NB40" s="142">
        <v>0</v>
      </c>
      <c r="NC40" s="119">
        <v>0</v>
      </c>
      <c r="ND40" s="120">
        <v>0</v>
      </c>
      <c r="NE40" s="145"/>
      <c r="NF40" s="119">
        <v>6215833</v>
      </c>
      <c r="NG40" s="119">
        <v>7098213</v>
      </c>
      <c r="NH40" s="119">
        <v>6533318</v>
      </c>
      <c r="NI40" s="119">
        <v>3843162</v>
      </c>
      <c r="NJ40" s="119">
        <v>3022813</v>
      </c>
      <c r="NK40" s="120">
        <v>26713339</v>
      </c>
      <c r="NL40" s="318">
        <v>26713339</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696168</v>
      </c>
      <c r="OC40" s="119">
        <v>514233</v>
      </c>
      <c r="OD40" s="119">
        <v>1181502</v>
      </c>
      <c r="OE40" s="119">
        <v>2428317</v>
      </c>
      <c r="OF40" s="119">
        <v>2920304</v>
      </c>
      <c r="OG40" s="120">
        <v>7740524</v>
      </c>
      <c r="OH40" s="121">
        <v>7740524</v>
      </c>
      <c r="OI40" s="142">
        <v>2196683</v>
      </c>
      <c r="OJ40" s="119">
        <v>4568970</v>
      </c>
      <c r="OK40" s="141">
        <v>6765653</v>
      </c>
      <c r="OL40" s="118">
        <v>0</v>
      </c>
      <c r="OM40" s="119">
        <v>47851317</v>
      </c>
      <c r="ON40" s="119">
        <v>38850362</v>
      </c>
      <c r="OO40" s="119">
        <v>40231371</v>
      </c>
      <c r="OP40" s="119">
        <v>50062943</v>
      </c>
      <c r="OQ40" s="119">
        <v>29224185</v>
      </c>
      <c r="OR40" s="120">
        <v>206220178</v>
      </c>
      <c r="OS40" s="143">
        <v>212985831</v>
      </c>
    </row>
    <row r="41" spans="2:409" ht="21" customHeight="1" x14ac:dyDescent="0.2">
      <c r="B41" s="62" t="s">
        <v>36</v>
      </c>
      <c r="C41" s="110">
        <v>1116364</v>
      </c>
      <c r="D41" s="114">
        <v>2900834</v>
      </c>
      <c r="E41" s="113">
        <v>4017198</v>
      </c>
      <c r="F41" s="109">
        <v>0</v>
      </c>
      <c r="G41" s="114">
        <v>22504612</v>
      </c>
      <c r="H41" s="114">
        <v>29083099</v>
      </c>
      <c r="I41" s="114">
        <v>22361160</v>
      </c>
      <c r="J41" s="114">
        <v>22549350</v>
      </c>
      <c r="K41" s="114">
        <v>16242905</v>
      </c>
      <c r="L41" s="173">
        <v>112741126</v>
      </c>
      <c r="M41" s="116">
        <v>116758324</v>
      </c>
      <c r="N41" s="110">
        <v>446761</v>
      </c>
      <c r="O41" s="114">
        <v>935076</v>
      </c>
      <c r="P41" s="113">
        <v>1381837</v>
      </c>
      <c r="Q41" s="110">
        <v>0</v>
      </c>
      <c r="R41" s="114">
        <v>6276941</v>
      </c>
      <c r="S41" s="114">
        <v>8539681</v>
      </c>
      <c r="T41" s="114">
        <v>6752018</v>
      </c>
      <c r="U41" s="114">
        <v>9239925</v>
      </c>
      <c r="V41" s="114">
        <v>8931559</v>
      </c>
      <c r="W41" s="113">
        <v>39740124</v>
      </c>
      <c r="X41" s="116">
        <v>41121961</v>
      </c>
      <c r="Y41" s="110">
        <v>0</v>
      </c>
      <c r="Z41" s="114">
        <v>0</v>
      </c>
      <c r="AA41" s="113">
        <v>0</v>
      </c>
      <c r="AB41" s="110">
        <v>0</v>
      </c>
      <c r="AC41" s="114">
        <v>2514070</v>
      </c>
      <c r="AD41" s="114">
        <v>4307924</v>
      </c>
      <c r="AE41" s="114">
        <v>4075097</v>
      </c>
      <c r="AF41" s="114">
        <v>5353040</v>
      </c>
      <c r="AG41" s="114">
        <v>5202661</v>
      </c>
      <c r="AH41" s="113">
        <v>21452792</v>
      </c>
      <c r="AI41" s="116">
        <v>21452792</v>
      </c>
      <c r="AJ41" s="110">
        <v>0</v>
      </c>
      <c r="AK41" s="114">
        <v>0</v>
      </c>
      <c r="AL41" s="113">
        <v>0</v>
      </c>
      <c r="AM41" s="110">
        <v>0</v>
      </c>
      <c r="AN41" s="114">
        <v>292163</v>
      </c>
      <c r="AO41" s="114">
        <v>490278</v>
      </c>
      <c r="AP41" s="114">
        <v>354793</v>
      </c>
      <c r="AQ41" s="114">
        <v>382688</v>
      </c>
      <c r="AR41" s="114">
        <v>774074</v>
      </c>
      <c r="AS41" s="113">
        <v>2293996</v>
      </c>
      <c r="AT41" s="116">
        <v>2293996</v>
      </c>
      <c r="AU41" s="110">
        <v>315318</v>
      </c>
      <c r="AV41" s="114">
        <v>584926</v>
      </c>
      <c r="AW41" s="113">
        <v>900244</v>
      </c>
      <c r="AX41" s="110">
        <v>0</v>
      </c>
      <c r="AY41" s="114">
        <v>2517931</v>
      </c>
      <c r="AZ41" s="114">
        <v>2377799</v>
      </c>
      <c r="BA41" s="114">
        <v>1347787</v>
      </c>
      <c r="BB41" s="114">
        <v>2334569</v>
      </c>
      <c r="BC41" s="114">
        <v>1979615</v>
      </c>
      <c r="BD41" s="113">
        <v>10557701</v>
      </c>
      <c r="BE41" s="116">
        <v>11457945</v>
      </c>
      <c r="BF41" s="110">
        <v>87541</v>
      </c>
      <c r="BG41" s="114">
        <v>250160</v>
      </c>
      <c r="BH41" s="112">
        <v>337701</v>
      </c>
      <c r="BI41" s="111">
        <v>0</v>
      </c>
      <c r="BJ41" s="114">
        <v>511899</v>
      </c>
      <c r="BK41" s="114">
        <v>457152</v>
      </c>
      <c r="BL41" s="114">
        <v>129510</v>
      </c>
      <c r="BM41" s="114">
        <v>246542</v>
      </c>
      <c r="BN41" s="114">
        <v>226831</v>
      </c>
      <c r="BO41" s="113">
        <v>1571934</v>
      </c>
      <c r="BP41" s="116">
        <v>1909635</v>
      </c>
      <c r="BQ41" s="110">
        <v>43902</v>
      </c>
      <c r="BR41" s="114">
        <v>99990</v>
      </c>
      <c r="BS41" s="113">
        <v>143892</v>
      </c>
      <c r="BT41" s="110">
        <v>0</v>
      </c>
      <c r="BU41" s="114">
        <v>440878</v>
      </c>
      <c r="BV41" s="114">
        <v>906528</v>
      </c>
      <c r="BW41" s="114">
        <v>844831</v>
      </c>
      <c r="BX41" s="114">
        <v>923086</v>
      </c>
      <c r="BY41" s="114">
        <v>748378</v>
      </c>
      <c r="BZ41" s="113">
        <v>3863701</v>
      </c>
      <c r="CA41" s="116">
        <v>4007593</v>
      </c>
      <c r="CB41" s="110">
        <v>94429</v>
      </c>
      <c r="CC41" s="114">
        <v>336118</v>
      </c>
      <c r="CD41" s="113">
        <v>430547</v>
      </c>
      <c r="CE41" s="110">
        <v>0</v>
      </c>
      <c r="CF41" s="114">
        <v>7274483</v>
      </c>
      <c r="CG41" s="114">
        <v>10326892</v>
      </c>
      <c r="CH41" s="114">
        <v>6006508</v>
      </c>
      <c r="CI41" s="114">
        <v>4228931</v>
      </c>
      <c r="CJ41" s="114">
        <v>2274191</v>
      </c>
      <c r="CK41" s="113">
        <v>30111005</v>
      </c>
      <c r="CL41" s="116">
        <v>30541552</v>
      </c>
      <c r="CM41" s="110">
        <v>0</v>
      </c>
      <c r="CN41" s="114">
        <v>0</v>
      </c>
      <c r="CO41" s="113">
        <v>0</v>
      </c>
      <c r="CP41" s="111">
        <v>0</v>
      </c>
      <c r="CQ41" s="114">
        <v>5699347</v>
      </c>
      <c r="CR41" s="114">
        <v>8353147</v>
      </c>
      <c r="CS41" s="114">
        <v>4722660</v>
      </c>
      <c r="CT41" s="114">
        <v>3683137</v>
      </c>
      <c r="CU41" s="114">
        <v>1973141</v>
      </c>
      <c r="CV41" s="113">
        <v>24431432</v>
      </c>
      <c r="CW41" s="116">
        <v>24431432</v>
      </c>
      <c r="CX41" s="110">
        <v>94429</v>
      </c>
      <c r="CY41" s="114">
        <v>336118</v>
      </c>
      <c r="CZ41" s="113">
        <v>430547</v>
      </c>
      <c r="DA41" s="110">
        <v>0</v>
      </c>
      <c r="DB41" s="114">
        <v>1575136</v>
      </c>
      <c r="DC41" s="114">
        <v>1973745</v>
      </c>
      <c r="DD41" s="114">
        <v>1283848</v>
      </c>
      <c r="DE41" s="114">
        <v>545794</v>
      </c>
      <c r="DF41" s="114">
        <v>301050</v>
      </c>
      <c r="DG41" s="113">
        <v>5679573</v>
      </c>
      <c r="DH41" s="116">
        <v>6110120</v>
      </c>
      <c r="DI41" s="110">
        <v>0</v>
      </c>
      <c r="DJ41" s="114">
        <v>0</v>
      </c>
      <c r="DK41" s="112">
        <v>0</v>
      </c>
      <c r="DL41" s="111">
        <v>0</v>
      </c>
      <c r="DM41" s="114">
        <v>1404457</v>
      </c>
      <c r="DN41" s="114">
        <v>1860040</v>
      </c>
      <c r="DO41" s="114">
        <v>2483111</v>
      </c>
      <c r="DP41" s="114">
        <v>2906894</v>
      </c>
      <c r="DQ41" s="114">
        <v>1981990</v>
      </c>
      <c r="DR41" s="113">
        <v>10636492</v>
      </c>
      <c r="DS41" s="116">
        <v>10636492</v>
      </c>
      <c r="DT41" s="110">
        <v>0</v>
      </c>
      <c r="DU41" s="114">
        <v>0</v>
      </c>
      <c r="DV41" s="113">
        <v>0</v>
      </c>
      <c r="DW41" s="110">
        <v>0</v>
      </c>
      <c r="DX41" s="114">
        <v>1347125</v>
      </c>
      <c r="DY41" s="114">
        <v>1721120</v>
      </c>
      <c r="DZ41" s="114">
        <v>2483111</v>
      </c>
      <c r="EA41" s="114">
        <v>2884071</v>
      </c>
      <c r="EB41" s="114">
        <v>1981990</v>
      </c>
      <c r="EC41" s="113">
        <v>10417417</v>
      </c>
      <c r="ED41" s="116">
        <v>10417417</v>
      </c>
      <c r="EE41" s="110">
        <v>0</v>
      </c>
      <c r="EF41" s="112">
        <v>0</v>
      </c>
      <c r="EG41" s="113">
        <v>0</v>
      </c>
      <c r="EH41" s="110">
        <v>0</v>
      </c>
      <c r="EI41" s="114">
        <v>57332</v>
      </c>
      <c r="EJ41" s="114">
        <v>138920</v>
      </c>
      <c r="EK41" s="114">
        <v>0</v>
      </c>
      <c r="EL41" s="114">
        <v>22823</v>
      </c>
      <c r="EM41" s="114">
        <v>0</v>
      </c>
      <c r="EN41" s="112">
        <v>219075</v>
      </c>
      <c r="EO41" s="116">
        <v>219075</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5"/>
      <c r="FE41" s="114">
        <v>0</v>
      </c>
      <c r="FF41" s="114">
        <v>0</v>
      </c>
      <c r="FG41" s="114">
        <v>0</v>
      </c>
      <c r="FH41" s="114">
        <v>0</v>
      </c>
      <c r="FI41" s="114">
        <v>0</v>
      </c>
      <c r="FJ41" s="113">
        <v>0</v>
      </c>
      <c r="FK41" s="116">
        <v>0</v>
      </c>
      <c r="FL41" s="110">
        <v>222903</v>
      </c>
      <c r="FM41" s="114">
        <v>965741</v>
      </c>
      <c r="FN41" s="113">
        <v>1188644</v>
      </c>
      <c r="FO41" s="110">
        <v>0</v>
      </c>
      <c r="FP41" s="114">
        <v>2089086</v>
      </c>
      <c r="FQ41" s="114">
        <v>2894354</v>
      </c>
      <c r="FR41" s="114">
        <v>1327280</v>
      </c>
      <c r="FS41" s="114">
        <v>2009672</v>
      </c>
      <c r="FT41" s="114">
        <v>1170171</v>
      </c>
      <c r="FU41" s="113">
        <v>9490563</v>
      </c>
      <c r="FV41" s="116">
        <v>10679207</v>
      </c>
      <c r="FW41" s="115">
        <v>222903</v>
      </c>
      <c r="FX41" s="114">
        <v>697951</v>
      </c>
      <c r="FY41" s="112">
        <v>920854</v>
      </c>
      <c r="FZ41" s="111">
        <v>0</v>
      </c>
      <c r="GA41" s="114">
        <v>1671486</v>
      </c>
      <c r="GB41" s="114">
        <v>2523671</v>
      </c>
      <c r="GC41" s="114">
        <v>1198580</v>
      </c>
      <c r="GD41" s="114">
        <v>1660892</v>
      </c>
      <c r="GE41" s="114">
        <v>1151876</v>
      </c>
      <c r="GF41" s="113">
        <v>8206505</v>
      </c>
      <c r="GG41" s="316">
        <v>9127359</v>
      </c>
      <c r="GH41" s="115">
        <v>0</v>
      </c>
      <c r="GI41" s="114">
        <v>27000</v>
      </c>
      <c r="GJ41" s="112">
        <v>27000</v>
      </c>
      <c r="GK41" s="111">
        <v>0</v>
      </c>
      <c r="GL41" s="114">
        <v>27000</v>
      </c>
      <c r="GM41" s="114">
        <v>76428</v>
      </c>
      <c r="GN41" s="114">
        <v>0</v>
      </c>
      <c r="GO41" s="114">
        <v>46350</v>
      </c>
      <c r="GP41" s="114">
        <v>18295</v>
      </c>
      <c r="GQ41" s="113">
        <v>168073</v>
      </c>
      <c r="GR41" s="116">
        <v>195073</v>
      </c>
      <c r="GS41" s="110">
        <v>0</v>
      </c>
      <c r="GT41" s="114">
        <v>240790</v>
      </c>
      <c r="GU41" s="113">
        <v>240790</v>
      </c>
      <c r="GV41" s="110">
        <v>0</v>
      </c>
      <c r="GW41" s="114">
        <v>390600</v>
      </c>
      <c r="GX41" s="114">
        <v>294255</v>
      </c>
      <c r="GY41" s="114">
        <v>128700</v>
      </c>
      <c r="GZ41" s="114">
        <v>302430</v>
      </c>
      <c r="HA41" s="114">
        <v>0</v>
      </c>
      <c r="HB41" s="112">
        <v>1115985</v>
      </c>
      <c r="HC41" s="116">
        <v>1356775</v>
      </c>
      <c r="HD41" s="110">
        <v>127024</v>
      </c>
      <c r="HE41" s="114">
        <v>104273</v>
      </c>
      <c r="HF41" s="112">
        <v>231297</v>
      </c>
      <c r="HG41" s="111">
        <v>0</v>
      </c>
      <c r="HH41" s="114">
        <v>1760028</v>
      </c>
      <c r="HI41" s="114">
        <v>2341453</v>
      </c>
      <c r="HJ41" s="114">
        <v>3940673</v>
      </c>
      <c r="HK41" s="114">
        <v>2543416</v>
      </c>
      <c r="HL41" s="114">
        <v>818736</v>
      </c>
      <c r="HM41" s="113">
        <v>11404306</v>
      </c>
      <c r="HN41" s="109">
        <v>11635603</v>
      </c>
      <c r="HO41" s="115">
        <v>225247</v>
      </c>
      <c r="HP41" s="114">
        <v>559626</v>
      </c>
      <c r="HQ41" s="113">
        <v>784873</v>
      </c>
      <c r="HR41" s="110">
        <v>0</v>
      </c>
      <c r="HS41" s="114">
        <v>3699617</v>
      </c>
      <c r="HT41" s="114">
        <v>3120679</v>
      </c>
      <c r="HU41" s="114">
        <v>1851570</v>
      </c>
      <c r="HV41" s="114">
        <v>1620512</v>
      </c>
      <c r="HW41" s="114">
        <v>1066258</v>
      </c>
      <c r="HX41" s="112">
        <v>11358636</v>
      </c>
      <c r="HY41" s="116">
        <v>12143509</v>
      </c>
      <c r="HZ41" s="131">
        <v>142965</v>
      </c>
      <c r="IA41" s="132">
        <v>170698</v>
      </c>
      <c r="IB41" s="133">
        <v>313663</v>
      </c>
      <c r="IC41" s="146">
        <v>0</v>
      </c>
      <c r="ID41" s="132">
        <v>5768164</v>
      </c>
      <c r="IE41" s="147">
        <v>8645104</v>
      </c>
      <c r="IF41" s="133">
        <v>7524391</v>
      </c>
      <c r="IG41" s="132">
        <v>6802907</v>
      </c>
      <c r="IH41" s="133">
        <v>4487833</v>
      </c>
      <c r="II41" s="148">
        <v>33228399</v>
      </c>
      <c r="IJ41" s="139">
        <v>33542062</v>
      </c>
      <c r="IK41" s="232">
        <v>0</v>
      </c>
      <c r="IL41" s="236">
        <v>0</v>
      </c>
      <c r="IM41" s="237">
        <v>0</v>
      </c>
      <c r="IN41" s="140"/>
      <c r="IO41" s="119">
        <v>0</v>
      </c>
      <c r="IP41" s="119">
        <v>0</v>
      </c>
      <c r="IQ41" s="119">
        <v>0</v>
      </c>
      <c r="IR41" s="119">
        <v>0</v>
      </c>
      <c r="IS41" s="119">
        <v>0</v>
      </c>
      <c r="IT41" s="141">
        <v>0</v>
      </c>
      <c r="IU41" s="318">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639252</v>
      </c>
      <c r="JL41" s="119">
        <v>3071171</v>
      </c>
      <c r="JM41" s="119">
        <v>3308847</v>
      </c>
      <c r="JN41" s="119">
        <v>2778655</v>
      </c>
      <c r="JO41" s="119">
        <v>2277243</v>
      </c>
      <c r="JP41" s="120">
        <v>14075168</v>
      </c>
      <c r="JQ41" s="318">
        <v>14075168</v>
      </c>
      <c r="JR41" s="142">
        <v>0</v>
      </c>
      <c r="JS41" s="119">
        <v>0</v>
      </c>
      <c r="JT41" s="141">
        <v>0</v>
      </c>
      <c r="JU41" s="118">
        <v>0</v>
      </c>
      <c r="JV41" s="119">
        <v>0</v>
      </c>
      <c r="JW41" s="119">
        <v>0</v>
      </c>
      <c r="JX41" s="119">
        <v>0</v>
      </c>
      <c r="JY41" s="119">
        <v>0</v>
      </c>
      <c r="JZ41" s="119">
        <v>0</v>
      </c>
      <c r="KA41" s="120">
        <v>0</v>
      </c>
      <c r="KB41" s="318">
        <v>0</v>
      </c>
      <c r="KC41" s="234">
        <v>142965</v>
      </c>
      <c r="KD41" s="230">
        <v>170698</v>
      </c>
      <c r="KE41" s="120">
        <v>313663</v>
      </c>
      <c r="KF41" s="118">
        <v>0</v>
      </c>
      <c r="KG41" s="119">
        <v>1854067</v>
      </c>
      <c r="KH41" s="119">
        <v>1823523</v>
      </c>
      <c r="KI41" s="119">
        <v>1513712</v>
      </c>
      <c r="KJ41" s="119">
        <v>843401</v>
      </c>
      <c r="KK41" s="119">
        <v>489598</v>
      </c>
      <c r="KL41" s="120">
        <v>6524301</v>
      </c>
      <c r="KM41" s="143">
        <v>6837964</v>
      </c>
      <c r="KN41" s="232">
        <v>0</v>
      </c>
      <c r="KO41" s="236">
        <v>0</v>
      </c>
      <c r="KP41" s="237">
        <v>0</v>
      </c>
      <c r="KQ41" s="140"/>
      <c r="KR41" s="119">
        <v>1274845</v>
      </c>
      <c r="KS41" s="119">
        <v>3750410</v>
      </c>
      <c r="KT41" s="119">
        <v>2701832</v>
      </c>
      <c r="KU41" s="119">
        <v>3180851</v>
      </c>
      <c r="KV41" s="119">
        <v>1720992</v>
      </c>
      <c r="KW41" s="120">
        <v>12628930</v>
      </c>
      <c r="KX41" s="318">
        <v>12628930</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18">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4183164</v>
      </c>
      <c r="MK41" s="119">
        <v>7043157</v>
      </c>
      <c r="ML41" s="119">
        <v>27693052</v>
      </c>
      <c r="MM41" s="119">
        <v>38521081</v>
      </c>
      <c r="MN41" s="119">
        <v>31655157</v>
      </c>
      <c r="MO41" s="120">
        <v>109095611</v>
      </c>
      <c r="MP41" s="143">
        <v>109095611</v>
      </c>
      <c r="MQ41" s="142">
        <v>0</v>
      </c>
      <c r="MR41" s="119">
        <v>0</v>
      </c>
      <c r="MS41" s="120">
        <v>0</v>
      </c>
      <c r="MT41" s="145"/>
      <c r="MU41" s="119">
        <v>0</v>
      </c>
      <c r="MV41" s="119">
        <v>724867</v>
      </c>
      <c r="MW41" s="119">
        <v>16042948</v>
      </c>
      <c r="MX41" s="119">
        <v>22241162</v>
      </c>
      <c r="MY41" s="119">
        <v>24864009</v>
      </c>
      <c r="MZ41" s="120">
        <v>63872986</v>
      </c>
      <c r="NA41" s="143">
        <v>63872986</v>
      </c>
      <c r="NB41" s="142">
        <v>0</v>
      </c>
      <c r="NC41" s="119">
        <v>0</v>
      </c>
      <c r="ND41" s="120">
        <v>0</v>
      </c>
      <c r="NE41" s="145"/>
      <c r="NF41" s="119">
        <v>4183164</v>
      </c>
      <c r="NG41" s="119">
        <v>6318290</v>
      </c>
      <c r="NH41" s="119">
        <v>11650104</v>
      </c>
      <c r="NI41" s="119">
        <v>13811345</v>
      </c>
      <c r="NJ41" s="119">
        <v>6441097</v>
      </c>
      <c r="NK41" s="120">
        <v>42404000</v>
      </c>
      <c r="NL41" s="318">
        <v>42404000</v>
      </c>
      <c r="NM41" s="142">
        <v>0</v>
      </c>
      <c r="NN41" s="119">
        <v>0</v>
      </c>
      <c r="NO41" s="120">
        <v>0</v>
      </c>
      <c r="NP41" s="145"/>
      <c r="NQ41" s="119">
        <v>0</v>
      </c>
      <c r="NR41" s="119">
        <v>0</v>
      </c>
      <c r="NS41" s="119">
        <v>0</v>
      </c>
      <c r="NT41" s="119">
        <v>652464</v>
      </c>
      <c r="NU41" s="119">
        <v>350051</v>
      </c>
      <c r="NV41" s="120">
        <v>1002515</v>
      </c>
      <c r="NW41" s="121">
        <v>1002515</v>
      </c>
      <c r="NX41" s="142">
        <v>0</v>
      </c>
      <c r="NY41" s="119">
        <v>0</v>
      </c>
      <c r="NZ41" s="120">
        <v>0</v>
      </c>
      <c r="OA41" s="145"/>
      <c r="OB41" s="119">
        <v>0</v>
      </c>
      <c r="OC41" s="119">
        <v>0</v>
      </c>
      <c r="OD41" s="119">
        <v>0</v>
      </c>
      <c r="OE41" s="119">
        <v>1816110</v>
      </c>
      <c r="OF41" s="119">
        <v>0</v>
      </c>
      <c r="OG41" s="120">
        <v>1816110</v>
      </c>
      <c r="OH41" s="121">
        <v>1816110</v>
      </c>
      <c r="OI41" s="142">
        <v>1259329</v>
      </c>
      <c r="OJ41" s="119">
        <v>3071532</v>
      </c>
      <c r="OK41" s="141">
        <v>4330861</v>
      </c>
      <c r="OL41" s="118">
        <v>0</v>
      </c>
      <c r="OM41" s="119">
        <v>32455940</v>
      </c>
      <c r="ON41" s="119">
        <v>44771360</v>
      </c>
      <c r="OO41" s="119">
        <v>57578603</v>
      </c>
      <c r="OP41" s="119">
        <v>67873338</v>
      </c>
      <c r="OQ41" s="119">
        <v>52385895</v>
      </c>
      <c r="OR41" s="120">
        <v>255065136</v>
      </c>
      <c r="OS41" s="143">
        <v>259395997</v>
      </c>
    </row>
    <row r="42" spans="2:409" ht="21" customHeight="1" thickBot="1" x14ac:dyDescent="0.25">
      <c r="B42" s="63" t="s">
        <v>37</v>
      </c>
      <c r="C42" s="117">
        <v>257345</v>
      </c>
      <c r="D42" s="178">
        <v>152149</v>
      </c>
      <c r="E42" s="179">
        <v>409494</v>
      </c>
      <c r="F42" s="180">
        <v>0</v>
      </c>
      <c r="G42" s="178">
        <v>1701365</v>
      </c>
      <c r="H42" s="178">
        <v>1531252</v>
      </c>
      <c r="I42" s="178">
        <v>2809765</v>
      </c>
      <c r="J42" s="178">
        <v>2091377</v>
      </c>
      <c r="K42" s="178">
        <v>906235</v>
      </c>
      <c r="L42" s="180">
        <v>9039994</v>
      </c>
      <c r="M42" s="181">
        <v>9449488</v>
      </c>
      <c r="N42" s="117">
        <v>40884</v>
      </c>
      <c r="O42" s="178">
        <v>8780</v>
      </c>
      <c r="P42" s="179">
        <v>49664</v>
      </c>
      <c r="Q42" s="117">
        <v>0</v>
      </c>
      <c r="R42" s="178">
        <v>330592</v>
      </c>
      <c r="S42" s="178">
        <v>422421</v>
      </c>
      <c r="T42" s="178">
        <v>357218</v>
      </c>
      <c r="U42" s="178">
        <v>419452</v>
      </c>
      <c r="V42" s="178">
        <v>429138</v>
      </c>
      <c r="W42" s="179">
        <v>1958821</v>
      </c>
      <c r="X42" s="181">
        <v>2008485</v>
      </c>
      <c r="Y42" s="117">
        <v>0</v>
      </c>
      <c r="Z42" s="178">
        <v>0</v>
      </c>
      <c r="AA42" s="179">
        <v>0</v>
      </c>
      <c r="AB42" s="117">
        <v>0</v>
      </c>
      <c r="AC42" s="178">
        <v>215488</v>
      </c>
      <c r="AD42" s="178">
        <v>265688</v>
      </c>
      <c r="AE42" s="178">
        <v>171643</v>
      </c>
      <c r="AF42" s="178">
        <v>72027</v>
      </c>
      <c r="AG42" s="178">
        <v>355048</v>
      </c>
      <c r="AH42" s="179">
        <v>1079894</v>
      </c>
      <c r="AI42" s="181">
        <v>1079894</v>
      </c>
      <c r="AJ42" s="117">
        <v>0</v>
      </c>
      <c r="AK42" s="178">
        <v>0</v>
      </c>
      <c r="AL42" s="179">
        <v>0</v>
      </c>
      <c r="AM42" s="117">
        <v>0</v>
      </c>
      <c r="AN42" s="178">
        <v>0</v>
      </c>
      <c r="AO42" s="178">
        <v>0</v>
      </c>
      <c r="AP42" s="178">
        <v>0</v>
      </c>
      <c r="AQ42" s="178">
        <v>0</v>
      </c>
      <c r="AR42" s="178">
        <v>0</v>
      </c>
      <c r="AS42" s="179">
        <v>0</v>
      </c>
      <c r="AT42" s="181">
        <v>0</v>
      </c>
      <c r="AU42" s="117">
        <v>31092</v>
      </c>
      <c r="AV42" s="178">
        <v>8780</v>
      </c>
      <c r="AW42" s="179">
        <v>39872</v>
      </c>
      <c r="AX42" s="117">
        <v>0</v>
      </c>
      <c r="AY42" s="178">
        <v>92829</v>
      </c>
      <c r="AZ42" s="178">
        <v>124180</v>
      </c>
      <c r="BA42" s="178">
        <v>67675</v>
      </c>
      <c r="BB42" s="178">
        <v>181247</v>
      </c>
      <c r="BC42" s="178">
        <v>35617</v>
      </c>
      <c r="BD42" s="179">
        <v>501548</v>
      </c>
      <c r="BE42" s="181">
        <v>541420</v>
      </c>
      <c r="BF42" s="117">
        <v>0</v>
      </c>
      <c r="BG42" s="178">
        <v>0</v>
      </c>
      <c r="BH42" s="183">
        <v>0</v>
      </c>
      <c r="BI42" s="182">
        <v>0</v>
      </c>
      <c r="BJ42" s="178">
        <v>0</v>
      </c>
      <c r="BK42" s="178">
        <v>22536</v>
      </c>
      <c r="BL42" s="178">
        <v>0</v>
      </c>
      <c r="BM42" s="178">
        <v>65035</v>
      </c>
      <c r="BN42" s="178">
        <v>0</v>
      </c>
      <c r="BO42" s="179">
        <v>87571</v>
      </c>
      <c r="BP42" s="181">
        <v>87571</v>
      </c>
      <c r="BQ42" s="117">
        <v>9792</v>
      </c>
      <c r="BR42" s="178">
        <v>0</v>
      </c>
      <c r="BS42" s="179">
        <v>9792</v>
      </c>
      <c r="BT42" s="117">
        <v>0</v>
      </c>
      <c r="BU42" s="178">
        <v>22275</v>
      </c>
      <c r="BV42" s="178">
        <v>10017</v>
      </c>
      <c r="BW42" s="178">
        <v>117900</v>
      </c>
      <c r="BX42" s="178">
        <v>101143</v>
      </c>
      <c r="BY42" s="178">
        <v>38473</v>
      </c>
      <c r="BZ42" s="179">
        <v>289808</v>
      </c>
      <c r="CA42" s="181">
        <v>299600</v>
      </c>
      <c r="CB42" s="117">
        <v>67097</v>
      </c>
      <c r="CC42" s="178">
        <v>95459</v>
      </c>
      <c r="CD42" s="179">
        <v>162556</v>
      </c>
      <c r="CE42" s="117">
        <v>0</v>
      </c>
      <c r="CF42" s="178">
        <v>803024</v>
      </c>
      <c r="CG42" s="178">
        <v>456698</v>
      </c>
      <c r="CH42" s="178">
        <v>1204467</v>
      </c>
      <c r="CI42" s="178">
        <v>692619</v>
      </c>
      <c r="CJ42" s="178">
        <v>208441</v>
      </c>
      <c r="CK42" s="179">
        <v>3365249</v>
      </c>
      <c r="CL42" s="181">
        <v>3527805</v>
      </c>
      <c r="CM42" s="117">
        <v>0</v>
      </c>
      <c r="CN42" s="178">
        <v>0</v>
      </c>
      <c r="CO42" s="179">
        <v>0</v>
      </c>
      <c r="CP42" s="182">
        <v>0</v>
      </c>
      <c r="CQ42" s="178">
        <v>448633</v>
      </c>
      <c r="CR42" s="178">
        <v>367398</v>
      </c>
      <c r="CS42" s="178">
        <v>835994</v>
      </c>
      <c r="CT42" s="178">
        <v>270006</v>
      </c>
      <c r="CU42" s="178">
        <v>145409</v>
      </c>
      <c r="CV42" s="179">
        <v>2067440</v>
      </c>
      <c r="CW42" s="181">
        <v>2067440</v>
      </c>
      <c r="CX42" s="117">
        <v>67097</v>
      </c>
      <c r="CY42" s="178">
        <v>95459</v>
      </c>
      <c r="CZ42" s="179">
        <v>162556</v>
      </c>
      <c r="DA42" s="117">
        <v>0</v>
      </c>
      <c r="DB42" s="178">
        <v>354391</v>
      </c>
      <c r="DC42" s="178">
        <v>89300</v>
      </c>
      <c r="DD42" s="178">
        <v>368473</v>
      </c>
      <c r="DE42" s="178">
        <v>422613</v>
      </c>
      <c r="DF42" s="178">
        <v>63032</v>
      </c>
      <c r="DG42" s="179">
        <v>1297809</v>
      </c>
      <c r="DH42" s="181">
        <v>1460365</v>
      </c>
      <c r="DI42" s="117">
        <v>0</v>
      </c>
      <c r="DJ42" s="178">
        <v>0</v>
      </c>
      <c r="DK42" s="183">
        <v>0</v>
      </c>
      <c r="DL42" s="182">
        <v>0</v>
      </c>
      <c r="DM42" s="178">
        <v>0</v>
      </c>
      <c r="DN42" s="178">
        <v>116142</v>
      </c>
      <c r="DO42" s="178">
        <v>563844</v>
      </c>
      <c r="DP42" s="178">
        <v>143768</v>
      </c>
      <c r="DQ42" s="178">
        <v>39589</v>
      </c>
      <c r="DR42" s="179">
        <v>863343</v>
      </c>
      <c r="DS42" s="181">
        <v>863343</v>
      </c>
      <c r="DT42" s="117">
        <v>0</v>
      </c>
      <c r="DU42" s="178">
        <v>0</v>
      </c>
      <c r="DV42" s="179">
        <v>0</v>
      </c>
      <c r="DW42" s="117">
        <v>0</v>
      </c>
      <c r="DX42" s="178">
        <v>0</v>
      </c>
      <c r="DY42" s="178">
        <v>116142</v>
      </c>
      <c r="DZ42" s="178">
        <v>563844</v>
      </c>
      <c r="EA42" s="178">
        <v>94394</v>
      </c>
      <c r="EB42" s="178">
        <v>0</v>
      </c>
      <c r="EC42" s="179">
        <v>774380</v>
      </c>
      <c r="ED42" s="181">
        <v>774380</v>
      </c>
      <c r="EE42" s="117">
        <v>0</v>
      </c>
      <c r="EF42" s="183">
        <v>0</v>
      </c>
      <c r="EG42" s="179">
        <v>0</v>
      </c>
      <c r="EH42" s="117">
        <v>0</v>
      </c>
      <c r="EI42" s="178">
        <v>0</v>
      </c>
      <c r="EJ42" s="178">
        <v>0</v>
      </c>
      <c r="EK42" s="178">
        <v>0</v>
      </c>
      <c r="EL42" s="178">
        <v>49374</v>
      </c>
      <c r="EM42" s="178">
        <v>39589</v>
      </c>
      <c r="EN42" s="183">
        <v>88963</v>
      </c>
      <c r="EO42" s="181">
        <v>88963</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6"/>
      <c r="FE42" s="178">
        <v>0</v>
      </c>
      <c r="FF42" s="178">
        <v>0</v>
      </c>
      <c r="FG42" s="178">
        <v>0</v>
      </c>
      <c r="FH42" s="178">
        <v>0</v>
      </c>
      <c r="FI42" s="178">
        <v>0</v>
      </c>
      <c r="FJ42" s="179">
        <v>0</v>
      </c>
      <c r="FK42" s="181">
        <v>0</v>
      </c>
      <c r="FL42" s="117">
        <v>85482</v>
      </c>
      <c r="FM42" s="178">
        <v>20532</v>
      </c>
      <c r="FN42" s="179">
        <v>106014</v>
      </c>
      <c r="FO42" s="117">
        <v>0</v>
      </c>
      <c r="FP42" s="178">
        <v>157671</v>
      </c>
      <c r="FQ42" s="178">
        <v>271656</v>
      </c>
      <c r="FR42" s="178">
        <v>284778</v>
      </c>
      <c r="FS42" s="178">
        <v>223704</v>
      </c>
      <c r="FT42" s="178">
        <v>101300</v>
      </c>
      <c r="FU42" s="179">
        <v>1039109</v>
      </c>
      <c r="FV42" s="181">
        <v>1145123</v>
      </c>
      <c r="FW42" s="184">
        <v>85482</v>
      </c>
      <c r="FX42" s="178">
        <v>20532</v>
      </c>
      <c r="FY42" s="183">
        <v>106014</v>
      </c>
      <c r="FZ42" s="182">
        <v>0</v>
      </c>
      <c r="GA42" s="178">
        <v>157671</v>
      </c>
      <c r="GB42" s="178">
        <v>271656</v>
      </c>
      <c r="GC42" s="178">
        <v>284778</v>
      </c>
      <c r="GD42" s="178">
        <v>223704</v>
      </c>
      <c r="GE42" s="178">
        <v>101300</v>
      </c>
      <c r="GF42" s="179">
        <v>1039109</v>
      </c>
      <c r="GG42" s="317">
        <v>1145123</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408264</v>
      </c>
      <c r="HL42" s="178">
        <v>0</v>
      </c>
      <c r="HM42" s="179">
        <v>408264</v>
      </c>
      <c r="HN42" s="180">
        <v>408264</v>
      </c>
      <c r="HO42" s="184">
        <v>63882</v>
      </c>
      <c r="HP42" s="178">
        <v>27378</v>
      </c>
      <c r="HQ42" s="179">
        <v>91260</v>
      </c>
      <c r="HR42" s="117">
        <v>0</v>
      </c>
      <c r="HS42" s="178">
        <v>410078</v>
      </c>
      <c r="HT42" s="178">
        <v>264335</v>
      </c>
      <c r="HU42" s="178">
        <v>399458</v>
      </c>
      <c r="HV42" s="178">
        <v>203570</v>
      </c>
      <c r="HW42" s="178">
        <v>127767</v>
      </c>
      <c r="HX42" s="183">
        <v>1405208</v>
      </c>
      <c r="HY42" s="181">
        <v>1496468</v>
      </c>
      <c r="HZ42" s="151">
        <v>0</v>
      </c>
      <c r="IA42" s="152">
        <v>0</v>
      </c>
      <c r="IB42" s="153">
        <v>0</v>
      </c>
      <c r="IC42" s="154">
        <v>0</v>
      </c>
      <c r="ID42" s="155">
        <v>1180215</v>
      </c>
      <c r="IE42" s="156">
        <v>722630</v>
      </c>
      <c r="IF42" s="157">
        <v>1968691</v>
      </c>
      <c r="IG42" s="155">
        <v>769404</v>
      </c>
      <c r="IH42" s="157">
        <v>508844</v>
      </c>
      <c r="II42" s="158">
        <v>5149784</v>
      </c>
      <c r="IJ42" s="159">
        <v>5149784</v>
      </c>
      <c r="IK42" s="233">
        <v>0</v>
      </c>
      <c r="IL42" s="238">
        <v>0</v>
      </c>
      <c r="IM42" s="239">
        <v>0</v>
      </c>
      <c r="IN42" s="160"/>
      <c r="IO42" s="161">
        <v>0</v>
      </c>
      <c r="IP42" s="161">
        <v>0</v>
      </c>
      <c r="IQ42" s="161">
        <v>0</v>
      </c>
      <c r="IR42" s="161">
        <v>223127</v>
      </c>
      <c r="IS42" s="161">
        <v>0</v>
      </c>
      <c r="IT42" s="162">
        <v>223127</v>
      </c>
      <c r="IU42" s="319">
        <v>223127</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879648</v>
      </c>
      <c r="JL42" s="161">
        <v>722630</v>
      </c>
      <c r="JM42" s="161">
        <v>885019</v>
      </c>
      <c r="JN42" s="161">
        <v>0</v>
      </c>
      <c r="JO42" s="161">
        <v>254067</v>
      </c>
      <c r="JP42" s="165">
        <v>2741364</v>
      </c>
      <c r="JQ42" s="319">
        <v>2741364</v>
      </c>
      <c r="JR42" s="163">
        <v>0</v>
      </c>
      <c r="JS42" s="161">
        <v>0</v>
      </c>
      <c r="JT42" s="162">
        <v>0</v>
      </c>
      <c r="JU42" s="164">
        <v>0</v>
      </c>
      <c r="JV42" s="161">
        <v>37577</v>
      </c>
      <c r="JW42" s="161">
        <v>0</v>
      </c>
      <c r="JX42" s="161">
        <v>0</v>
      </c>
      <c r="JY42" s="161">
        <v>258432</v>
      </c>
      <c r="JZ42" s="161">
        <v>254777</v>
      </c>
      <c r="KA42" s="165">
        <v>550786</v>
      </c>
      <c r="KB42" s="319">
        <v>550786</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62990</v>
      </c>
      <c r="KS42" s="161">
        <v>0</v>
      </c>
      <c r="KT42" s="161">
        <v>1083672</v>
      </c>
      <c r="KU42" s="161">
        <v>287845</v>
      </c>
      <c r="KV42" s="161">
        <v>0</v>
      </c>
      <c r="KW42" s="165">
        <v>1634507</v>
      </c>
      <c r="KX42" s="319">
        <v>1634507</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19">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512566</v>
      </c>
      <c r="MK42" s="161">
        <v>0</v>
      </c>
      <c r="ML42" s="161">
        <v>4998638</v>
      </c>
      <c r="MM42" s="161">
        <v>2071336</v>
      </c>
      <c r="MN42" s="161">
        <v>2245148</v>
      </c>
      <c r="MO42" s="165">
        <v>9827688</v>
      </c>
      <c r="MP42" s="167">
        <v>9827688</v>
      </c>
      <c r="MQ42" s="163">
        <v>0</v>
      </c>
      <c r="MR42" s="161">
        <v>0</v>
      </c>
      <c r="MS42" s="165">
        <v>0</v>
      </c>
      <c r="MT42" s="169"/>
      <c r="MU42" s="161">
        <v>0</v>
      </c>
      <c r="MV42" s="161">
        <v>0</v>
      </c>
      <c r="MW42" s="161">
        <v>2801885</v>
      </c>
      <c r="MX42" s="161">
        <v>1714976</v>
      </c>
      <c r="MY42" s="161">
        <v>1901291</v>
      </c>
      <c r="MZ42" s="165">
        <v>6418152</v>
      </c>
      <c r="NA42" s="167">
        <v>6418152</v>
      </c>
      <c r="NB42" s="163">
        <v>0</v>
      </c>
      <c r="NC42" s="161">
        <v>0</v>
      </c>
      <c r="ND42" s="165">
        <v>0</v>
      </c>
      <c r="NE42" s="169"/>
      <c r="NF42" s="161">
        <v>512566</v>
      </c>
      <c r="NG42" s="161">
        <v>0</v>
      </c>
      <c r="NH42" s="161">
        <v>2196753</v>
      </c>
      <c r="NI42" s="161">
        <v>356360</v>
      </c>
      <c r="NJ42" s="161">
        <v>343857</v>
      </c>
      <c r="NK42" s="165">
        <v>3409536</v>
      </c>
      <c r="NL42" s="319">
        <v>3409536</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257345</v>
      </c>
      <c r="OJ42" s="161">
        <v>152149</v>
      </c>
      <c r="OK42" s="162">
        <v>409494</v>
      </c>
      <c r="OL42" s="164">
        <v>0</v>
      </c>
      <c r="OM42" s="161">
        <v>3394146</v>
      </c>
      <c r="ON42" s="161">
        <v>2253882</v>
      </c>
      <c r="OO42" s="161">
        <v>9777094</v>
      </c>
      <c r="OP42" s="161">
        <v>4932117</v>
      </c>
      <c r="OQ42" s="161">
        <v>3660227</v>
      </c>
      <c r="OR42" s="165">
        <v>24017466</v>
      </c>
      <c r="OS42" s="167">
        <v>24426960</v>
      </c>
    </row>
    <row r="43" spans="2:409" x14ac:dyDescent="0.2">
      <c r="B43" s="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2" customWidth="1"/>
    <col min="83" max="83" width="7.6640625" style="322" customWidth="1"/>
    <col min="84" max="84" width="9.88671875" style="322" customWidth="1"/>
    <col min="85" max="85" width="10" style="322" customWidth="1"/>
    <col min="86" max="86" width="9.77734375" style="322" customWidth="1"/>
    <col min="87" max="87" width="9.21875" style="322" customWidth="1"/>
    <col min="88" max="88" width="8.77734375" style="322" customWidth="1"/>
    <col min="89" max="89" width="9.88671875" style="322" customWidth="1"/>
    <col min="90" max="90" width="9.77734375" style="322"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2" customWidth="1"/>
    <col min="116" max="116" width="7.21875" style="322" customWidth="1"/>
    <col min="117" max="121" width="8.21875" style="322" customWidth="1"/>
    <col min="122" max="122" width="10.109375" style="322" customWidth="1"/>
    <col min="123" max="123" width="9.77734375" style="322"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2" customWidth="1"/>
    <col min="171" max="171" width="6.6640625" style="322" customWidth="1"/>
    <col min="172" max="176" width="8.21875" style="322" customWidth="1"/>
    <col min="177" max="177" width="10.109375" style="322" customWidth="1"/>
    <col min="178" max="178" width="9.88671875" style="322"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5</v>
      </c>
      <c r="E1" s="496">
        <f>第１表!F2</f>
        <v>5</v>
      </c>
      <c r="F1" s="246">
        <f>第１表!G2</f>
        <v>7</v>
      </c>
      <c r="G1" s="726">
        <f>IF(F1&lt;3,F1-2+12,F1-2)</f>
        <v>5</v>
      </c>
      <c r="H1" s="726"/>
      <c r="IB1" s="365"/>
      <c r="IC1" s="252"/>
      <c r="ID1" s="642"/>
      <c r="IE1" s="642"/>
    </row>
    <row r="2" spans="1:409" ht="24" customHeight="1" x14ac:dyDescent="0.2">
      <c r="B2" s="20" t="s">
        <v>146</v>
      </c>
      <c r="E2" s="249"/>
      <c r="F2" s="250"/>
      <c r="G2" s="339"/>
      <c r="H2" s="339"/>
      <c r="IB2" s="251"/>
      <c r="IC2" s="252"/>
      <c r="ID2" s="368"/>
      <c r="IE2" s="368"/>
    </row>
    <row r="3" spans="1:409" ht="24" customHeight="1" thickBot="1" x14ac:dyDescent="0.25">
      <c r="B3" s="20" t="s">
        <v>136</v>
      </c>
    </row>
    <row r="4" spans="1:409" ht="21" customHeight="1" thickBot="1" x14ac:dyDescent="0.25">
      <c r="B4" s="679" t="s">
        <v>42</v>
      </c>
      <c r="C4" s="682" t="s">
        <v>63</v>
      </c>
      <c r="D4" s="682"/>
      <c r="E4" s="682"/>
      <c r="F4" s="682"/>
      <c r="G4" s="682"/>
      <c r="H4" s="682"/>
      <c r="I4" s="682"/>
      <c r="J4" s="682"/>
      <c r="K4" s="682"/>
      <c r="L4" s="682"/>
      <c r="M4" s="682"/>
      <c r="N4" s="685"/>
      <c r="O4" s="685"/>
      <c r="P4" s="685"/>
      <c r="Q4" s="685"/>
      <c r="R4" s="685"/>
      <c r="S4" s="685"/>
      <c r="T4" s="685"/>
      <c r="U4" s="685"/>
      <c r="V4" s="685"/>
      <c r="W4" s="685"/>
      <c r="X4" s="685"/>
      <c r="Y4" s="685"/>
      <c r="Z4" s="685"/>
      <c r="AA4" s="685"/>
      <c r="AB4" s="685"/>
      <c r="AC4" s="685"/>
      <c r="AD4" s="685"/>
      <c r="AE4" s="685"/>
      <c r="AF4" s="685"/>
      <c r="AG4" s="685"/>
      <c r="AH4" s="685"/>
      <c r="AI4" s="685"/>
      <c r="AJ4" s="685"/>
      <c r="AK4" s="685"/>
      <c r="AL4" s="685"/>
      <c r="AM4" s="685"/>
      <c r="AN4" s="685"/>
      <c r="AO4" s="685"/>
      <c r="AP4" s="685"/>
      <c r="AQ4" s="685"/>
      <c r="AR4" s="685"/>
      <c r="AS4" s="685"/>
      <c r="AT4" s="685"/>
      <c r="AU4" s="685"/>
      <c r="AV4" s="685"/>
      <c r="AW4" s="685"/>
      <c r="AX4" s="685"/>
      <c r="AY4" s="685"/>
      <c r="AZ4" s="685"/>
      <c r="BA4" s="685"/>
      <c r="BB4" s="685"/>
      <c r="BC4" s="685"/>
      <c r="BD4" s="685"/>
      <c r="BE4" s="685"/>
      <c r="BF4" s="685"/>
      <c r="BG4" s="685"/>
      <c r="BH4" s="685"/>
      <c r="BI4" s="685"/>
      <c r="BJ4" s="685"/>
      <c r="BK4" s="685"/>
      <c r="BL4" s="685"/>
      <c r="BM4" s="685"/>
      <c r="BN4" s="685"/>
      <c r="BO4" s="685"/>
      <c r="BP4" s="685"/>
      <c r="BQ4" s="685"/>
      <c r="BR4" s="685"/>
      <c r="BS4" s="685"/>
      <c r="BT4" s="685"/>
      <c r="BU4" s="685"/>
      <c r="BV4" s="685"/>
      <c r="BW4" s="685"/>
      <c r="BX4" s="685"/>
      <c r="BY4" s="685"/>
      <c r="BZ4" s="685"/>
      <c r="CA4" s="685"/>
      <c r="CB4" s="685"/>
      <c r="CC4" s="685"/>
      <c r="CD4" s="685"/>
      <c r="CE4" s="685"/>
      <c r="CF4" s="685"/>
      <c r="CG4" s="685"/>
      <c r="CH4" s="685"/>
      <c r="CI4" s="685"/>
      <c r="CJ4" s="685"/>
      <c r="CK4" s="685"/>
      <c r="CL4" s="685"/>
      <c r="CM4" s="685"/>
      <c r="CN4" s="685"/>
      <c r="CO4" s="685"/>
      <c r="CP4" s="685"/>
      <c r="CQ4" s="685"/>
      <c r="CR4" s="685"/>
      <c r="CS4" s="685"/>
      <c r="CT4" s="685"/>
      <c r="CU4" s="685"/>
      <c r="CV4" s="685"/>
      <c r="CW4" s="685"/>
      <c r="CX4" s="685"/>
      <c r="CY4" s="685"/>
      <c r="CZ4" s="685"/>
      <c r="DA4" s="685"/>
      <c r="DB4" s="685"/>
      <c r="DC4" s="685"/>
      <c r="DD4" s="685"/>
      <c r="DE4" s="685"/>
      <c r="DF4" s="685"/>
      <c r="DG4" s="685"/>
      <c r="DH4" s="685"/>
      <c r="DI4" s="685"/>
      <c r="DJ4" s="685"/>
      <c r="DK4" s="685"/>
      <c r="DL4" s="685"/>
      <c r="DM4" s="685"/>
      <c r="DN4" s="685"/>
      <c r="DO4" s="685"/>
      <c r="DP4" s="685"/>
      <c r="DQ4" s="685"/>
      <c r="DR4" s="685"/>
      <c r="DS4" s="685"/>
      <c r="DT4" s="685"/>
      <c r="DU4" s="685"/>
      <c r="DV4" s="685"/>
      <c r="DW4" s="685"/>
      <c r="DX4" s="685"/>
      <c r="DY4" s="685"/>
      <c r="DZ4" s="685"/>
      <c r="EA4" s="685"/>
      <c r="EB4" s="685"/>
      <c r="EC4" s="685"/>
      <c r="ED4" s="685"/>
      <c r="EE4" s="685"/>
      <c r="EF4" s="685"/>
      <c r="EG4" s="685"/>
      <c r="EH4" s="685"/>
      <c r="EI4" s="685"/>
      <c r="EJ4" s="685"/>
      <c r="EK4" s="685"/>
      <c r="EL4" s="685"/>
      <c r="EM4" s="685"/>
      <c r="EN4" s="685"/>
      <c r="EO4" s="685"/>
      <c r="EP4" s="685"/>
      <c r="EQ4" s="685"/>
      <c r="ER4" s="685"/>
      <c r="ES4" s="685"/>
      <c r="ET4" s="685"/>
      <c r="EU4" s="685"/>
      <c r="EV4" s="685"/>
      <c r="EW4" s="685"/>
      <c r="EX4" s="685"/>
      <c r="EY4" s="685"/>
      <c r="EZ4" s="685"/>
      <c r="FA4" s="685"/>
      <c r="FB4" s="685"/>
      <c r="FC4" s="685"/>
      <c r="FD4" s="685"/>
      <c r="FE4" s="685"/>
      <c r="FF4" s="685"/>
      <c r="FG4" s="685"/>
      <c r="FH4" s="685"/>
      <c r="FI4" s="685"/>
      <c r="FJ4" s="685"/>
      <c r="FK4" s="685"/>
      <c r="FL4" s="685"/>
      <c r="FM4" s="685"/>
      <c r="FN4" s="685"/>
      <c r="FO4" s="685"/>
      <c r="FP4" s="685"/>
      <c r="FQ4" s="685"/>
      <c r="FR4" s="685"/>
      <c r="FS4" s="685"/>
      <c r="FT4" s="685"/>
      <c r="FU4" s="685"/>
      <c r="FV4" s="685"/>
      <c r="FW4" s="685"/>
      <c r="FX4" s="685"/>
      <c r="FY4" s="685"/>
      <c r="FZ4" s="685"/>
      <c r="GA4" s="685"/>
      <c r="GB4" s="685"/>
      <c r="GC4" s="685"/>
      <c r="GD4" s="685"/>
      <c r="GE4" s="685"/>
      <c r="GF4" s="685"/>
      <c r="GG4" s="685"/>
      <c r="GH4" s="685"/>
      <c r="GI4" s="685"/>
      <c r="GJ4" s="685"/>
      <c r="GK4" s="685"/>
      <c r="GL4" s="685"/>
      <c r="GM4" s="685"/>
      <c r="GN4" s="685"/>
      <c r="GO4" s="685"/>
      <c r="GP4" s="685"/>
      <c r="GQ4" s="685"/>
      <c r="GR4" s="685"/>
      <c r="GS4" s="685"/>
      <c r="GT4" s="685"/>
      <c r="GU4" s="685"/>
      <c r="GV4" s="685"/>
      <c r="GW4" s="685"/>
      <c r="GX4" s="685"/>
      <c r="GY4" s="685"/>
      <c r="GZ4" s="685"/>
      <c r="HA4" s="685"/>
      <c r="HB4" s="685"/>
      <c r="HC4" s="685"/>
      <c r="HD4" s="685"/>
      <c r="HE4" s="685"/>
      <c r="HF4" s="685"/>
      <c r="HG4" s="685"/>
      <c r="HH4" s="685"/>
      <c r="HI4" s="685"/>
      <c r="HJ4" s="685"/>
      <c r="HK4" s="685"/>
      <c r="HL4" s="685"/>
      <c r="HM4" s="685"/>
      <c r="HN4" s="685"/>
      <c r="HO4" s="685"/>
      <c r="HP4" s="685"/>
      <c r="HQ4" s="685"/>
      <c r="HR4" s="685"/>
      <c r="HS4" s="685"/>
      <c r="HT4" s="685"/>
      <c r="HU4" s="685"/>
      <c r="HV4" s="685"/>
      <c r="HW4" s="685"/>
      <c r="HX4" s="685"/>
      <c r="HY4" s="686"/>
      <c r="HZ4" s="639" t="s">
        <v>85</v>
      </c>
      <c r="IA4" s="640"/>
      <c r="IB4" s="640"/>
      <c r="IC4" s="640"/>
      <c r="ID4" s="640"/>
      <c r="IE4" s="640"/>
      <c r="IF4" s="640"/>
      <c r="IG4" s="640"/>
      <c r="IH4" s="640"/>
      <c r="II4" s="640"/>
      <c r="IJ4" s="640"/>
      <c r="IK4" s="640"/>
      <c r="IL4" s="640"/>
      <c r="IM4" s="640"/>
      <c r="IN4" s="640"/>
      <c r="IO4" s="640"/>
      <c r="IP4" s="640"/>
      <c r="IQ4" s="640"/>
      <c r="IR4" s="640"/>
      <c r="IS4" s="640"/>
      <c r="IT4" s="640"/>
      <c r="IU4" s="640"/>
      <c r="IV4" s="640"/>
      <c r="IW4" s="640"/>
      <c r="IX4" s="640"/>
      <c r="IY4" s="640"/>
      <c r="IZ4" s="640"/>
      <c r="JA4" s="640"/>
      <c r="JB4" s="640"/>
      <c r="JC4" s="640"/>
      <c r="JD4" s="640"/>
      <c r="JE4" s="640"/>
      <c r="JF4" s="640"/>
      <c r="JG4" s="640"/>
      <c r="JH4" s="640"/>
      <c r="JI4" s="640"/>
      <c r="JJ4" s="640"/>
      <c r="JK4" s="640"/>
      <c r="JL4" s="640"/>
      <c r="JM4" s="640"/>
      <c r="JN4" s="640"/>
      <c r="JO4" s="640"/>
      <c r="JP4" s="640"/>
      <c r="JQ4" s="640"/>
      <c r="JR4" s="640"/>
      <c r="JS4" s="640"/>
      <c r="JT4" s="640"/>
      <c r="JU4" s="640"/>
      <c r="JV4" s="640"/>
      <c r="JW4" s="640"/>
      <c r="JX4" s="640"/>
      <c r="JY4" s="640"/>
      <c r="JZ4" s="640"/>
      <c r="KA4" s="640"/>
      <c r="KB4" s="640"/>
      <c r="KC4" s="640"/>
      <c r="KD4" s="640"/>
      <c r="KE4" s="640"/>
      <c r="KF4" s="640"/>
      <c r="KG4" s="640"/>
      <c r="KH4" s="640"/>
      <c r="KI4" s="640"/>
      <c r="KJ4" s="640"/>
      <c r="KK4" s="640"/>
      <c r="KL4" s="640"/>
      <c r="KM4" s="640"/>
      <c r="KN4" s="640"/>
      <c r="KO4" s="640"/>
      <c r="KP4" s="640"/>
      <c r="KQ4" s="640"/>
      <c r="KR4" s="640"/>
      <c r="KS4" s="640"/>
      <c r="KT4" s="640"/>
      <c r="KU4" s="640"/>
      <c r="KV4" s="640"/>
      <c r="KW4" s="640"/>
      <c r="KX4" s="640"/>
      <c r="KY4" s="640"/>
      <c r="KZ4" s="640"/>
      <c r="LA4" s="640"/>
      <c r="LB4" s="640"/>
      <c r="LC4" s="640"/>
      <c r="LD4" s="640"/>
      <c r="LE4" s="640"/>
      <c r="LF4" s="640"/>
      <c r="LG4" s="640"/>
      <c r="LH4" s="640"/>
      <c r="LI4" s="640"/>
      <c r="LJ4" s="640"/>
      <c r="LK4" s="640"/>
      <c r="LL4" s="640"/>
      <c r="LM4" s="640"/>
      <c r="LN4" s="640"/>
      <c r="LO4" s="640"/>
      <c r="LP4" s="640"/>
      <c r="LQ4" s="640"/>
      <c r="LR4" s="640"/>
      <c r="LS4" s="640"/>
      <c r="LT4" s="640"/>
      <c r="LU4" s="640"/>
      <c r="LV4" s="640"/>
      <c r="LW4" s="640"/>
      <c r="LX4" s="640"/>
      <c r="LY4" s="640"/>
      <c r="LZ4" s="640"/>
      <c r="MA4" s="640"/>
      <c r="MB4" s="640"/>
      <c r="MC4" s="640"/>
      <c r="MD4" s="640"/>
      <c r="ME4" s="641"/>
      <c r="MF4" s="639" t="s">
        <v>86</v>
      </c>
      <c r="MG4" s="640"/>
      <c r="MH4" s="640"/>
      <c r="MI4" s="640"/>
      <c r="MJ4" s="640"/>
      <c r="MK4" s="640"/>
      <c r="ML4" s="640"/>
      <c r="MM4" s="640"/>
      <c r="MN4" s="640"/>
      <c r="MO4" s="640"/>
      <c r="MP4" s="640"/>
      <c r="MQ4" s="640"/>
      <c r="MR4" s="640"/>
      <c r="MS4" s="640"/>
      <c r="MT4" s="640"/>
      <c r="MU4" s="640"/>
      <c r="MV4" s="640"/>
      <c r="MW4" s="640"/>
      <c r="MX4" s="640"/>
      <c r="MY4" s="640"/>
      <c r="MZ4" s="640"/>
      <c r="NA4" s="640"/>
      <c r="NB4" s="640"/>
      <c r="NC4" s="640"/>
      <c r="ND4" s="640"/>
      <c r="NE4" s="640"/>
      <c r="NF4" s="640"/>
      <c r="NG4" s="640"/>
      <c r="NH4" s="640"/>
      <c r="NI4" s="640"/>
      <c r="NJ4" s="640"/>
      <c r="NK4" s="640"/>
      <c r="NL4" s="640"/>
      <c r="NM4" s="640"/>
      <c r="NN4" s="640"/>
      <c r="NO4" s="640"/>
      <c r="NP4" s="640"/>
      <c r="NQ4" s="640"/>
      <c r="NR4" s="640"/>
      <c r="NS4" s="640"/>
      <c r="NT4" s="640"/>
      <c r="NU4" s="640"/>
      <c r="NV4" s="640"/>
      <c r="NW4" s="640"/>
      <c r="NX4" s="640"/>
      <c r="NY4" s="640"/>
      <c r="NZ4" s="640"/>
      <c r="OA4" s="640"/>
      <c r="OB4" s="640"/>
      <c r="OC4" s="640"/>
      <c r="OD4" s="640"/>
      <c r="OE4" s="640"/>
      <c r="OF4" s="640"/>
      <c r="OG4" s="640"/>
      <c r="OH4" s="641"/>
      <c r="OI4" s="594" t="s">
        <v>60</v>
      </c>
      <c r="OJ4" s="504"/>
      <c r="OK4" s="504"/>
      <c r="OL4" s="504"/>
      <c r="OM4" s="504"/>
      <c r="ON4" s="504"/>
      <c r="OO4" s="504"/>
      <c r="OP4" s="504"/>
      <c r="OQ4" s="504"/>
      <c r="OR4" s="504"/>
      <c r="OS4" s="505"/>
    </row>
    <row r="5" spans="1:409" ht="21" customHeight="1" thickBot="1" x14ac:dyDescent="0.25">
      <c r="B5" s="680"/>
      <c r="C5" s="683"/>
      <c r="D5" s="683"/>
      <c r="E5" s="683"/>
      <c r="F5" s="683"/>
      <c r="G5" s="683"/>
      <c r="H5" s="683"/>
      <c r="I5" s="683"/>
      <c r="J5" s="683"/>
      <c r="K5" s="683"/>
      <c r="L5" s="683"/>
      <c r="M5" s="683"/>
      <c r="N5" s="687" t="s">
        <v>64</v>
      </c>
      <c r="O5" s="688"/>
      <c r="P5" s="688"/>
      <c r="Q5" s="688"/>
      <c r="R5" s="688"/>
      <c r="S5" s="688"/>
      <c r="T5" s="688"/>
      <c r="U5" s="688"/>
      <c r="V5" s="688"/>
      <c r="W5" s="688"/>
      <c r="X5" s="688"/>
      <c r="Y5" s="688"/>
      <c r="Z5" s="688"/>
      <c r="AA5" s="688"/>
      <c r="AB5" s="688"/>
      <c r="AC5" s="688"/>
      <c r="AD5" s="688"/>
      <c r="AE5" s="688"/>
      <c r="AF5" s="688"/>
      <c r="AG5" s="688"/>
      <c r="AH5" s="688"/>
      <c r="AI5" s="688"/>
      <c r="AJ5" s="688"/>
      <c r="AK5" s="688"/>
      <c r="AL5" s="688"/>
      <c r="AM5" s="688"/>
      <c r="AN5" s="688"/>
      <c r="AO5" s="688"/>
      <c r="AP5" s="688"/>
      <c r="AQ5" s="688"/>
      <c r="AR5" s="688"/>
      <c r="AS5" s="688"/>
      <c r="AT5" s="688"/>
      <c r="AU5" s="688"/>
      <c r="AV5" s="688"/>
      <c r="AW5" s="688"/>
      <c r="AX5" s="688"/>
      <c r="AY5" s="688"/>
      <c r="AZ5" s="688"/>
      <c r="BA5" s="688"/>
      <c r="BB5" s="688"/>
      <c r="BC5" s="688"/>
      <c r="BD5" s="688"/>
      <c r="BE5" s="688"/>
      <c r="BF5" s="688"/>
      <c r="BG5" s="688"/>
      <c r="BH5" s="688"/>
      <c r="BI5" s="688"/>
      <c r="BJ5" s="688"/>
      <c r="BK5" s="688"/>
      <c r="BL5" s="688"/>
      <c r="BM5" s="688"/>
      <c r="BN5" s="688"/>
      <c r="BO5" s="688"/>
      <c r="BP5" s="688"/>
      <c r="BQ5" s="688"/>
      <c r="BR5" s="688"/>
      <c r="BS5" s="688"/>
      <c r="BT5" s="688"/>
      <c r="BU5" s="688"/>
      <c r="BV5" s="688"/>
      <c r="BW5" s="688"/>
      <c r="BX5" s="688"/>
      <c r="BY5" s="688"/>
      <c r="BZ5" s="688"/>
      <c r="CA5" s="689"/>
      <c r="CB5" s="687" t="s">
        <v>65</v>
      </c>
      <c r="CC5" s="688"/>
      <c r="CD5" s="688"/>
      <c r="CE5" s="688"/>
      <c r="CF5" s="688"/>
      <c r="CG5" s="688"/>
      <c r="CH5" s="688"/>
      <c r="CI5" s="688"/>
      <c r="CJ5" s="688"/>
      <c r="CK5" s="688"/>
      <c r="CL5" s="688"/>
      <c r="CM5" s="688"/>
      <c r="CN5" s="688"/>
      <c r="CO5" s="688"/>
      <c r="CP5" s="688"/>
      <c r="CQ5" s="688"/>
      <c r="CR5" s="688"/>
      <c r="CS5" s="688"/>
      <c r="CT5" s="688"/>
      <c r="CU5" s="688"/>
      <c r="CV5" s="688"/>
      <c r="CW5" s="688"/>
      <c r="CX5" s="688"/>
      <c r="CY5" s="688"/>
      <c r="CZ5" s="688"/>
      <c r="DA5" s="688"/>
      <c r="DB5" s="688"/>
      <c r="DC5" s="688"/>
      <c r="DD5" s="688"/>
      <c r="DE5" s="688"/>
      <c r="DF5" s="688"/>
      <c r="DG5" s="688"/>
      <c r="DH5" s="689"/>
      <c r="DI5" s="508" t="s">
        <v>66</v>
      </c>
      <c r="DJ5" s="509"/>
      <c r="DK5" s="509"/>
      <c r="DL5" s="509"/>
      <c r="DM5" s="509"/>
      <c r="DN5" s="509"/>
      <c r="DO5" s="509"/>
      <c r="DP5" s="509"/>
      <c r="DQ5" s="509"/>
      <c r="DR5" s="509"/>
      <c r="DS5" s="509"/>
      <c r="DT5" s="509"/>
      <c r="DU5" s="509"/>
      <c r="DV5" s="509"/>
      <c r="DW5" s="509"/>
      <c r="DX5" s="509"/>
      <c r="DY5" s="509"/>
      <c r="DZ5" s="509"/>
      <c r="EA5" s="509"/>
      <c r="EB5" s="509"/>
      <c r="EC5" s="509"/>
      <c r="ED5" s="509"/>
      <c r="EE5" s="509"/>
      <c r="EF5" s="509"/>
      <c r="EG5" s="509"/>
      <c r="EH5" s="509"/>
      <c r="EI5" s="509"/>
      <c r="EJ5" s="509"/>
      <c r="EK5" s="509"/>
      <c r="EL5" s="509"/>
      <c r="EM5" s="509"/>
      <c r="EN5" s="509"/>
      <c r="EO5" s="509"/>
      <c r="EP5" s="509"/>
      <c r="EQ5" s="509"/>
      <c r="ER5" s="509"/>
      <c r="ES5" s="509"/>
      <c r="ET5" s="509"/>
      <c r="EU5" s="509"/>
      <c r="EV5" s="509"/>
      <c r="EW5" s="509"/>
      <c r="EX5" s="509"/>
      <c r="EY5" s="509"/>
      <c r="EZ5" s="509"/>
      <c r="FA5" s="509"/>
      <c r="FB5" s="509"/>
      <c r="FC5" s="509"/>
      <c r="FD5" s="509"/>
      <c r="FE5" s="509"/>
      <c r="FF5" s="509"/>
      <c r="FG5" s="509"/>
      <c r="FH5" s="509"/>
      <c r="FI5" s="509"/>
      <c r="FJ5" s="509"/>
      <c r="FK5" s="510"/>
      <c r="FL5" s="687" t="s">
        <v>67</v>
      </c>
      <c r="FM5" s="688"/>
      <c r="FN5" s="688"/>
      <c r="FO5" s="688"/>
      <c r="FP5" s="688"/>
      <c r="FQ5" s="688"/>
      <c r="FR5" s="688"/>
      <c r="FS5" s="688"/>
      <c r="FT5" s="688"/>
      <c r="FU5" s="688"/>
      <c r="FV5" s="688"/>
      <c r="FW5" s="688"/>
      <c r="FX5" s="688"/>
      <c r="FY5" s="688"/>
      <c r="FZ5" s="688"/>
      <c r="GA5" s="688"/>
      <c r="GB5" s="688"/>
      <c r="GC5" s="688"/>
      <c r="GD5" s="688"/>
      <c r="GE5" s="688"/>
      <c r="GF5" s="688"/>
      <c r="GG5" s="688"/>
      <c r="GH5" s="688"/>
      <c r="GI5" s="688"/>
      <c r="GJ5" s="688"/>
      <c r="GK5" s="688"/>
      <c r="GL5" s="688"/>
      <c r="GM5" s="688"/>
      <c r="GN5" s="688"/>
      <c r="GO5" s="688"/>
      <c r="GP5" s="688"/>
      <c r="GQ5" s="688"/>
      <c r="GR5" s="688"/>
      <c r="GS5" s="688"/>
      <c r="GT5" s="688"/>
      <c r="GU5" s="688"/>
      <c r="GV5" s="688"/>
      <c r="GW5" s="688"/>
      <c r="GX5" s="688"/>
      <c r="GY5" s="688"/>
      <c r="GZ5" s="688"/>
      <c r="HA5" s="688"/>
      <c r="HB5" s="688"/>
      <c r="HC5" s="689"/>
      <c r="HD5" s="690" t="s">
        <v>68</v>
      </c>
      <c r="HE5" s="691"/>
      <c r="HF5" s="691"/>
      <c r="HG5" s="691"/>
      <c r="HH5" s="691"/>
      <c r="HI5" s="691"/>
      <c r="HJ5" s="691"/>
      <c r="HK5" s="691"/>
      <c r="HL5" s="691"/>
      <c r="HM5" s="691"/>
      <c r="HN5" s="692"/>
      <c r="HO5" s="690" t="s">
        <v>69</v>
      </c>
      <c r="HP5" s="691"/>
      <c r="HQ5" s="691"/>
      <c r="HR5" s="691"/>
      <c r="HS5" s="691"/>
      <c r="HT5" s="691"/>
      <c r="HU5" s="691"/>
      <c r="HV5" s="691"/>
      <c r="HW5" s="691"/>
      <c r="HX5" s="691"/>
      <c r="HY5" s="692"/>
      <c r="HZ5" s="618"/>
      <c r="IA5" s="619"/>
      <c r="IB5" s="619"/>
      <c r="IC5" s="619"/>
      <c r="ID5" s="619"/>
      <c r="IE5" s="619"/>
      <c r="IF5" s="619"/>
      <c r="IG5" s="619"/>
      <c r="IH5" s="619"/>
      <c r="II5" s="619"/>
      <c r="IJ5" s="620"/>
      <c r="IK5" s="594" t="s">
        <v>94</v>
      </c>
      <c r="IL5" s="504"/>
      <c r="IM5" s="504"/>
      <c r="IN5" s="504"/>
      <c r="IO5" s="504"/>
      <c r="IP5" s="504"/>
      <c r="IQ5" s="504"/>
      <c r="IR5" s="504"/>
      <c r="IS5" s="504"/>
      <c r="IT5" s="504"/>
      <c r="IU5" s="505"/>
      <c r="IV5" s="594" t="s">
        <v>88</v>
      </c>
      <c r="IW5" s="504"/>
      <c r="IX5" s="504"/>
      <c r="IY5" s="504"/>
      <c r="IZ5" s="504"/>
      <c r="JA5" s="504"/>
      <c r="JB5" s="504"/>
      <c r="JC5" s="504"/>
      <c r="JD5" s="504"/>
      <c r="JE5" s="504"/>
      <c r="JF5" s="505"/>
      <c r="JG5" s="624" t="s">
        <v>143</v>
      </c>
      <c r="JH5" s="625"/>
      <c r="JI5" s="625"/>
      <c r="JJ5" s="625"/>
      <c r="JK5" s="625"/>
      <c r="JL5" s="625"/>
      <c r="JM5" s="625"/>
      <c r="JN5" s="625"/>
      <c r="JO5" s="625"/>
      <c r="JP5" s="625"/>
      <c r="JQ5" s="626"/>
      <c r="JR5" s="594" t="s">
        <v>90</v>
      </c>
      <c r="JS5" s="504"/>
      <c r="JT5" s="504"/>
      <c r="JU5" s="504"/>
      <c r="JV5" s="504"/>
      <c r="JW5" s="504"/>
      <c r="JX5" s="504"/>
      <c r="JY5" s="504"/>
      <c r="JZ5" s="504"/>
      <c r="KA5" s="504"/>
      <c r="KB5" s="505"/>
      <c r="KC5" s="594" t="s">
        <v>89</v>
      </c>
      <c r="KD5" s="504"/>
      <c r="KE5" s="504"/>
      <c r="KF5" s="504"/>
      <c r="KG5" s="504"/>
      <c r="KH5" s="504"/>
      <c r="KI5" s="504"/>
      <c r="KJ5" s="504"/>
      <c r="KK5" s="504"/>
      <c r="KL5" s="504"/>
      <c r="KM5" s="505"/>
      <c r="KN5" s="594" t="s">
        <v>91</v>
      </c>
      <c r="KO5" s="504"/>
      <c r="KP5" s="504"/>
      <c r="KQ5" s="504"/>
      <c r="KR5" s="504"/>
      <c r="KS5" s="504"/>
      <c r="KT5" s="504"/>
      <c r="KU5" s="504"/>
      <c r="KV5" s="504"/>
      <c r="KW5" s="504"/>
      <c r="KX5" s="505"/>
      <c r="KY5" s="594" t="s">
        <v>92</v>
      </c>
      <c r="KZ5" s="504"/>
      <c r="LA5" s="504"/>
      <c r="LB5" s="504"/>
      <c r="LC5" s="504"/>
      <c r="LD5" s="504"/>
      <c r="LE5" s="504"/>
      <c r="LF5" s="504"/>
      <c r="LG5" s="504"/>
      <c r="LH5" s="504"/>
      <c r="LI5" s="505"/>
      <c r="LJ5" s="630" t="s">
        <v>93</v>
      </c>
      <c r="LK5" s="631"/>
      <c r="LL5" s="631"/>
      <c r="LM5" s="631"/>
      <c r="LN5" s="631"/>
      <c r="LO5" s="631"/>
      <c r="LP5" s="631"/>
      <c r="LQ5" s="631"/>
      <c r="LR5" s="631"/>
      <c r="LS5" s="631"/>
      <c r="LT5" s="632"/>
      <c r="LU5" s="633" t="s">
        <v>144</v>
      </c>
      <c r="LV5" s="634"/>
      <c r="LW5" s="634"/>
      <c r="LX5" s="634"/>
      <c r="LY5" s="634"/>
      <c r="LZ5" s="634"/>
      <c r="MA5" s="634"/>
      <c r="MB5" s="634"/>
      <c r="MC5" s="634"/>
      <c r="MD5" s="634"/>
      <c r="ME5" s="635"/>
      <c r="MF5" s="618"/>
      <c r="MG5" s="619"/>
      <c r="MH5" s="619"/>
      <c r="MI5" s="619"/>
      <c r="MJ5" s="619"/>
      <c r="MK5" s="619"/>
      <c r="ML5" s="619"/>
      <c r="MM5" s="619"/>
      <c r="MN5" s="619"/>
      <c r="MO5" s="619"/>
      <c r="MP5" s="620"/>
      <c r="MQ5" s="594" t="s">
        <v>57</v>
      </c>
      <c r="MR5" s="504"/>
      <c r="MS5" s="504"/>
      <c r="MT5" s="504"/>
      <c r="MU5" s="504"/>
      <c r="MV5" s="504"/>
      <c r="MW5" s="504"/>
      <c r="MX5" s="504"/>
      <c r="MY5" s="504"/>
      <c r="MZ5" s="504"/>
      <c r="NA5" s="505"/>
      <c r="NB5" s="594" t="s">
        <v>58</v>
      </c>
      <c r="NC5" s="504"/>
      <c r="ND5" s="504"/>
      <c r="NE5" s="504"/>
      <c r="NF5" s="504"/>
      <c r="NG5" s="504"/>
      <c r="NH5" s="504"/>
      <c r="NI5" s="504"/>
      <c r="NJ5" s="504"/>
      <c r="NK5" s="504"/>
      <c r="NL5" s="505"/>
      <c r="NM5" s="594" t="s">
        <v>59</v>
      </c>
      <c r="NN5" s="504"/>
      <c r="NO5" s="504"/>
      <c r="NP5" s="504"/>
      <c r="NQ5" s="504"/>
      <c r="NR5" s="504"/>
      <c r="NS5" s="504"/>
      <c r="NT5" s="504"/>
      <c r="NU5" s="504"/>
      <c r="NV5" s="504"/>
      <c r="NW5" s="505"/>
      <c r="NX5" s="643" t="s">
        <v>150</v>
      </c>
      <c r="NY5" s="644"/>
      <c r="NZ5" s="644"/>
      <c r="OA5" s="644"/>
      <c r="OB5" s="644"/>
      <c r="OC5" s="644"/>
      <c r="OD5" s="644"/>
      <c r="OE5" s="644"/>
      <c r="OF5" s="644"/>
      <c r="OG5" s="644"/>
      <c r="OH5" s="645"/>
      <c r="OI5" s="615"/>
      <c r="OJ5" s="616"/>
      <c r="OK5" s="616"/>
      <c r="OL5" s="616"/>
      <c r="OM5" s="616"/>
      <c r="ON5" s="616"/>
      <c r="OO5" s="616"/>
      <c r="OP5" s="616"/>
      <c r="OQ5" s="616"/>
      <c r="OR5" s="616"/>
      <c r="OS5" s="617"/>
    </row>
    <row r="6" spans="1:409" ht="21" customHeight="1" thickBot="1" x14ac:dyDescent="0.25">
      <c r="B6" s="680"/>
      <c r="C6" s="684"/>
      <c r="D6" s="684"/>
      <c r="E6" s="684"/>
      <c r="F6" s="684"/>
      <c r="G6" s="684"/>
      <c r="H6" s="684"/>
      <c r="I6" s="684"/>
      <c r="J6" s="684"/>
      <c r="K6" s="684"/>
      <c r="L6" s="684"/>
      <c r="M6" s="684"/>
      <c r="N6" s="517"/>
      <c r="O6" s="518"/>
      <c r="P6" s="518"/>
      <c r="Q6" s="518"/>
      <c r="R6" s="518"/>
      <c r="S6" s="518"/>
      <c r="T6" s="518"/>
      <c r="U6" s="518"/>
      <c r="V6" s="518"/>
      <c r="W6" s="518"/>
      <c r="X6" s="519"/>
      <c r="Y6" s="699" t="s">
        <v>70</v>
      </c>
      <c r="Z6" s="521"/>
      <c r="AA6" s="521"/>
      <c r="AB6" s="521"/>
      <c r="AC6" s="521"/>
      <c r="AD6" s="521"/>
      <c r="AE6" s="521"/>
      <c r="AF6" s="521"/>
      <c r="AG6" s="521"/>
      <c r="AH6" s="521"/>
      <c r="AI6" s="522"/>
      <c r="AJ6" s="696" t="s">
        <v>71</v>
      </c>
      <c r="AK6" s="697"/>
      <c r="AL6" s="697"/>
      <c r="AM6" s="697"/>
      <c r="AN6" s="697"/>
      <c r="AO6" s="697"/>
      <c r="AP6" s="697"/>
      <c r="AQ6" s="697"/>
      <c r="AR6" s="697"/>
      <c r="AS6" s="697"/>
      <c r="AT6" s="698"/>
      <c r="AU6" s="696" t="s">
        <v>72</v>
      </c>
      <c r="AV6" s="697"/>
      <c r="AW6" s="697"/>
      <c r="AX6" s="697"/>
      <c r="AY6" s="697"/>
      <c r="AZ6" s="697"/>
      <c r="BA6" s="697"/>
      <c r="BB6" s="697"/>
      <c r="BC6" s="697"/>
      <c r="BD6" s="697"/>
      <c r="BE6" s="698"/>
      <c r="BF6" s="696" t="s">
        <v>73</v>
      </c>
      <c r="BG6" s="697"/>
      <c r="BH6" s="697"/>
      <c r="BI6" s="697"/>
      <c r="BJ6" s="697"/>
      <c r="BK6" s="697"/>
      <c r="BL6" s="697"/>
      <c r="BM6" s="697"/>
      <c r="BN6" s="697"/>
      <c r="BO6" s="697"/>
      <c r="BP6" s="698"/>
      <c r="BQ6" s="696" t="s">
        <v>74</v>
      </c>
      <c r="BR6" s="697"/>
      <c r="BS6" s="697"/>
      <c r="BT6" s="697"/>
      <c r="BU6" s="697"/>
      <c r="BV6" s="697"/>
      <c r="BW6" s="697"/>
      <c r="BX6" s="697"/>
      <c r="BY6" s="697"/>
      <c r="BZ6" s="697"/>
      <c r="CA6" s="698"/>
      <c r="CB6" s="700"/>
      <c r="CC6" s="701"/>
      <c r="CD6" s="701"/>
      <c r="CE6" s="701"/>
      <c r="CF6" s="701"/>
      <c r="CG6" s="701"/>
      <c r="CH6" s="701"/>
      <c r="CI6" s="701"/>
      <c r="CJ6" s="701"/>
      <c r="CK6" s="701"/>
      <c r="CL6" s="702"/>
      <c r="CM6" s="696" t="s">
        <v>75</v>
      </c>
      <c r="CN6" s="697"/>
      <c r="CO6" s="697"/>
      <c r="CP6" s="697"/>
      <c r="CQ6" s="697"/>
      <c r="CR6" s="697"/>
      <c r="CS6" s="697"/>
      <c r="CT6" s="697"/>
      <c r="CU6" s="697"/>
      <c r="CV6" s="697"/>
      <c r="CW6" s="698"/>
      <c r="CX6" s="696" t="s">
        <v>76</v>
      </c>
      <c r="CY6" s="697"/>
      <c r="CZ6" s="697"/>
      <c r="DA6" s="697"/>
      <c r="DB6" s="697"/>
      <c r="DC6" s="697"/>
      <c r="DD6" s="697"/>
      <c r="DE6" s="697"/>
      <c r="DF6" s="697"/>
      <c r="DG6" s="697"/>
      <c r="DH6" s="698"/>
      <c r="DI6" s="700"/>
      <c r="DJ6" s="701"/>
      <c r="DK6" s="701"/>
      <c r="DL6" s="701"/>
      <c r="DM6" s="701"/>
      <c r="DN6" s="701"/>
      <c r="DO6" s="701"/>
      <c r="DP6" s="701"/>
      <c r="DQ6" s="701"/>
      <c r="DR6" s="701"/>
      <c r="DS6" s="701"/>
      <c r="DT6" s="696" t="s">
        <v>77</v>
      </c>
      <c r="DU6" s="697"/>
      <c r="DV6" s="697"/>
      <c r="DW6" s="697"/>
      <c r="DX6" s="697"/>
      <c r="DY6" s="697"/>
      <c r="DZ6" s="697"/>
      <c r="EA6" s="697"/>
      <c r="EB6" s="697"/>
      <c r="EC6" s="697"/>
      <c r="ED6" s="698"/>
      <c r="EE6" s="696" t="s">
        <v>78</v>
      </c>
      <c r="EF6" s="697"/>
      <c r="EG6" s="697"/>
      <c r="EH6" s="697"/>
      <c r="EI6" s="697"/>
      <c r="EJ6" s="697"/>
      <c r="EK6" s="697"/>
      <c r="EL6" s="697"/>
      <c r="EM6" s="697"/>
      <c r="EN6" s="697"/>
      <c r="EO6" s="698"/>
      <c r="EP6" s="696" t="s">
        <v>79</v>
      </c>
      <c r="EQ6" s="697"/>
      <c r="ER6" s="697"/>
      <c r="ES6" s="697"/>
      <c r="ET6" s="697"/>
      <c r="EU6" s="697"/>
      <c r="EV6" s="697"/>
      <c r="EW6" s="697"/>
      <c r="EX6" s="697"/>
      <c r="EY6" s="697"/>
      <c r="EZ6" s="698"/>
      <c r="FA6" s="677" t="s">
        <v>151</v>
      </c>
      <c r="FB6" s="697"/>
      <c r="FC6" s="697"/>
      <c r="FD6" s="697"/>
      <c r="FE6" s="697"/>
      <c r="FF6" s="697"/>
      <c r="FG6" s="697"/>
      <c r="FH6" s="697"/>
      <c r="FI6" s="697"/>
      <c r="FJ6" s="697"/>
      <c r="FK6" s="698"/>
      <c r="FL6" s="700"/>
      <c r="FM6" s="701"/>
      <c r="FN6" s="701"/>
      <c r="FO6" s="701"/>
      <c r="FP6" s="701"/>
      <c r="FQ6" s="701"/>
      <c r="FR6" s="701"/>
      <c r="FS6" s="701"/>
      <c r="FT6" s="701"/>
      <c r="FU6" s="701"/>
      <c r="FV6" s="701"/>
      <c r="FW6" s="696" t="s">
        <v>80</v>
      </c>
      <c r="FX6" s="697"/>
      <c r="FY6" s="697"/>
      <c r="FZ6" s="697"/>
      <c r="GA6" s="697"/>
      <c r="GB6" s="697"/>
      <c r="GC6" s="697"/>
      <c r="GD6" s="697"/>
      <c r="GE6" s="697"/>
      <c r="GF6" s="697"/>
      <c r="GG6" s="698"/>
      <c r="GH6" s="699" t="s">
        <v>81</v>
      </c>
      <c r="GI6" s="521"/>
      <c r="GJ6" s="521"/>
      <c r="GK6" s="521"/>
      <c r="GL6" s="521"/>
      <c r="GM6" s="521"/>
      <c r="GN6" s="521"/>
      <c r="GO6" s="521"/>
      <c r="GP6" s="521"/>
      <c r="GQ6" s="521"/>
      <c r="GR6" s="522"/>
      <c r="GS6" s="699" t="s">
        <v>82</v>
      </c>
      <c r="GT6" s="521"/>
      <c r="GU6" s="521"/>
      <c r="GV6" s="521"/>
      <c r="GW6" s="521"/>
      <c r="GX6" s="521"/>
      <c r="GY6" s="521"/>
      <c r="GZ6" s="521"/>
      <c r="HA6" s="521"/>
      <c r="HB6" s="521"/>
      <c r="HC6" s="522"/>
      <c r="HD6" s="693"/>
      <c r="HE6" s="694"/>
      <c r="HF6" s="694"/>
      <c r="HG6" s="694"/>
      <c r="HH6" s="694"/>
      <c r="HI6" s="694"/>
      <c r="HJ6" s="694"/>
      <c r="HK6" s="694"/>
      <c r="HL6" s="694"/>
      <c r="HM6" s="694"/>
      <c r="HN6" s="695"/>
      <c r="HO6" s="693"/>
      <c r="HP6" s="694"/>
      <c r="HQ6" s="694"/>
      <c r="HR6" s="694"/>
      <c r="HS6" s="694"/>
      <c r="HT6" s="694"/>
      <c r="HU6" s="694"/>
      <c r="HV6" s="694"/>
      <c r="HW6" s="694"/>
      <c r="HX6" s="694"/>
      <c r="HY6" s="695"/>
      <c r="HZ6" s="621"/>
      <c r="IA6" s="622"/>
      <c r="IB6" s="622"/>
      <c r="IC6" s="622"/>
      <c r="ID6" s="622"/>
      <c r="IE6" s="622"/>
      <c r="IF6" s="622"/>
      <c r="IG6" s="622"/>
      <c r="IH6" s="622"/>
      <c r="II6" s="622"/>
      <c r="IJ6" s="623"/>
      <c r="IK6" s="595"/>
      <c r="IL6" s="586"/>
      <c r="IM6" s="586"/>
      <c r="IN6" s="586"/>
      <c r="IO6" s="586"/>
      <c r="IP6" s="586"/>
      <c r="IQ6" s="586"/>
      <c r="IR6" s="586"/>
      <c r="IS6" s="586"/>
      <c r="IT6" s="586"/>
      <c r="IU6" s="596"/>
      <c r="IV6" s="595"/>
      <c r="IW6" s="586"/>
      <c r="IX6" s="586"/>
      <c r="IY6" s="586"/>
      <c r="IZ6" s="586"/>
      <c r="JA6" s="586"/>
      <c r="JB6" s="586"/>
      <c r="JC6" s="586"/>
      <c r="JD6" s="586"/>
      <c r="JE6" s="586"/>
      <c r="JF6" s="596"/>
      <c r="JG6" s="627"/>
      <c r="JH6" s="628"/>
      <c r="JI6" s="628"/>
      <c r="JJ6" s="628"/>
      <c r="JK6" s="628"/>
      <c r="JL6" s="628"/>
      <c r="JM6" s="628"/>
      <c r="JN6" s="628"/>
      <c r="JO6" s="628"/>
      <c r="JP6" s="628"/>
      <c r="JQ6" s="629"/>
      <c r="JR6" s="595"/>
      <c r="JS6" s="586"/>
      <c r="JT6" s="586"/>
      <c r="JU6" s="586"/>
      <c r="JV6" s="586"/>
      <c r="JW6" s="586"/>
      <c r="JX6" s="586"/>
      <c r="JY6" s="586"/>
      <c r="JZ6" s="586"/>
      <c r="KA6" s="586"/>
      <c r="KB6" s="596"/>
      <c r="KC6" s="595"/>
      <c r="KD6" s="586"/>
      <c r="KE6" s="586"/>
      <c r="KF6" s="586"/>
      <c r="KG6" s="586"/>
      <c r="KH6" s="586"/>
      <c r="KI6" s="586"/>
      <c r="KJ6" s="586"/>
      <c r="KK6" s="586"/>
      <c r="KL6" s="586"/>
      <c r="KM6" s="596"/>
      <c r="KN6" s="595"/>
      <c r="KO6" s="586"/>
      <c r="KP6" s="586"/>
      <c r="KQ6" s="586"/>
      <c r="KR6" s="586"/>
      <c r="KS6" s="586"/>
      <c r="KT6" s="586"/>
      <c r="KU6" s="586"/>
      <c r="KV6" s="586"/>
      <c r="KW6" s="586"/>
      <c r="KX6" s="596"/>
      <c r="KY6" s="595"/>
      <c r="KZ6" s="586"/>
      <c r="LA6" s="586"/>
      <c r="LB6" s="586"/>
      <c r="LC6" s="586"/>
      <c r="LD6" s="586"/>
      <c r="LE6" s="586"/>
      <c r="LF6" s="586"/>
      <c r="LG6" s="586"/>
      <c r="LH6" s="586"/>
      <c r="LI6" s="596"/>
      <c r="LJ6" s="621"/>
      <c r="LK6" s="622"/>
      <c r="LL6" s="622"/>
      <c r="LM6" s="622"/>
      <c r="LN6" s="622"/>
      <c r="LO6" s="622"/>
      <c r="LP6" s="622"/>
      <c r="LQ6" s="622"/>
      <c r="LR6" s="622"/>
      <c r="LS6" s="622"/>
      <c r="LT6" s="623"/>
      <c r="LU6" s="636"/>
      <c r="LV6" s="637"/>
      <c r="LW6" s="637"/>
      <c r="LX6" s="637"/>
      <c r="LY6" s="637"/>
      <c r="LZ6" s="637"/>
      <c r="MA6" s="637"/>
      <c r="MB6" s="637"/>
      <c r="MC6" s="637"/>
      <c r="MD6" s="637"/>
      <c r="ME6" s="638"/>
      <c r="MF6" s="621"/>
      <c r="MG6" s="622"/>
      <c r="MH6" s="622"/>
      <c r="MI6" s="622"/>
      <c r="MJ6" s="622"/>
      <c r="MK6" s="622"/>
      <c r="ML6" s="622"/>
      <c r="MM6" s="622"/>
      <c r="MN6" s="622"/>
      <c r="MO6" s="622"/>
      <c r="MP6" s="623"/>
      <c r="MQ6" s="595"/>
      <c r="MR6" s="586"/>
      <c r="MS6" s="586"/>
      <c r="MT6" s="586"/>
      <c r="MU6" s="586"/>
      <c r="MV6" s="586"/>
      <c r="MW6" s="586"/>
      <c r="MX6" s="586"/>
      <c r="MY6" s="586"/>
      <c r="MZ6" s="586"/>
      <c r="NA6" s="596"/>
      <c r="NB6" s="595"/>
      <c r="NC6" s="586"/>
      <c r="ND6" s="586"/>
      <c r="NE6" s="586"/>
      <c r="NF6" s="586"/>
      <c r="NG6" s="586"/>
      <c r="NH6" s="586"/>
      <c r="NI6" s="586"/>
      <c r="NJ6" s="586"/>
      <c r="NK6" s="586"/>
      <c r="NL6" s="596"/>
      <c r="NM6" s="595"/>
      <c r="NN6" s="586"/>
      <c r="NO6" s="586"/>
      <c r="NP6" s="586"/>
      <c r="NQ6" s="586"/>
      <c r="NR6" s="586"/>
      <c r="NS6" s="586"/>
      <c r="NT6" s="586"/>
      <c r="NU6" s="586"/>
      <c r="NV6" s="586"/>
      <c r="NW6" s="596"/>
      <c r="NX6" s="646"/>
      <c r="NY6" s="647"/>
      <c r="NZ6" s="647"/>
      <c r="OA6" s="647"/>
      <c r="OB6" s="647"/>
      <c r="OC6" s="647"/>
      <c r="OD6" s="647"/>
      <c r="OE6" s="647"/>
      <c r="OF6" s="647"/>
      <c r="OG6" s="647"/>
      <c r="OH6" s="648"/>
      <c r="OI6" s="595"/>
      <c r="OJ6" s="586"/>
      <c r="OK6" s="586"/>
      <c r="OL6" s="586"/>
      <c r="OM6" s="586"/>
      <c r="ON6" s="586"/>
      <c r="OO6" s="586"/>
      <c r="OP6" s="586"/>
      <c r="OQ6" s="586"/>
      <c r="OR6" s="586"/>
      <c r="OS6" s="596"/>
    </row>
    <row r="7" spans="1:409" ht="21" customHeight="1" x14ac:dyDescent="0.2">
      <c r="B7" s="680"/>
      <c r="C7" s="703" t="s">
        <v>61</v>
      </c>
      <c r="D7" s="703"/>
      <c r="E7" s="703"/>
      <c r="F7" s="704" t="s">
        <v>62</v>
      </c>
      <c r="G7" s="703"/>
      <c r="H7" s="703"/>
      <c r="I7" s="703"/>
      <c r="J7" s="703"/>
      <c r="K7" s="703"/>
      <c r="L7" s="703"/>
      <c r="M7" s="704" t="s">
        <v>52</v>
      </c>
      <c r="N7" s="706" t="s">
        <v>61</v>
      </c>
      <c r="O7" s="703"/>
      <c r="P7" s="703"/>
      <c r="Q7" s="704" t="s">
        <v>62</v>
      </c>
      <c r="R7" s="703"/>
      <c r="S7" s="703"/>
      <c r="T7" s="703"/>
      <c r="U7" s="703"/>
      <c r="V7" s="703"/>
      <c r="W7" s="707"/>
      <c r="X7" s="711" t="s">
        <v>52</v>
      </c>
      <c r="Y7" s="517" t="s">
        <v>61</v>
      </c>
      <c r="Z7" s="518"/>
      <c r="AA7" s="713"/>
      <c r="AB7" s="714" t="s">
        <v>62</v>
      </c>
      <c r="AC7" s="518"/>
      <c r="AD7" s="518"/>
      <c r="AE7" s="518"/>
      <c r="AF7" s="518"/>
      <c r="AG7" s="518"/>
      <c r="AH7" s="713"/>
      <c r="AI7" s="519" t="s">
        <v>52</v>
      </c>
      <c r="AJ7" s="716" t="s">
        <v>61</v>
      </c>
      <c r="AK7" s="709"/>
      <c r="AL7" s="717"/>
      <c r="AM7" s="708" t="s">
        <v>62</v>
      </c>
      <c r="AN7" s="709"/>
      <c r="AO7" s="709"/>
      <c r="AP7" s="709"/>
      <c r="AQ7" s="709"/>
      <c r="AR7" s="709"/>
      <c r="AS7" s="710"/>
      <c r="AT7" s="519" t="s">
        <v>52</v>
      </c>
      <c r="AU7" s="716" t="s">
        <v>61</v>
      </c>
      <c r="AV7" s="709"/>
      <c r="AW7" s="717"/>
      <c r="AX7" s="708" t="s">
        <v>62</v>
      </c>
      <c r="AY7" s="709"/>
      <c r="AZ7" s="709"/>
      <c r="BA7" s="709"/>
      <c r="BB7" s="709"/>
      <c r="BC7" s="709"/>
      <c r="BD7" s="710"/>
      <c r="BE7" s="519" t="s">
        <v>52</v>
      </c>
      <c r="BF7" s="716" t="s">
        <v>61</v>
      </c>
      <c r="BG7" s="709"/>
      <c r="BH7" s="717"/>
      <c r="BI7" s="708" t="s">
        <v>62</v>
      </c>
      <c r="BJ7" s="709"/>
      <c r="BK7" s="709"/>
      <c r="BL7" s="709"/>
      <c r="BM7" s="709"/>
      <c r="BN7" s="709"/>
      <c r="BO7" s="710"/>
      <c r="BP7" s="519" t="s">
        <v>52</v>
      </c>
      <c r="BQ7" s="716" t="s">
        <v>61</v>
      </c>
      <c r="BR7" s="709"/>
      <c r="BS7" s="717"/>
      <c r="BT7" s="708" t="s">
        <v>62</v>
      </c>
      <c r="BU7" s="709"/>
      <c r="BV7" s="709"/>
      <c r="BW7" s="709"/>
      <c r="BX7" s="709"/>
      <c r="BY7" s="709"/>
      <c r="BZ7" s="710"/>
      <c r="CA7" s="519" t="s">
        <v>52</v>
      </c>
      <c r="CB7" s="718" t="s">
        <v>61</v>
      </c>
      <c r="CC7" s="719"/>
      <c r="CD7" s="720"/>
      <c r="CE7" s="721" t="s">
        <v>62</v>
      </c>
      <c r="CF7" s="719"/>
      <c r="CG7" s="719"/>
      <c r="CH7" s="719"/>
      <c r="CI7" s="719"/>
      <c r="CJ7" s="719"/>
      <c r="CK7" s="722"/>
      <c r="CL7" s="711" t="s">
        <v>52</v>
      </c>
      <c r="CM7" s="716" t="s">
        <v>61</v>
      </c>
      <c r="CN7" s="709"/>
      <c r="CO7" s="710"/>
      <c r="CP7" s="708" t="s">
        <v>62</v>
      </c>
      <c r="CQ7" s="709"/>
      <c r="CR7" s="709"/>
      <c r="CS7" s="709"/>
      <c r="CT7" s="709"/>
      <c r="CU7" s="709"/>
      <c r="CV7" s="710"/>
      <c r="CW7" s="723" t="s">
        <v>52</v>
      </c>
      <c r="CX7" s="716" t="s">
        <v>61</v>
      </c>
      <c r="CY7" s="709"/>
      <c r="CZ7" s="710"/>
      <c r="DA7" s="708" t="s">
        <v>62</v>
      </c>
      <c r="DB7" s="709"/>
      <c r="DC7" s="709"/>
      <c r="DD7" s="709"/>
      <c r="DE7" s="709"/>
      <c r="DF7" s="709"/>
      <c r="DG7" s="710"/>
      <c r="DH7" s="723" t="s">
        <v>52</v>
      </c>
      <c r="DI7" s="718" t="s">
        <v>61</v>
      </c>
      <c r="DJ7" s="719"/>
      <c r="DK7" s="722"/>
      <c r="DL7" s="721" t="s">
        <v>62</v>
      </c>
      <c r="DM7" s="719"/>
      <c r="DN7" s="719"/>
      <c r="DO7" s="719"/>
      <c r="DP7" s="719"/>
      <c r="DQ7" s="719"/>
      <c r="DR7" s="722"/>
      <c r="DS7" s="711" t="s">
        <v>52</v>
      </c>
      <c r="DT7" s="716" t="s">
        <v>61</v>
      </c>
      <c r="DU7" s="709"/>
      <c r="DV7" s="717"/>
      <c r="DW7" s="708" t="s">
        <v>62</v>
      </c>
      <c r="DX7" s="709"/>
      <c r="DY7" s="709"/>
      <c r="DZ7" s="709"/>
      <c r="EA7" s="709"/>
      <c r="EB7" s="709"/>
      <c r="EC7" s="710"/>
      <c r="ED7" s="519" t="s">
        <v>52</v>
      </c>
      <c r="EE7" s="716" t="s">
        <v>61</v>
      </c>
      <c r="EF7" s="709"/>
      <c r="EG7" s="717"/>
      <c r="EH7" s="708" t="s">
        <v>62</v>
      </c>
      <c r="EI7" s="709"/>
      <c r="EJ7" s="709"/>
      <c r="EK7" s="709"/>
      <c r="EL7" s="709"/>
      <c r="EM7" s="709"/>
      <c r="EN7" s="710"/>
      <c r="EO7" s="519" t="s">
        <v>52</v>
      </c>
      <c r="EP7" s="716" t="s">
        <v>61</v>
      </c>
      <c r="EQ7" s="709"/>
      <c r="ER7" s="717"/>
      <c r="ES7" s="708" t="s">
        <v>62</v>
      </c>
      <c r="ET7" s="709"/>
      <c r="EU7" s="709"/>
      <c r="EV7" s="709"/>
      <c r="EW7" s="709"/>
      <c r="EX7" s="709"/>
      <c r="EY7" s="710"/>
      <c r="EZ7" s="519" t="s">
        <v>52</v>
      </c>
      <c r="FA7" s="716" t="s">
        <v>61</v>
      </c>
      <c r="FB7" s="709"/>
      <c r="FC7" s="717"/>
      <c r="FD7" s="708" t="s">
        <v>62</v>
      </c>
      <c r="FE7" s="709"/>
      <c r="FF7" s="709"/>
      <c r="FG7" s="709"/>
      <c r="FH7" s="709"/>
      <c r="FI7" s="709"/>
      <c r="FJ7" s="710"/>
      <c r="FK7" s="519" t="s">
        <v>52</v>
      </c>
      <c r="FL7" s="718" t="s">
        <v>61</v>
      </c>
      <c r="FM7" s="719"/>
      <c r="FN7" s="720"/>
      <c r="FO7" s="721" t="s">
        <v>62</v>
      </c>
      <c r="FP7" s="719"/>
      <c r="FQ7" s="719"/>
      <c r="FR7" s="719"/>
      <c r="FS7" s="719"/>
      <c r="FT7" s="719"/>
      <c r="FU7" s="722"/>
      <c r="FV7" s="703" t="s">
        <v>52</v>
      </c>
      <c r="FW7" s="716" t="s">
        <v>61</v>
      </c>
      <c r="FX7" s="709"/>
      <c r="FY7" s="717"/>
      <c r="FZ7" s="708" t="s">
        <v>62</v>
      </c>
      <c r="GA7" s="709"/>
      <c r="GB7" s="709"/>
      <c r="GC7" s="709"/>
      <c r="GD7" s="709"/>
      <c r="GE7" s="709"/>
      <c r="GF7" s="710"/>
      <c r="GG7" s="519" t="s">
        <v>52</v>
      </c>
      <c r="GH7" s="517" t="s">
        <v>61</v>
      </c>
      <c r="GI7" s="518"/>
      <c r="GJ7" s="518"/>
      <c r="GK7" s="714" t="s">
        <v>62</v>
      </c>
      <c r="GL7" s="518"/>
      <c r="GM7" s="518"/>
      <c r="GN7" s="518"/>
      <c r="GO7" s="518"/>
      <c r="GP7" s="518"/>
      <c r="GQ7" s="713"/>
      <c r="GR7" s="724" t="s">
        <v>52</v>
      </c>
      <c r="GS7" s="517" t="s">
        <v>61</v>
      </c>
      <c r="GT7" s="518"/>
      <c r="GU7" s="713"/>
      <c r="GV7" s="714" t="s">
        <v>62</v>
      </c>
      <c r="GW7" s="518"/>
      <c r="GX7" s="518"/>
      <c r="GY7" s="518"/>
      <c r="GZ7" s="518"/>
      <c r="HA7" s="518"/>
      <c r="HB7" s="713"/>
      <c r="HC7" s="724" t="s">
        <v>52</v>
      </c>
      <c r="HD7" s="716" t="s">
        <v>61</v>
      </c>
      <c r="HE7" s="709"/>
      <c r="HF7" s="717"/>
      <c r="HG7" s="708" t="s">
        <v>62</v>
      </c>
      <c r="HH7" s="709"/>
      <c r="HI7" s="709"/>
      <c r="HJ7" s="709"/>
      <c r="HK7" s="709"/>
      <c r="HL7" s="709"/>
      <c r="HM7" s="710"/>
      <c r="HN7" s="519" t="s">
        <v>52</v>
      </c>
      <c r="HO7" s="716" t="s">
        <v>61</v>
      </c>
      <c r="HP7" s="709"/>
      <c r="HQ7" s="717"/>
      <c r="HR7" s="708" t="s">
        <v>62</v>
      </c>
      <c r="HS7" s="709"/>
      <c r="HT7" s="709"/>
      <c r="HU7" s="709"/>
      <c r="HV7" s="709"/>
      <c r="HW7" s="709"/>
      <c r="HX7" s="710"/>
      <c r="HY7" s="519" t="s">
        <v>52</v>
      </c>
      <c r="HZ7" s="573" t="s">
        <v>61</v>
      </c>
      <c r="IA7" s="574"/>
      <c r="IB7" s="575"/>
      <c r="IC7" s="610" t="s">
        <v>62</v>
      </c>
      <c r="ID7" s="574"/>
      <c r="IE7" s="574"/>
      <c r="IF7" s="574"/>
      <c r="IG7" s="574"/>
      <c r="IH7" s="574"/>
      <c r="II7" s="611"/>
      <c r="IJ7" s="577" t="s">
        <v>52</v>
      </c>
      <c r="IK7" s="590" t="s">
        <v>61</v>
      </c>
      <c r="IL7" s="583"/>
      <c r="IM7" s="584"/>
      <c r="IN7" s="613" t="s">
        <v>62</v>
      </c>
      <c r="IO7" s="583"/>
      <c r="IP7" s="583"/>
      <c r="IQ7" s="583"/>
      <c r="IR7" s="583"/>
      <c r="IS7" s="583"/>
      <c r="IT7" s="614"/>
      <c r="IU7" s="596" t="s">
        <v>52</v>
      </c>
      <c r="IV7" s="590" t="s">
        <v>61</v>
      </c>
      <c r="IW7" s="583"/>
      <c r="IX7" s="614"/>
      <c r="IY7" s="613" t="s">
        <v>62</v>
      </c>
      <c r="IZ7" s="583"/>
      <c r="JA7" s="583"/>
      <c r="JB7" s="583"/>
      <c r="JC7" s="583"/>
      <c r="JD7" s="583"/>
      <c r="JE7" s="614"/>
      <c r="JF7" s="596" t="s">
        <v>52</v>
      </c>
      <c r="JG7" s="590" t="s">
        <v>61</v>
      </c>
      <c r="JH7" s="583"/>
      <c r="JI7" s="584"/>
      <c r="JJ7" s="613" t="s">
        <v>62</v>
      </c>
      <c r="JK7" s="583"/>
      <c r="JL7" s="583"/>
      <c r="JM7" s="583"/>
      <c r="JN7" s="583"/>
      <c r="JO7" s="583"/>
      <c r="JP7" s="614"/>
      <c r="JQ7" s="608" t="s">
        <v>52</v>
      </c>
      <c r="JR7" s="590" t="s">
        <v>61</v>
      </c>
      <c r="JS7" s="583"/>
      <c r="JT7" s="584"/>
      <c r="JU7" s="613" t="s">
        <v>62</v>
      </c>
      <c r="JV7" s="583"/>
      <c r="JW7" s="583"/>
      <c r="JX7" s="583"/>
      <c r="JY7" s="583"/>
      <c r="JZ7" s="583"/>
      <c r="KA7" s="614"/>
      <c r="KB7" s="608" t="s">
        <v>52</v>
      </c>
      <c r="KC7" s="590" t="s">
        <v>61</v>
      </c>
      <c r="KD7" s="583"/>
      <c r="KE7" s="584"/>
      <c r="KF7" s="613" t="s">
        <v>62</v>
      </c>
      <c r="KG7" s="583"/>
      <c r="KH7" s="583"/>
      <c r="KI7" s="583"/>
      <c r="KJ7" s="583"/>
      <c r="KK7" s="583"/>
      <c r="KL7" s="614"/>
      <c r="KM7" s="608" t="s">
        <v>52</v>
      </c>
      <c r="KN7" s="590" t="s">
        <v>61</v>
      </c>
      <c r="KO7" s="583"/>
      <c r="KP7" s="584"/>
      <c r="KQ7" s="613" t="s">
        <v>62</v>
      </c>
      <c r="KR7" s="583"/>
      <c r="KS7" s="583"/>
      <c r="KT7" s="583"/>
      <c r="KU7" s="583"/>
      <c r="KV7" s="583"/>
      <c r="KW7" s="614"/>
      <c r="KX7" s="608" t="s">
        <v>52</v>
      </c>
      <c r="KY7" s="590" t="s">
        <v>61</v>
      </c>
      <c r="KZ7" s="583"/>
      <c r="LA7" s="584"/>
      <c r="LB7" s="613" t="s">
        <v>62</v>
      </c>
      <c r="LC7" s="583"/>
      <c r="LD7" s="583"/>
      <c r="LE7" s="583"/>
      <c r="LF7" s="583"/>
      <c r="LG7" s="583"/>
      <c r="LH7" s="614"/>
      <c r="LI7" s="608" t="s">
        <v>52</v>
      </c>
      <c r="LJ7" s="590" t="s">
        <v>61</v>
      </c>
      <c r="LK7" s="583"/>
      <c r="LL7" s="584"/>
      <c r="LM7" s="613" t="s">
        <v>62</v>
      </c>
      <c r="LN7" s="583"/>
      <c r="LO7" s="583"/>
      <c r="LP7" s="583"/>
      <c r="LQ7" s="583"/>
      <c r="LR7" s="583"/>
      <c r="LS7" s="614"/>
      <c r="LT7" s="608" t="s">
        <v>52</v>
      </c>
      <c r="LU7" s="590" t="s">
        <v>61</v>
      </c>
      <c r="LV7" s="583"/>
      <c r="LW7" s="584"/>
      <c r="LX7" s="613" t="s">
        <v>62</v>
      </c>
      <c r="LY7" s="583"/>
      <c r="LZ7" s="583"/>
      <c r="MA7" s="583"/>
      <c r="MB7" s="583"/>
      <c r="MC7" s="583"/>
      <c r="MD7" s="614"/>
      <c r="ME7" s="608" t="s">
        <v>52</v>
      </c>
      <c r="MF7" s="573" t="s">
        <v>61</v>
      </c>
      <c r="MG7" s="574"/>
      <c r="MH7" s="575"/>
      <c r="MI7" s="610" t="s">
        <v>62</v>
      </c>
      <c r="MJ7" s="574"/>
      <c r="MK7" s="574"/>
      <c r="ML7" s="574"/>
      <c r="MM7" s="574"/>
      <c r="MN7" s="574"/>
      <c r="MO7" s="611"/>
      <c r="MP7" s="612" t="s">
        <v>52</v>
      </c>
      <c r="MQ7" s="590" t="s">
        <v>61</v>
      </c>
      <c r="MR7" s="583"/>
      <c r="MS7" s="584"/>
      <c r="MT7" s="613" t="s">
        <v>62</v>
      </c>
      <c r="MU7" s="583"/>
      <c r="MV7" s="583"/>
      <c r="MW7" s="583"/>
      <c r="MX7" s="583"/>
      <c r="MY7" s="583"/>
      <c r="MZ7" s="614"/>
      <c r="NA7" s="608" t="s">
        <v>52</v>
      </c>
      <c r="NB7" s="590" t="s">
        <v>61</v>
      </c>
      <c r="NC7" s="583"/>
      <c r="ND7" s="584"/>
      <c r="NE7" s="613" t="s">
        <v>62</v>
      </c>
      <c r="NF7" s="583"/>
      <c r="NG7" s="583"/>
      <c r="NH7" s="583"/>
      <c r="NI7" s="583"/>
      <c r="NJ7" s="583"/>
      <c r="NK7" s="614"/>
      <c r="NL7" s="608" t="s">
        <v>52</v>
      </c>
      <c r="NM7" s="590" t="s">
        <v>61</v>
      </c>
      <c r="NN7" s="583"/>
      <c r="NO7" s="584"/>
      <c r="NP7" s="613" t="s">
        <v>62</v>
      </c>
      <c r="NQ7" s="583"/>
      <c r="NR7" s="583"/>
      <c r="NS7" s="583"/>
      <c r="NT7" s="583"/>
      <c r="NU7" s="583"/>
      <c r="NV7" s="614"/>
      <c r="NW7" s="608" t="s">
        <v>52</v>
      </c>
      <c r="NX7" s="590" t="s">
        <v>61</v>
      </c>
      <c r="NY7" s="583"/>
      <c r="NZ7" s="584"/>
      <c r="OA7" s="613" t="s">
        <v>62</v>
      </c>
      <c r="OB7" s="583"/>
      <c r="OC7" s="583"/>
      <c r="OD7" s="583"/>
      <c r="OE7" s="583"/>
      <c r="OF7" s="583"/>
      <c r="OG7" s="614"/>
      <c r="OH7" s="608" t="s">
        <v>52</v>
      </c>
      <c r="OI7" s="573" t="s">
        <v>61</v>
      </c>
      <c r="OJ7" s="574"/>
      <c r="OK7" s="575"/>
      <c r="OL7" s="610" t="s">
        <v>62</v>
      </c>
      <c r="OM7" s="574"/>
      <c r="ON7" s="574"/>
      <c r="OO7" s="574"/>
      <c r="OP7" s="574"/>
      <c r="OQ7" s="574"/>
      <c r="OR7" s="611"/>
      <c r="OS7" s="612" t="s">
        <v>52</v>
      </c>
    </row>
    <row r="8" spans="1:409" ht="30" customHeight="1" thickBot="1" x14ac:dyDescent="0.25">
      <c r="B8" s="681"/>
      <c r="C8" s="323" t="s">
        <v>43</v>
      </c>
      <c r="D8" s="47" t="s">
        <v>44</v>
      </c>
      <c r="E8" s="324" t="s">
        <v>45</v>
      </c>
      <c r="F8" s="52" t="s">
        <v>83</v>
      </c>
      <c r="G8" s="47" t="s">
        <v>47</v>
      </c>
      <c r="H8" s="47" t="s">
        <v>48</v>
      </c>
      <c r="I8" s="47" t="s">
        <v>49</v>
      </c>
      <c r="J8" s="47" t="s">
        <v>50</v>
      </c>
      <c r="K8" s="47" t="s">
        <v>51</v>
      </c>
      <c r="L8" s="48" t="s">
        <v>45</v>
      </c>
      <c r="M8" s="705"/>
      <c r="N8" s="51" t="s">
        <v>43</v>
      </c>
      <c r="O8" s="47" t="s">
        <v>44</v>
      </c>
      <c r="P8" s="48" t="s">
        <v>45</v>
      </c>
      <c r="Q8" s="52" t="s">
        <v>83</v>
      </c>
      <c r="R8" s="47" t="s">
        <v>47</v>
      </c>
      <c r="S8" s="47" t="s">
        <v>48</v>
      </c>
      <c r="T8" s="47" t="s">
        <v>49</v>
      </c>
      <c r="U8" s="47" t="s">
        <v>50</v>
      </c>
      <c r="V8" s="47" t="s">
        <v>51</v>
      </c>
      <c r="W8" s="48" t="s">
        <v>45</v>
      </c>
      <c r="X8" s="712"/>
      <c r="Y8" s="51" t="s">
        <v>43</v>
      </c>
      <c r="Z8" s="47" t="s">
        <v>44</v>
      </c>
      <c r="AA8" s="48" t="s">
        <v>45</v>
      </c>
      <c r="AB8" s="52" t="s">
        <v>83</v>
      </c>
      <c r="AC8" s="47" t="s">
        <v>47</v>
      </c>
      <c r="AD8" s="47" t="s">
        <v>48</v>
      </c>
      <c r="AE8" s="47" t="s">
        <v>49</v>
      </c>
      <c r="AF8" s="47" t="s">
        <v>50</v>
      </c>
      <c r="AG8" s="47" t="s">
        <v>51</v>
      </c>
      <c r="AH8" s="48" t="s">
        <v>45</v>
      </c>
      <c r="AI8" s="715"/>
      <c r="AJ8" s="51" t="s">
        <v>43</v>
      </c>
      <c r="AK8" s="47" t="s">
        <v>44</v>
      </c>
      <c r="AL8" s="324" t="s">
        <v>45</v>
      </c>
      <c r="AM8" s="52" t="s">
        <v>83</v>
      </c>
      <c r="AN8" s="47" t="s">
        <v>47</v>
      </c>
      <c r="AO8" s="47" t="s">
        <v>48</v>
      </c>
      <c r="AP8" s="47" t="s">
        <v>49</v>
      </c>
      <c r="AQ8" s="47" t="s">
        <v>50</v>
      </c>
      <c r="AR8" s="47" t="s">
        <v>51</v>
      </c>
      <c r="AS8" s="48" t="s">
        <v>45</v>
      </c>
      <c r="AT8" s="715"/>
      <c r="AU8" s="51" t="s">
        <v>43</v>
      </c>
      <c r="AV8" s="47" t="s">
        <v>44</v>
      </c>
      <c r="AW8" s="324" t="s">
        <v>45</v>
      </c>
      <c r="AX8" s="52" t="s">
        <v>83</v>
      </c>
      <c r="AY8" s="47" t="s">
        <v>47</v>
      </c>
      <c r="AZ8" s="47" t="s">
        <v>48</v>
      </c>
      <c r="BA8" s="47" t="s">
        <v>49</v>
      </c>
      <c r="BB8" s="47" t="s">
        <v>50</v>
      </c>
      <c r="BC8" s="47" t="s">
        <v>51</v>
      </c>
      <c r="BD8" s="48" t="s">
        <v>45</v>
      </c>
      <c r="BE8" s="715"/>
      <c r="BF8" s="325" t="s">
        <v>43</v>
      </c>
      <c r="BG8" s="47" t="s">
        <v>44</v>
      </c>
      <c r="BH8" s="324" t="s">
        <v>45</v>
      </c>
      <c r="BI8" s="52" t="s">
        <v>83</v>
      </c>
      <c r="BJ8" s="47" t="s">
        <v>47</v>
      </c>
      <c r="BK8" s="47" t="s">
        <v>48</v>
      </c>
      <c r="BL8" s="47" t="s">
        <v>49</v>
      </c>
      <c r="BM8" s="47" t="s">
        <v>50</v>
      </c>
      <c r="BN8" s="47" t="s">
        <v>51</v>
      </c>
      <c r="BO8" s="48" t="s">
        <v>45</v>
      </c>
      <c r="BP8" s="715"/>
      <c r="BQ8" s="51" t="s">
        <v>43</v>
      </c>
      <c r="BR8" s="47" t="s">
        <v>44</v>
      </c>
      <c r="BS8" s="324" t="s">
        <v>45</v>
      </c>
      <c r="BT8" s="52" t="s">
        <v>83</v>
      </c>
      <c r="BU8" s="47" t="s">
        <v>47</v>
      </c>
      <c r="BV8" s="47" t="s">
        <v>48</v>
      </c>
      <c r="BW8" s="47" t="s">
        <v>49</v>
      </c>
      <c r="BX8" s="47" t="s">
        <v>50</v>
      </c>
      <c r="BY8" s="47" t="s">
        <v>51</v>
      </c>
      <c r="BZ8" s="48" t="s">
        <v>45</v>
      </c>
      <c r="CA8" s="715"/>
      <c r="CB8" s="51" t="s">
        <v>43</v>
      </c>
      <c r="CC8" s="47" t="s">
        <v>44</v>
      </c>
      <c r="CD8" s="324" t="s">
        <v>45</v>
      </c>
      <c r="CE8" s="52" t="s">
        <v>83</v>
      </c>
      <c r="CF8" s="47" t="s">
        <v>47</v>
      </c>
      <c r="CG8" s="47" t="s">
        <v>48</v>
      </c>
      <c r="CH8" s="47" t="s">
        <v>49</v>
      </c>
      <c r="CI8" s="47" t="s">
        <v>50</v>
      </c>
      <c r="CJ8" s="47" t="s">
        <v>51</v>
      </c>
      <c r="CK8" s="48" t="s">
        <v>45</v>
      </c>
      <c r="CL8" s="712"/>
      <c r="CM8" s="51" t="s">
        <v>43</v>
      </c>
      <c r="CN8" s="47" t="s">
        <v>44</v>
      </c>
      <c r="CO8" s="48" t="s">
        <v>45</v>
      </c>
      <c r="CP8" s="52" t="s">
        <v>83</v>
      </c>
      <c r="CQ8" s="47" t="s">
        <v>47</v>
      </c>
      <c r="CR8" s="47" t="s">
        <v>48</v>
      </c>
      <c r="CS8" s="47" t="s">
        <v>49</v>
      </c>
      <c r="CT8" s="47" t="s">
        <v>50</v>
      </c>
      <c r="CU8" s="47" t="s">
        <v>51</v>
      </c>
      <c r="CV8" s="48" t="s">
        <v>45</v>
      </c>
      <c r="CW8" s="712"/>
      <c r="CX8" s="51" t="s">
        <v>43</v>
      </c>
      <c r="CY8" s="47" t="s">
        <v>44</v>
      </c>
      <c r="CZ8" s="48" t="s">
        <v>45</v>
      </c>
      <c r="DA8" s="52" t="s">
        <v>83</v>
      </c>
      <c r="DB8" s="47" t="s">
        <v>47</v>
      </c>
      <c r="DC8" s="47" t="s">
        <v>48</v>
      </c>
      <c r="DD8" s="47" t="s">
        <v>49</v>
      </c>
      <c r="DE8" s="47" t="s">
        <v>50</v>
      </c>
      <c r="DF8" s="47" t="s">
        <v>51</v>
      </c>
      <c r="DG8" s="48" t="s">
        <v>45</v>
      </c>
      <c r="DH8" s="712"/>
      <c r="DI8" s="51" t="s">
        <v>43</v>
      </c>
      <c r="DJ8" s="47" t="s">
        <v>44</v>
      </c>
      <c r="DK8" s="48" t="s">
        <v>45</v>
      </c>
      <c r="DL8" s="52" t="s">
        <v>83</v>
      </c>
      <c r="DM8" s="47" t="s">
        <v>47</v>
      </c>
      <c r="DN8" s="47" t="s">
        <v>48</v>
      </c>
      <c r="DO8" s="47" t="s">
        <v>49</v>
      </c>
      <c r="DP8" s="47" t="s">
        <v>50</v>
      </c>
      <c r="DQ8" s="47" t="s">
        <v>51</v>
      </c>
      <c r="DR8" s="48" t="s">
        <v>45</v>
      </c>
      <c r="DS8" s="712"/>
      <c r="DT8" s="51" t="s">
        <v>43</v>
      </c>
      <c r="DU8" s="47" t="s">
        <v>44</v>
      </c>
      <c r="DV8" s="324" t="s">
        <v>45</v>
      </c>
      <c r="DW8" s="52" t="s">
        <v>83</v>
      </c>
      <c r="DX8" s="47" t="s">
        <v>47</v>
      </c>
      <c r="DY8" s="47" t="s">
        <v>48</v>
      </c>
      <c r="DZ8" s="47" t="s">
        <v>49</v>
      </c>
      <c r="EA8" s="47" t="s">
        <v>50</v>
      </c>
      <c r="EB8" s="47" t="s">
        <v>51</v>
      </c>
      <c r="EC8" s="48" t="s">
        <v>45</v>
      </c>
      <c r="ED8" s="715"/>
      <c r="EE8" s="51" t="s">
        <v>43</v>
      </c>
      <c r="EF8" s="47" t="s">
        <v>44</v>
      </c>
      <c r="EG8" s="324" t="s">
        <v>45</v>
      </c>
      <c r="EH8" s="52" t="s">
        <v>83</v>
      </c>
      <c r="EI8" s="47" t="s">
        <v>47</v>
      </c>
      <c r="EJ8" s="47" t="s">
        <v>48</v>
      </c>
      <c r="EK8" s="47" t="s">
        <v>49</v>
      </c>
      <c r="EL8" s="47" t="s">
        <v>50</v>
      </c>
      <c r="EM8" s="47" t="s">
        <v>51</v>
      </c>
      <c r="EN8" s="48" t="s">
        <v>45</v>
      </c>
      <c r="EO8" s="715"/>
      <c r="EP8" s="51" t="s">
        <v>43</v>
      </c>
      <c r="EQ8" s="47" t="s">
        <v>44</v>
      </c>
      <c r="ER8" s="324" t="s">
        <v>45</v>
      </c>
      <c r="ES8" s="52" t="s">
        <v>83</v>
      </c>
      <c r="ET8" s="47" t="s">
        <v>47</v>
      </c>
      <c r="EU8" s="47" t="s">
        <v>48</v>
      </c>
      <c r="EV8" s="47" t="s">
        <v>49</v>
      </c>
      <c r="EW8" s="47" t="s">
        <v>50</v>
      </c>
      <c r="EX8" s="47" t="s">
        <v>51</v>
      </c>
      <c r="EY8" s="48" t="s">
        <v>45</v>
      </c>
      <c r="EZ8" s="715"/>
      <c r="FA8" s="51" t="s">
        <v>43</v>
      </c>
      <c r="FB8" s="47" t="s">
        <v>44</v>
      </c>
      <c r="FC8" s="324" t="s">
        <v>45</v>
      </c>
      <c r="FD8" s="52" t="s">
        <v>83</v>
      </c>
      <c r="FE8" s="47" t="s">
        <v>47</v>
      </c>
      <c r="FF8" s="47" t="s">
        <v>48</v>
      </c>
      <c r="FG8" s="47" t="s">
        <v>49</v>
      </c>
      <c r="FH8" s="47" t="s">
        <v>50</v>
      </c>
      <c r="FI8" s="47" t="s">
        <v>51</v>
      </c>
      <c r="FJ8" s="48" t="s">
        <v>45</v>
      </c>
      <c r="FK8" s="715"/>
      <c r="FL8" s="51" t="s">
        <v>43</v>
      </c>
      <c r="FM8" s="47" t="s">
        <v>44</v>
      </c>
      <c r="FN8" s="324" t="s">
        <v>45</v>
      </c>
      <c r="FO8" s="52" t="s">
        <v>83</v>
      </c>
      <c r="FP8" s="47" t="s">
        <v>47</v>
      </c>
      <c r="FQ8" s="47" t="s">
        <v>48</v>
      </c>
      <c r="FR8" s="47" t="s">
        <v>49</v>
      </c>
      <c r="FS8" s="47" t="s">
        <v>50</v>
      </c>
      <c r="FT8" s="47" t="s">
        <v>51</v>
      </c>
      <c r="FU8" s="48" t="s">
        <v>45</v>
      </c>
      <c r="FV8" s="727"/>
      <c r="FW8" s="51" t="s">
        <v>43</v>
      </c>
      <c r="FX8" s="47" t="s">
        <v>44</v>
      </c>
      <c r="FY8" s="324" t="s">
        <v>45</v>
      </c>
      <c r="FZ8" s="52" t="s">
        <v>83</v>
      </c>
      <c r="GA8" s="47" t="s">
        <v>47</v>
      </c>
      <c r="GB8" s="47" t="s">
        <v>48</v>
      </c>
      <c r="GC8" s="47" t="s">
        <v>49</v>
      </c>
      <c r="GD8" s="47" t="s">
        <v>50</v>
      </c>
      <c r="GE8" s="47" t="s">
        <v>51</v>
      </c>
      <c r="GF8" s="48" t="s">
        <v>45</v>
      </c>
      <c r="GG8" s="715"/>
      <c r="GH8" s="51" t="s">
        <v>43</v>
      </c>
      <c r="GI8" s="47" t="s">
        <v>44</v>
      </c>
      <c r="GJ8" s="324" t="s">
        <v>45</v>
      </c>
      <c r="GK8" s="52" t="s">
        <v>83</v>
      </c>
      <c r="GL8" s="47" t="s">
        <v>47</v>
      </c>
      <c r="GM8" s="47" t="s">
        <v>48</v>
      </c>
      <c r="GN8" s="47" t="s">
        <v>49</v>
      </c>
      <c r="GO8" s="47" t="s">
        <v>50</v>
      </c>
      <c r="GP8" s="47" t="s">
        <v>51</v>
      </c>
      <c r="GQ8" s="48" t="s">
        <v>45</v>
      </c>
      <c r="GR8" s="725"/>
      <c r="GS8" s="51" t="s">
        <v>43</v>
      </c>
      <c r="GT8" s="47" t="s">
        <v>44</v>
      </c>
      <c r="GU8" s="324" t="s">
        <v>45</v>
      </c>
      <c r="GV8" s="52" t="s">
        <v>83</v>
      </c>
      <c r="GW8" s="47" t="s">
        <v>47</v>
      </c>
      <c r="GX8" s="47" t="s">
        <v>48</v>
      </c>
      <c r="GY8" s="47" t="s">
        <v>49</v>
      </c>
      <c r="GZ8" s="47" t="s">
        <v>50</v>
      </c>
      <c r="HA8" s="47" t="s">
        <v>51</v>
      </c>
      <c r="HB8" s="48" t="s">
        <v>45</v>
      </c>
      <c r="HC8" s="725"/>
      <c r="HD8" s="51" t="s">
        <v>43</v>
      </c>
      <c r="HE8" s="47" t="s">
        <v>44</v>
      </c>
      <c r="HF8" s="324" t="s">
        <v>45</v>
      </c>
      <c r="HG8" s="52" t="s">
        <v>83</v>
      </c>
      <c r="HH8" s="47" t="s">
        <v>47</v>
      </c>
      <c r="HI8" s="47" t="s">
        <v>48</v>
      </c>
      <c r="HJ8" s="47" t="s">
        <v>49</v>
      </c>
      <c r="HK8" s="47" t="s">
        <v>50</v>
      </c>
      <c r="HL8" s="47" t="s">
        <v>51</v>
      </c>
      <c r="HM8" s="48" t="s">
        <v>45</v>
      </c>
      <c r="HN8" s="715"/>
      <c r="HO8" s="51" t="s">
        <v>43</v>
      </c>
      <c r="HP8" s="47" t="s">
        <v>44</v>
      </c>
      <c r="HQ8" s="324" t="s">
        <v>45</v>
      </c>
      <c r="HR8" s="52" t="s">
        <v>83</v>
      </c>
      <c r="HS8" s="47" t="s">
        <v>47</v>
      </c>
      <c r="HT8" s="47" t="s">
        <v>48</v>
      </c>
      <c r="HU8" s="47" t="s">
        <v>49</v>
      </c>
      <c r="HV8" s="47" t="s">
        <v>50</v>
      </c>
      <c r="HW8" s="47" t="s">
        <v>51</v>
      </c>
      <c r="HX8" s="48" t="s">
        <v>45</v>
      </c>
      <c r="HY8" s="715"/>
      <c r="HZ8" s="366" t="s">
        <v>43</v>
      </c>
      <c r="IA8" s="367" t="s">
        <v>44</v>
      </c>
      <c r="IB8" s="41" t="s">
        <v>45</v>
      </c>
      <c r="IC8" s="42" t="s">
        <v>83</v>
      </c>
      <c r="ID8" s="367" t="s">
        <v>47</v>
      </c>
      <c r="IE8" s="367" t="s">
        <v>48</v>
      </c>
      <c r="IF8" s="367" t="s">
        <v>49</v>
      </c>
      <c r="IG8" s="367" t="s">
        <v>50</v>
      </c>
      <c r="IH8" s="367" t="s">
        <v>51</v>
      </c>
      <c r="II8" s="17" t="s">
        <v>45</v>
      </c>
      <c r="IJ8" s="650"/>
      <c r="IK8" s="366" t="s">
        <v>43</v>
      </c>
      <c r="IL8" s="367" t="s">
        <v>44</v>
      </c>
      <c r="IM8" s="41" t="s">
        <v>45</v>
      </c>
      <c r="IN8" s="42" t="s">
        <v>83</v>
      </c>
      <c r="IO8" s="59" t="s">
        <v>47</v>
      </c>
      <c r="IP8" s="59" t="s">
        <v>48</v>
      </c>
      <c r="IQ8" s="59" t="s">
        <v>49</v>
      </c>
      <c r="IR8" s="59" t="s">
        <v>50</v>
      </c>
      <c r="IS8" s="59" t="s">
        <v>51</v>
      </c>
      <c r="IT8" s="64" t="s">
        <v>45</v>
      </c>
      <c r="IU8" s="649"/>
      <c r="IV8" s="61" t="s">
        <v>43</v>
      </c>
      <c r="IW8" s="59" t="s">
        <v>44</v>
      </c>
      <c r="IX8" s="64" t="s">
        <v>45</v>
      </c>
      <c r="IY8" s="33" t="s">
        <v>83</v>
      </c>
      <c r="IZ8" s="59" t="s">
        <v>47</v>
      </c>
      <c r="JA8" s="59" t="s">
        <v>48</v>
      </c>
      <c r="JB8" s="59" t="s">
        <v>49</v>
      </c>
      <c r="JC8" s="59" t="s">
        <v>50</v>
      </c>
      <c r="JD8" s="59" t="s">
        <v>51</v>
      </c>
      <c r="JE8" s="64" t="s">
        <v>45</v>
      </c>
      <c r="JF8" s="649"/>
      <c r="JG8" s="61" t="s">
        <v>43</v>
      </c>
      <c r="JH8" s="59" t="s">
        <v>44</v>
      </c>
      <c r="JI8" s="60" t="s">
        <v>45</v>
      </c>
      <c r="JJ8" s="33" t="s">
        <v>83</v>
      </c>
      <c r="JK8" s="59" t="s">
        <v>47</v>
      </c>
      <c r="JL8" s="59" t="s">
        <v>48</v>
      </c>
      <c r="JM8" s="59" t="s">
        <v>49</v>
      </c>
      <c r="JN8" s="59" t="s">
        <v>50</v>
      </c>
      <c r="JO8" s="59" t="s">
        <v>51</v>
      </c>
      <c r="JP8" s="64" t="s">
        <v>45</v>
      </c>
      <c r="JQ8" s="609"/>
      <c r="JR8" s="61" t="s">
        <v>43</v>
      </c>
      <c r="JS8" s="59" t="s">
        <v>44</v>
      </c>
      <c r="JT8" s="60" t="s">
        <v>45</v>
      </c>
      <c r="JU8" s="33" t="s">
        <v>83</v>
      </c>
      <c r="JV8" s="59" t="s">
        <v>47</v>
      </c>
      <c r="JW8" s="59" t="s">
        <v>48</v>
      </c>
      <c r="JX8" s="59" t="s">
        <v>49</v>
      </c>
      <c r="JY8" s="59" t="s">
        <v>50</v>
      </c>
      <c r="JZ8" s="59" t="s">
        <v>51</v>
      </c>
      <c r="KA8" s="64" t="s">
        <v>45</v>
      </c>
      <c r="KB8" s="609"/>
      <c r="KC8" s="61" t="s">
        <v>43</v>
      </c>
      <c r="KD8" s="59" t="s">
        <v>44</v>
      </c>
      <c r="KE8" s="60" t="s">
        <v>45</v>
      </c>
      <c r="KF8" s="33" t="s">
        <v>83</v>
      </c>
      <c r="KG8" s="59" t="s">
        <v>47</v>
      </c>
      <c r="KH8" s="59" t="s">
        <v>48</v>
      </c>
      <c r="KI8" s="59" t="s">
        <v>49</v>
      </c>
      <c r="KJ8" s="59" t="s">
        <v>50</v>
      </c>
      <c r="KK8" s="59" t="s">
        <v>51</v>
      </c>
      <c r="KL8" s="64" t="s">
        <v>45</v>
      </c>
      <c r="KM8" s="609"/>
      <c r="KN8" s="61" t="s">
        <v>43</v>
      </c>
      <c r="KO8" s="59" t="s">
        <v>44</v>
      </c>
      <c r="KP8" s="60" t="s">
        <v>45</v>
      </c>
      <c r="KQ8" s="42" t="s">
        <v>83</v>
      </c>
      <c r="KR8" s="59" t="s">
        <v>47</v>
      </c>
      <c r="KS8" s="59" t="s">
        <v>48</v>
      </c>
      <c r="KT8" s="59" t="s">
        <v>49</v>
      </c>
      <c r="KU8" s="59" t="s">
        <v>50</v>
      </c>
      <c r="KV8" s="59" t="s">
        <v>51</v>
      </c>
      <c r="KW8" s="64" t="s">
        <v>45</v>
      </c>
      <c r="KX8" s="609"/>
      <c r="KY8" s="61" t="s">
        <v>43</v>
      </c>
      <c r="KZ8" s="59" t="s">
        <v>44</v>
      </c>
      <c r="LA8" s="60" t="s">
        <v>45</v>
      </c>
      <c r="LB8" s="42" t="s">
        <v>83</v>
      </c>
      <c r="LC8" s="59" t="s">
        <v>47</v>
      </c>
      <c r="LD8" s="59" t="s">
        <v>48</v>
      </c>
      <c r="LE8" s="59" t="s">
        <v>49</v>
      </c>
      <c r="LF8" s="59" t="s">
        <v>50</v>
      </c>
      <c r="LG8" s="59" t="s">
        <v>51</v>
      </c>
      <c r="LH8" s="64" t="s">
        <v>45</v>
      </c>
      <c r="LI8" s="609"/>
      <c r="LJ8" s="61" t="s">
        <v>43</v>
      </c>
      <c r="LK8" s="59" t="s">
        <v>44</v>
      </c>
      <c r="LL8" s="60" t="s">
        <v>45</v>
      </c>
      <c r="LM8" s="42" t="s">
        <v>83</v>
      </c>
      <c r="LN8" s="59" t="s">
        <v>47</v>
      </c>
      <c r="LO8" s="59" t="s">
        <v>48</v>
      </c>
      <c r="LP8" s="59" t="s">
        <v>49</v>
      </c>
      <c r="LQ8" s="59" t="s">
        <v>50</v>
      </c>
      <c r="LR8" s="59" t="s">
        <v>51</v>
      </c>
      <c r="LS8" s="64" t="s">
        <v>45</v>
      </c>
      <c r="LT8" s="609"/>
      <c r="LU8" s="61" t="s">
        <v>43</v>
      </c>
      <c r="LV8" s="59" t="s">
        <v>44</v>
      </c>
      <c r="LW8" s="60" t="s">
        <v>45</v>
      </c>
      <c r="LX8" s="42" t="s">
        <v>83</v>
      </c>
      <c r="LY8" s="59" t="s">
        <v>47</v>
      </c>
      <c r="LZ8" s="59" t="s">
        <v>48</v>
      </c>
      <c r="MA8" s="59" t="s">
        <v>49</v>
      </c>
      <c r="MB8" s="59" t="s">
        <v>50</v>
      </c>
      <c r="MC8" s="59" t="s">
        <v>51</v>
      </c>
      <c r="MD8" s="64" t="s">
        <v>45</v>
      </c>
      <c r="ME8" s="609"/>
      <c r="MF8" s="61" t="s">
        <v>43</v>
      </c>
      <c r="MG8" s="59" t="s">
        <v>44</v>
      </c>
      <c r="MH8" s="60" t="s">
        <v>45</v>
      </c>
      <c r="MI8" s="42" t="s">
        <v>83</v>
      </c>
      <c r="MJ8" s="59" t="s">
        <v>47</v>
      </c>
      <c r="MK8" s="59" t="s">
        <v>48</v>
      </c>
      <c r="ML8" s="59" t="s">
        <v>49</v>
      </c>
      <c r="MM8" s="59" t="s">
        <v>50</v>
      </c>
      <c r="MN8" s="59" t="s">
        <v>51</v>
      </c>
      <c r="MO8" s="64" t="s">
        <v>45</v>
      </c>
      <c r="MP8" s="609"/>
      <c r="MQ8" s="61" t="s">
        <v>43</v>
      </c>
      <c r="MR8" s="59" t="s">
        <v>44</v>
      </c>
      <c r="MS8" s="60" t="s">
        <v>45</v>
      </c>
      <c r="MT8" s="42" t="s">
        <v>83</v>
      </c>
      <c r="MU8" s="59" t="s">
        <v>47</v>
      </c>
      <c r="MV8" s="59" t="s">
        <v>48</v>
      </c>
      <c r="MW8" s="59" t="s">
        <v>49</v>
      </c>
      <c r="MX8" s="59" t="s">
        <v>50</v>
      </c>
      <c r="MY8" s="59" t="s">
        <v>51</v>
      </c>
      <c r="MZ8" s="64" t="s">
        <v>45</v>
      </c>
      <c r="NA8" s="609"/>
      <c r="NB8" s="61" t="s">
        <v>43</v>
      </c>
      <c r="NC8" s="59" t="s">
        <v>44</v>
      </c>
      <c r="ND8" s="60" t="s">
        <v>45</v>
      </c>
      <c r="NE8" s="42" t="s">
        <v>83</v>
      </c>
      <c r="NF8" s="59" t="s">
        <v>47</v>
      </c>
      <c r="NG8" s="59" t="s">
        <v>48</v>
      </c>
      <c r="NH8" s="59" t="s">
        <v>49</v>
      </c>
      <c r="NI8" s="59" t="s">
        <v>50</v>
      </c>
      <c r="NJ8" s="59" t="s">
        <v>51</v>
      </c>
      <c r="NK8" s="64" t="s">
        <v>45</v>
      </c>
      <c r="NL8" s="609"/>
      <c r="NM8" s="61" t="s">
        <v>43</v>
      </c>
      <c r="NN8" s="59" t="s">
        <v>44</v>
      </c>
      <c r="NO8" s="60" t="s">
        <v>45</v>
      </c>
      <c r="NP8" s="42" t="s">
        <v>83</v>
      </c>
      <c r="NQ8" s="59" t="s">
        <v>47</v>
      </c>
      <c r="NR8" s="59" t="s">
        <v>48</v>
      </c>
      <c r="NS8" s="59" t="s">
        <v>49</v>
      </c>
      <c r="NT8" s="59" t="s">
        <v>50</v>
      </c>
      <c r="NU8" s="59" t="s">
        <v>51</v>
      </c>
      <c r="NV8" s="64" t="s">
        <v>45</v>
      </c>
      <c r="NW8" s="609"/>
      <c r="NX8" s="61" t="s">
        <v>43</v>
      </c>
      <c r="NY8" s="59" t="s">
        <v>44</v>
      </c>
      <c r="NZ8" s="60" t="s">
        <v>45</v>
      </c>
      <c r="OA8" s="42" t="s">
        <v>83</v>
      </c>
      <c r="OB8" s="59" t="s">
        <v>47</v>
      </c>
      <c r="OC8" s="59" t="s">
        <v>48</v>
      </c>
      <c r="OD8" s="59" t="s">
        <v>49</v>
      </c>
      <c r="OE8" s="59" t="s">
        <v>50</v>
      </c>
      <c r="OF8" s="59" t="s">
        <v>51</v>
      </c>
      <c r="OG8" s="64" t="s">
        <v>45</v>
      </c>
      <c r="OH8" s="609"/>
      <c r="OI8" s="61" t="s">
        <v>43</v>
      </c>
      <c r="OJ8" s="59" t="s">
        <v>44</v>
      </c>
      <c r="OK8" s="60" t="s">
        <v>45</v>
      </c>
      <c r="OL8" s="33" t="s">
        <v>83</v>
      </c>
      <c r="OM8" s="59" t="s">
        <v>47</v>
      </c>
      <c r="ON8" s="59" t="s">
        <v>48</v>
      </c>
      <c r="OO8" s="59" t="s">
        <v>49</v>
      </c>
      <c r="OP8" s="59" t="s">
        <v>50</v>
      </c>
      <c r="OQ8" s="59" t="s">
        <v>51</v>
      </c>
      <c r="OR8" s="64" t="s">
        <v>45</v>
      </c>
      <c r="OS8" s="609"/>
    </row>
    <row r="9" spans="1:409" s="471" customFormat="1" ht="21" customHeight="1" x14ac:dyDescent="0.2">
      <c r="A9" s="44"/>
      <c r="B9" s="465" t="s">
        <v>4</v>
      </c>
      <c r="C9" s="385">
        <v>28367403</v>
      </c>
      <c r="D9" s="386">
        <v>46012210</v>
      </c>
      <c r="E9" s="387">
        <v>74379613</v>
      </c>
      <c r="F9" s="388">
        <v>0</v>
      </c>
      <c r="G9" s="386">
        <v>301866499</v>
      </c>
      <c r="H9" s="386">
        <v>400499035</v>
      </c>
      <c r="I9" s="386">
        <v>350703921</v>
      </c>
      <c r="J9" s="386">
        <v>329728666</v>
      </c>
      <c r="K9" s="386">
        <v>222174455</v>
      </c>
      <c r="L9" s="389">
        <v>1604972576</v>
      </c>
      <c r="M9" s="390">
        <v>1679352189</v>
      </c>
      <c r="N9" s="385">
        <v>7746480</v>
      </c>
      <c r="O9" s="386">
        <v>14592988</v>
      </c>
      <c r="P9" s="391">
        <v>22339468</v>
      </c>
      <c r="Q9" s="385">
        <v>0</v>
      </c>
      <c r="R9" s="386">
        <v>95730250</v>
      </c>
      <c r="S9" s="386">
        <v>133479656</v>
      </c>
      <c r="T9" s="386">
        <v>116276595</v>
      </c>
      <c r="U9" s="386">
        <v>120917930</v>
      </c>
      <c r="V9" s="386">
        <v>110314581</v>
      </c>
      <c r="W9" s="391">
        <v>576719012</v>
      </c>
      <c r="X9" s="390">
        <v>599058480</v>
      </c>
      <c r="Y9" s="385">
        <v>0</v>
      </c>
      <c r="Z9" s="386">
        <v>0</v>
      </c>
      <c r="AA9" s="391">
        <v>0</v>
      </c>
      <c r="AB9" s="392">
        <v>0</v>
      </c>
      <c r="AC9" s="393">
        <v>41216139</v>
      </c>
      <c r="AD9" s="393">
        <v>55863676</v>
      </c>
      <c r="AE9" s="393">
        <v>55169442</v>
      </c>
      <c r="AF9" s="393">
        <v>61240330</v>
      </c>
      <c r="AG9" s="393">
        <v>60023025</v>
      </c>
      <c r="AH9" s="391">
        <v>273512612</v>
      </c>
      <c r="AI9" s="390">
        <v>273512612</v>
      </c>
      <c r="AJ9" s="394">
        <v>0</v>
      </c>
      <c r="AK9" s="393">
        <v>48051</v>
      </c>
      <c r="AL9" s="391">
        <v>48051</v>
      </c>
      <c r="AM9" s="392">
        <v>0</v>
      </c>
      <c r="AN9" s="393">
        <v>265466</v>
      </c>
      <c r="AO9" s="389">
        <v>1639597</v>
      </c>
      <c r="AP9" s="393">
        <v>3614982</v>
      </c>
      <c r="AQ9" s="393">
        <v>7124446</v>
      </c>
      <c r="AR9" s="393">
        <v>13058288</v>
      </c>
      <c r="AS9" s="391">
        <v>25702779</v>
      </c>
      <c r="AT9" s="390">
        <v>25750830</v>
      </c>
      <c r="AU9" s="394">
        <v>3926182</v>
      </c>
      <c r="AV9" s="393">
        <v>9934278</v>
      </c>
      <c r="AW9" s="391">
        <v>13860460</v>
      </c>
      <c r="AX9" s="392">
        <v>0</v>
      </c>
      <c r="AY9" s="393">
        <v>34504856</v>
      </c>
      <c r="AZ9" s="393">
        <v>51800136</v>
      </c>
      <c r="BA9" s="393">
        <v>36643951</v>
      </c>
      <c r="BB9" s="393">
        <v>32556836</v>
      </c>
      <c r="BC9" s="393">
        <v>24232327</v>
      </c>
      <c r="BD9" s="391">
        <v>179738106</v>
      </c>
      <c r="BE9" s="395">
        <v>193598566</v>
      </c>
      <c r="BF9" s="394">
        <v>393210</v>
      </c>
      <c r="BG9" s="389">
        <v>1416099</v>
      </c>
      <c r="BH9" s="396">
        <v>1809309</v>
      </c>
      <c r="BI9" s="392">
        <v>0</v>
      </c>
      <c r="BJ9" s="393">
        <v>2755029</v>
      </c>
      <c r="BK9" s="393">
        <v>4542631</v>
      </c>
      <c r="BL9" s="393">
        <v>2364104</v>
      </c>
      <c r="BM9" s="393">
        <v>2506964</v>
      </c>
      <c r="BN9" s="393">
        <v>955452</v>
      </c>
      <c r="BO9" s="391">
        <v>13124180</v>
      </c>
      <c r="BP9" s="390">
        <v>14933489</v>
      </c>
      <c r="BQ9" s="394">
        <v>3427088</v>
      </c>
      <c r="BR9" s="393">
        <v>3194560</v>
      </c>
      <c r="BS9" s="391">
        <v>6621648</v>
      </c>
      <c r="BT9" s="392">
        <v>0</v>
      </c>
      <c r="BU9" s="393">
        <v>16988760</v>
      </c>
      <c r="BV9" s="393">
        <v>19633616</v>
      </c>
      <c r="BW9" s="393">
        <v>18484116</v>
      </c>
      <c r="BX9" s="393">
        <v>17489354</v>
      </c>
      <c r="BY9" s="393">
        <v>12045489</v>
      </c>
      <c r="BZ9" s="391">
        <v>84641335</v>
      </c>
      <c r="CA9" s="390">
        <v>91262983</v>
      </c>
      <c r="CB9" s="394">
        <v>2941252</v>
      </c>
      <c r="CC9" s="393">
        <v>6794436</v>
      </c>
      <c r="CD9" s="391">
        <v>9735688</v>
      </c>
      <c r="CE9" s="392">
        <v>0</v>
      </c>
      <c r="CF9" s="393">
        <v>94261565</v>
      </c>
      <c r="CG9" s="393">
        <v>124206814</v>
      </c>
      <c r="CH9" s="397">
        <v>85527129</v>
      </c>
      <c r="CI9" s="393">
        <v>52398713</v>
      </c>
      <c r="CJ9" s="393">
        <v>20479864</v>
      </c>
      <c r="CK9" s="391">
        <v>376874085</v>
      </c>
      <c r="CL9" s="390">
        <v>386609773</v>
      </c>
      <c r="CM9" s="385">
        <v>0</v>
      </c>
      <c r="CN9" s="386">
        <v>0</v>
      </c>
      <c r="CO9" s="391">
        <v>0</v>
      </c>
      <c r="CP9" s="392">
        <v>0</v>
      </c>
      <c r="CQ9" s="393">
        <v>77047438</v>
      </c>
      <c r="CR9" s="393">
        <v>90607770</v>
      </c>
      <c r="CS9" s="393">
        <v>61418252</v>
      </c>
      <c r="CT9" s="393">
        <v>36633876</v>
      </c>
      <c r="CU9" s="393">
        <v>15104671</v>
      </c>
      <c r="CV9" s="398">
        <v>280812007</v>
      </c>
      <c r="CW9" s="390">
        <v>280812007</v>
      </c>
      <c r="CX9" s="394">
        <v>2941252</v>
      </c>
      <c r="CY9" s="393">
        <v>6794436</v>
      </c>
      <c r="CZ9" s="391">
        <v>9735688</v>
      </c>
      <c r="DA9" s="392">
        <v>0</v>
      </c>
      <c r="DB9" s="393">
        <v>17214127</v>
      </c>
      <c r="DC9" s="393">
        <v>33599044</v>
      </c>
      <c r="DD9" s="393">
        <v>24108877</v>
      </c>
      <c r="DE9" s="393">
        <v>15764837</v>
      </c>
      <c r="DF9" s="393">
        <v>5375193</v>
      </c>
      <c r="DG9" s="391">
        <v>96062078</v>
      </c>
      <c r="DH9" s="390">
        <v>105797766</v>
      </c>
      <c r="DI9" s="394">
        <v>215514</v>
      </c>
      <c r="DJ9" s="393">
        <v>954653</v>
      </c>
      <c r="DK9" s="396">
        <v>1170167</v>
      </c>
      <c r="DL9" s="392">
        <v>0</v>
      </c>
      <c r="DM9" s="393">
        <v>10476811</v>
      </c>
      <c r="DN9" s="393">
        <v>18083709</v>
      </c>
      <c r="DO9" s="393">
        <v>33587575</v>
      </c>
      <c r="DP9" s="393">
        <v>30987632</v>
      </c>
      <c r="DQ9" s="393">
        <v>13335836</v>
      </c>
      <c r="DR9" s="399">
        <v>106471563</v>
      </c>
      <c r="DS9" s="390">
        <v>107641730</v>
      </c>
      <c r="DT9" s="394">
        <v>190201</v>
      </c>
      <c r="DU9" s="393">
        <v>922682</v>
      </c>
      <c r="DV9" s="391">
        <v>1112883</v>
      </c>
      <c r="DW9" s="392">
        <v>0</v>
      </c>
      <c r="DX9" s="393">
        <v>9399450</v>
      </c>
      <c r="DY9" s="393">
        <v>15581527</v>
      </c>
      <c r="DZ9" s="393">
        <v>28551428</v>
      </c>
      <c r="EA9" s="393">
        <v>28035098</v>
      </c>
      <c r="EB9" s="393">
        <v>11126913</v>
      </c>
      <c r="EC9" s="391">
        <v>92694416</v>
      </c>
      <c r="ED9" s="390">
        <v>93807299</v>
      </c>
      <c r="EE9" s="394">
        <v>25313</v>
      </c>
      <c r="EF9" s="389">
        <v>31971</v>
      </c>
      <c r="EG9" s="391">
        <v>57284</v>
      </c>
      <c r="EH9" s="395">
        <v>0</v>
      </c>
      <c r="EI9" s="393">
        <v>1077361</v>
      </c>
      <c r="EJ9" s="393">
        <v>2502182</v>
      </c>
      <c r="EK9" s="393">
        <v>5036147</v>
      </c>
      <c r="EL9" s="393">
        <v>2952534</v>
      </c>
      <c r="EM9" s="397">
        <v>2208923</v>
      </c>
      <c r="EN9" s="389">
        <v>13777147</v>
      </c>
      <c r="EO9" s="390">
        <v>13834431</v>
      </c>
      <c r="EP9" s="394">
        <v>0</v>
      </c>
      <c r="EQ9" s="393">
        <v>0</v>
      </c>
      <c r="ER9" s="389">
        <v>0</v>
      </c>
      <c r="ES9" s="392">
        <v>0</v>
      </c>
      <c r="ET9" s="393">
        <v>0</v>
      </c>
      <c r="EU9" s="393">
        <v>0</v>
      </c>
      <c r="EV9" s="393">
        <v>0</v>
      </c>
      <c r="EW9" s="393">
        <v>0</v>
      </c>
      <c r="EX9" s="393">
        <v>0</v>
      </c>
      <c r="EY9" s="398">
        <v>0</v>
      </c>
      <c r="EZ9" s="390">
        <v>0</v>
      </c>
      <c r="FA9" s="394">
        <v>0</v>
      </c>
      <c r="FB9" s="393">
        <v>0</v>
      </c>
      <c r="FC9" s="389">
        <v>0</v>
      </c>
      <c r="FD9" s="400"/>
      <c r="FE9" s="393">
        <v>0</v>
      </c>
      <c r="FF9" s="393">
        <v>0</v>
      </c>
      <c r="FG9" s="393">
        <v>0</v>
      </c>
      <c r="FH9" s="393">
        <v>0</v>
      </c>
      <c r="FI9" s="393">
        <v>0</v>
      </c>
      <c r="FJ9" s="398">
        <v>0</v>
      </c>
      <c r="FK9" s="390">
        <v>0</v>
      </c>
      <c r="FL9" s="394">
        <v>6946657</v>
      </c>
      <c r="FM9" s="393">
        <v>11072696</v>
      </c>
      <c r="FN9" s="391">
        <v>18019353</v>
      </c>
      <c r="FO9" s="392">
        <v>0</v>
      </c>
      <c r="FP9" s="393">
        <v>15455211</v>
      </c>
      <c r="FQ9" s="393">
        <v>39513489</v>
      </c>
      <c r="FR9" s="393">
        <v>28328373</v>
      </c>
      <c r="FS9" s="393">
        <v>25398085</v>
      </c>
      <c r="FT9" s="393">
        <v>15691355</v>
      </c>
      <c r="FU9" s="391">
        <v>124386513</v>
      </c>
      <c r="FV9" s="390">
        <v>142405866</v>
      </c>
      <c r="FW9" s="394">
        <v>2502480</v>
      </c>
      <c r="FX9" s="393">
        <v>6847560</v>
      </c>
      <c r="FY9" s="389">
        <v>9350040</v>
      </c>
      <c r="FZ9" s="395">
        <v>0</v>
      </c>
      <c r="GA9" s="393">
        <v>10491570</v>
      </c>
      <c r="GB9" s="401">
        <v>34764170</v>
      </c>
      <c r="GC9" s="393">
        <v>25868602</v>
      </c>
      <c r="GD9" s="401">
        <v>23073660</v>
      </c>
      <c r="GE9" s="393">
        <v>14646336</v>
      </c>
      <c r="GF9" s="398">
        <v>108844338</v>
      </c>
      <c r="GG9" s="402">
        <v>118194378</v>
      </c>
      <c r="GH9" s="403">
        <v>223656</v>
      </c>
      <c r="GI9" s="393">
        <v>646632</v>
      </c>
      <c r="GJ9" s="401">
        <v>870288</v>
      </c>
      <c r="GK9" s="388">
        <v>0</v>
      </c>
      <c r="GL9" s="393">
        <v>935656</v>
      </c>
      <c r="GM9" s="389">
        <v>995623</v>
      </c>
      <c r="GN9" s="393">
        <v>676647</v>
      </c>
      <c r="GO9" s="389">
        <v>1123205</v>
      </c>
      <c r="GP9" s="393">
        <v>377365</v>
      </c>
      <c r="GQ9" s="399">
        <v>4108496</v>
      </c>
      <c r="GR9" s="390">
        <v>4978784</v>
      </c>
      <c r="GS9" s="389">
        <v>4220521</v>
      </c>
      <c r="GT9" s="393">
        <v>3578504</v>
      </c>
      <c r="GU9" s="391">
        <v>7799025</v>
      </c>
      <c r="GV9" s="389">
        <v>0</v>
      </c>
      <c r="GW9" s="393">
        <v>4027985</v>
      </c>
      <c r="GX9" s="389">
        <v>3753696</v>
      </c>
      <c r="GY9" s="393">
        <v>1783124</v>
      </c>
      <c r="GZ9" s="389">
        <v>1201220</v>
      </c>
      <c r="HA9" s="393">
        <v>667654</v>
      </c>
      <c r="HB9" s="389">
        <v>11433679</v>
      </c>
      <c r="HC9" s="390">
        <v>19232704</v>
      </c>
      <c r="HD9" s="389">
        <v>10517500</v>
      </c>
      <c r="HE9" s="393">
        <v>12597437</v>
      </c>
      <c r="HF9" s="389">
        <v>23114937</v>
      </c>
      <c r="HG9" s="395">
        <v>0</v>
      </c>
      <c r="HH9" s="393">
        <v>85942662</v>
      </c>
      <c r="HI9" s="401">
        <v>85215367</v>
      </c>
      <c r="HJ9" s="393">
        <v>86984249</v>
      </c>
      <c r="HK9" s="401">
        <v>100026306</v>
      </c>
      <c r="HL9" s="393">
        <v>62352819</v>
      </c>
      <c r="HM9" s="398">
        <v>420521403</v>
      </c>
      <c r="HN9" s="389">
        <v>443636340</v>
      </c>
      <c r="HO9" s="466"/>
      <c r="HP9" s="467"/>
      <c r="HQ9" s="468"/>
      <c r="HR9" s="469"/>
      <c r="HS9" s="467"/>
      <c r="HT9" s="469"/>
      <c r="HU9" s="467"/>
      <c r="HV9" s="469"/>
      <c r="HW9" s="467"/>
      <c r="HX9" s="469"/>
      <c r="HY9" s="470"/>
      <c r="HZ9" s="404">
        <v>673023</v>
      </c>
      <c r="IA9" s="405">
        <v>682226</v>
      </c>
      <c r="IB9" s="406">
        <v>1355249</v>
      </c>
      <c r="IC9" s="407">
        <v>0</v>
      </c>
      <c r="ID9" s="405">
        <v>82838513</v>
      </c>
      <c r="IE9" s="408">
        <v>102981701</v>
      </c>
      <c r="IF9" s="409">
        <v>111536842</v>
      </c>
      <c r="IG9" s="405">
        <v>81173886</v>
      </c>
      <c r="IH9" s="409">
        <v>59145016</v>
      </c>
      <c r="II9" s="410">
        <v>437675958</v>
      </c>
      <c r="IJ9" s="411">
        <v>439031207</v>
      </c>
      <c r="IK9" s="412">
        <v>0</v>
      </c>
      <c r="IL9" s="413">
        <v>0</v>
      </c>
      <c r="IM9" s="414">
        <v>0</v>
      </c>
      <c r="IN9" s="415"/>
      <c r="IO9" s="416">
        <v>1343441</v>
      </c>
      <c r="IP9" s="416">
        <v>2668640</v>
      </c>
      <c r="IQ9" s="416">
        <v>5094507</v>
      </c>
      <c r="IR9" s="416">
        <v>4320171</v>
      </c>
      <c r="IS9" s="416">
        <v>5041521</v>
      </c>
      <c r="IT9" s="417">
        <v>18468280</v>
      </c>
      <c r="IU9" s="418">
        <v>18468280</v>
      </c>
      <c r="IV9" s="419">
        <v>0</v>
      </c>
      <c r="IW9" s="416">
        <v>0</v>
      </c>
      <c r="IX9" s="420">
        <v>0</v>
      </c>
      <c r="IY9" s="421"/>
      <c r="IZ9" s="416">
        <v>180600</v>
      </c>
      <c r="JA9" s="416">
        <v>692021</v>
      </c>
      <c r="JB9" s="416">
        <v>647679</v>
      </c>
      <c r="JC9" s="416">
        <v>779005</v>
      </c>
      <c r="JD9" s="416">
        <v>690538</v>
      </c>
      <c r="JE9" s="420">
        <v>2989843</v>
      </c>
      <c r="JF9" s="422">
        <v>2989843</v>
      </c>
      <c r="JG9" s="419">
        <v>0</v>
      </c>
      <c r="JH9" s="416">
        <v>0</v>
      </c>
      <c r="JI9" s="417">
        <v>0</v>
      </c>
      <c r="JJ9" s="423">
        <v>0</v>
      </c>
      <c r="JK9" s="416">
        <v>38997353</v>
      </c>
      <c r="JL9" s="416">
        <v>38687552</v>
      </c>
      <c r="JM9" s="416">
        <v>29072915</v>
      </c>
      <c r="JN9" s="416">
        <v>13224425</v>
      </c>
      <c r="JO9" s="416">
        <v>8197391</v>
      </c>
      <c r="JP9" s="420">
        <v>128179636</v>
      </c>
      <c r="JQ9" s="418">
        <v>128179636</v>
      </c>
      <c r="JR9" s="419">
        <v>48504</v>
      </c>
      <c r="JS9" s="416">
        <v>0</v>
      </c>
      <c r="JT9" s="417">
        <v>48504</v>
      </c>
      <c r="JU9" s="423">
        <v>0</v>
      </c>
      <c r="JV9" s="416">
        <v>6619292</v>
      </c>
      <c r="JW9" s="416">
        <v>7314627</v>
      </c>
      <c r="JX9" s="416">
        <v>9757351</v>
      </c>
      <c r="JY9" s="416">
        <v>4814412</v>
      </c>
      <c r="JZ9" s="416">
        <v>3788777</v>
      </c>
      <c r="KA9" s="420">
        <v>32294459</v>
      </c>
      <c r="KB9" s="418">
        <v>32342963</v>
      </c>
      <c r="KC9" s="424">
        <v>624519</v>
      </c>
      <c r="KD9" s="425">
        <v>465280</v>
      </c>
      <c r="KE9" s="420">
        <v>1089799</v>
      </c>
      <c r="KF9" s="423">
        <v>0</v>
      </c>
      <c r="KG9" s="416">
        <v>9810474</v>
      </c>
      <c r="KH9" s="416">
        <v>14179375</v>
      </c>
      <c r="KI9" s="416">
        <v>19268026</v>
      </c>
      <c r="KJ9" s="416">
        <v>11946865</v>
      </c>
      <c r="KK9" s="416">
        <v>6540730</v>
      </c>
      <c r="KL9" s="420">
        <v>61745470</v>
      </c>
      <c r="KM9" s="426">
        <v>62835269</v>
      </c>
      <c r="KN9" s="412">
        <v>0</v>
      </c>
      <c r="KO9" s="413">
        <v>216946</v>
      </c>
      <c r="KP9" s="414">
        <v>216946</v>
      </c>
      <c r="KQ9" s="415"/>
      <c r="KR9" s="416">
        <v>22474460</v>
      </c>
      <c r="KS9" s="416">
        <v>35397169</v>
      </c>
      <c r="KT9" s="416">
        <v>36644985</v>
      </c>
      <c r="KU9" s="416">
        <v>31352100</v>
      </c>
      <c r="KV9" s="416">
        <v>19952169</v>
      </c>
      <c r="KW9" s="420">
        <v>145820883</v>
      </c>
      <c r="KX9" s="418">
        <v>146037829</v>
      </c>
      <c r="KY9" s="419">
        <v>0</v>
      </c>
      <c r="KZ9" s="416">
        <v>0</v>
      </c>
      <c r="LA9" s="420">
        <v>0</v>
      </c>
      <c r="LB9" s="427"/>
      <c r="LC9" s="416">
        <v>660046</v>
      </c>
      <c r="LD9" s="416">
        <v>901650</v>
      </c>
      <c r="LE9" s="416">
        <v>1819543</v>
      </c>
      <c r="LF9" s="416">
        <v>657266</v>
      </c>
      <c r="LG9" s="416">
        <v>951221</v>
      </c>
      <c r="LH9" s="420">
        <v>4989726</v>
      </c>
      <c r="LI9" s="422">
        <v>4989726</v>
      </c>
      <c r="LJ9" s="419">
        <v>0</v>
      </c>
      <c r="LK9" s="416">
        <v>0</v>
      </c>
      <c r="LL9" s="420">
        <v>0</v>
      </c>
      <c r="LM9" s="427"/>
      <c r="LN9" s="416">
        <v>0</v>
      </c>
      <c r="LO9" s="416">
        <v>527879</v>
      </c>
      <c r="LP9" s="416">
        <v>4308480</v>
      </c>
      <c r="LQ9" s="416">
        <v>6299761</v>
      </c>
      <c r="LR9" s="416">
        <v>2076841</v>
      </c>
      <c r="LS9" s="420">
        <v>13212961</v>
      </c>
      <c r="LT9" s="418">
        <v>13212961</v>
      </c>
      <c r="LU9" s="419">
        <v>0</v>
      </c>
      <c r="LV9" s="416">
        <v>0</v>
      </c>
      <c r="LW9" s="420">
        <v>0</v>
      </c>
      <c r="LX9" s="427"/>
      <c r="LY9" s="416">
        <v>2752847</v>
      </c>
      <c r="LZ9" s="416">
        <v>2612788</v>
      </c>
      <c r="MA9" s="416">
        <v>4923356</v>
      </c>
      <c r="MB9" s="416">
        <v>7779881</v>
      </c>
      <c r="MC9" s="416">
        <v>11905828</v>
      </c>
      <c r="MD9" s="420">
        <v>29974700</v>
      </c>
      <c r="ME9" s="422">
        <v>29974700</v>
      </c>
      <c r="MF9" s="419">
        <v>0</v>
      </c>
      <c r="MG9" s="416">
        <v>0</v>
      </c>
      <c r="MH9" s="420">
        <v>0</v>
      </c>
      <c r="MI9" s="427"/>
      <c r="MJ9" s="416">
        <v>25842507</v>
      </c>
      <c r="MK9" s="416">
        <v>60794027</v>
      </c>
      <c r="ML9" s="416">
        <v>180198749</v>
      </c>
      <c r="MM9" s="416">
        <v>283946752</v>
      </c>
      <c r="MN9" s="416">
        <v>167419990</v>
      </c>
      <c r="MO9" s="420">
        <v>718202025</v>
      </c>
      <c r="MP9" s="426">
        <v>718202025</v>
      </c>
      <c r="MQ9" s="419">
        <v>0</v>
      </c>
      <c r="MR9" s="416">
        <v>0</v>
      </c>
      <c r="MS9" s="420">
        <v>0</v>
      </c>
      <c r="MT9" s="427"/>
      <c r="MU9" s="416">
        <v>2716724</v>
      </c>
      <c r="MV9" s="416">
        <v>12638547</v>
      </c>
      <c r="MW9" s="416">
        <v>113424037</v>
      </c>
      <c r="MX9" s="416">
        <v>180989690</v>
      </c>
      <c r="MY9" s="416">
        <v>106717099</v>
      </c>
      <c r="MZ9" s="420">
        <v>416486097</v>
      </c>
      <c r="NA9" s="426">
        <v>416486097</v>
      </c>
      <c r="NB9" s="419">
        <v>0</v>
      </c>
      <c r="NC9" s="416">
        <v>0</v>
      </c>
      <c r="ND9" s="420">
        <v>0</v>
      </c>
      <c r="NE9" s="427"/>
      <c r="NF9" s="416">
        <v>23125783</v>
      </c>
      <c r="NG9" s="416">
        <v>47881608</v>
      </c>
      <c r="NH9" s="416">
        <v>66081703</v>
      </c>
      <c r="NI9" s="416">
        <v>93977802</v>
      </c>
      <c r="NJ9" s="416">
        <v>53058748</v>
      </c>
      <c r="NK9" s="420">
        <v>284125644</v>
      </c>
      <c r="NL9" s="418">
        <v>284125644</v>
      </c>
      <c r="NM9" s="419">
        <v>0</v>
      </c>
      <c r="NN9" s="416">
        <v>0</v>
      </c>
      <c r="NO9" s="420">
        <v>0</v>
      </c>
      <c r="NP9" s="427"/>
      <c r="NQ9" s="416">
        <v>0</v>
      </c>
      <c r="NR9" s="416">
        <v>0</v>
      </c>
      <c r="NS9" s="416">
        <v>315888</v>
      </c>
      <c r="NT9" s="416">
        <v>3349743</v>
      </c>
      <c r="NU9" s="416">
        <v>669146</v>
      </c>
      <c r="NV9" s="420">
        <v>4334777</v>
      </c>
      <c r="NW9" s="422">
        <v>4334777</v>
      </c>
      <c r="NX9" s="419">
        <v>0</v>
      </c>
      <c r="NY9" s="416">
        <v>0</v>
      </c>
      <c r="NZ9" s="420">
        <v>0</v>
      </c>
      <c r="OA9" s="427"/>
      <c r="OB9" s="416">
        <v>0</v>
      </c>
      <c r="OC9" s="416">
        <v>273872</v>
      </c>
      <c r="OD9" s="416">
        <v>377121</v>
      </c>
      <c r="OE9" s="416">
        <v>5629517</v>
      </c>
      <c r="OF9" s="416">
        <v>6974997</v>
      </c>
      <c r="OG9" s="420">
        <v>13255507</v>
      </c>
      <c r="OH9" s="422">
        <v>13255507</v>
      </c>
      <c r="OI9" s="419">
        <v>29040426</v>
      </c>
      <c r="OJ9" s="416">
        <v>46694436</v>
      </c>
      <c r="OK9" s="417">
        <v>75734862</v>
      </c>
      <c r="OL9" s="423">
        <v>0</v>
      </c>
      <c r="OM9" s="416">
        <v>410547519</v>
      </c>
      <c r="ON9" s="416">
        <v>564274763</v>
      </c>
      <c r="OO9" s="416">
        <v>642439512</v>
      </c>
      <c r="OP9" s="416">
        <v>694849304</v>
      </c>
      <c r="OQ9" s="416">
        <v>448739461</v>
      </c>
      <c r="OR9" s="420">
        <v>2760850559</v>
      </c>
      <c r="OS9" s="426">
        <v>2836585421</v>
      </c>
    </row>
    <row r="10" spans="1:409" s="471" customFormat="1" ht="21" customHeight="1" x14ac:dyDescent="0.2">
      <c r="A10" s="44"/>
      <c r="B10" s="472" t="s">
        <v>5</v>
      </c>
      <c r="C10" s="430">
        <v>11888196</v>
      </c>
      <c r="D10" s="431">
        <v>24475484</v>
      </c>
      <c r="E10" s="432">
        <v>36363680</v>
      </c>
      <c r="F10" s="433">
        <v>0</v>
      </c>
      <c r="G10" s="431">
        <v>114549447</v>
      </c>
      <c r="H10" s="431">
        <v>183214365</v>
      </c>
      <c r="I10" s="431">
        <v>162348483</v>
      </c>
      <c r="J10" s="431">
        <v>141230119</v>
      </c>
      <c r="K10" s="431">
        <v>99329094</v>
      </c>
      <c r="L10" s="433">
        <v>700671508</v>
      </c>
      <c r="M10" s="434">
        <v>737035188</v>
      </c>
      <c r="N10" s="430">
        <v>3603285</v>
      </c>
      <c r="O10" s="431">
        <v>8153289</v>
      </c>
      <c r="P10" s="432">
        <v>11756574</v>
      </c>
      <c r="Q10" s="430">
        <v>0</v>
      </c>
      <c r="R10" s="431">
        <v>38398212</v>
      </c>
      <c r="S10" s="431">
        <v>64267797</v>
      </c>
      <c r="T10" s="431">
        <v>55213952</v>
      </c>
      <c r="U10" s="431">
        <v>51966652</v>
      </c>
      <c r="V10" s="431">
        <v>47837929</v>
      </c>
      <c r="W10" s="432">
        <v>257684542</v>
      </c>
      <c r="X10" s="434">
        <v>269441116</v>
      </c>
      <c r="Y10" s="430">
        <v>0</v>
      </c>
      <c r="Z10" s="431">
        <v>0</v>
      </c>
      <c r="AA10" s="432">
        <v>0</v>
      </c>
      <c r="AB10" s="430">
        <v>0</v>
      </c>
      <c r="AC10" s="431">
        <v>16797284</v>
      </c>
      <c r="AD10" s="431">
        <v>24440307</v>
      </c>
      <c r="AE10" s="431">
        <v>25082413</v>
      </c>
      <c r="AF10" s="431">
        <v>24480097</v>
      </c>
      <c r="AG10" s="431">
        <v>25154401</v>
      </c>
      <c r="AH10" s="432">
        <v>115954502</v>
      </c>
      <c r="AI10" s="434">
        <v>115954502</v>
      </c>
      <c r="AJ10" s="430">
        <v>0</v>
      </c>
      <c r="AK10" s="431">
        <v>0</v>
      </c>
      <c r="AL10" s="432">
        <v>0</v>
      </c>
      <c r="AM10" s="430">
        <v>0</v>
      </c>
      <c r="AN10" s="431">
        <v>-99523</v>
      </c>
      <c r="AO10" s="431">
        <v>784356</v>
      </c>
      <c r="AP10" s="431">
        <v>1526168</v>
      </c>
      <c r="AQ10" s="431">
        <v>2918720</v>
      </c>
      <c r="AR10" s="431">
        <v>5980533</v>
      </c>
      <c r="AS10" s="432">
        <v>11110254</v>
      </c>
      <c r="AT10" s="434">
        <v>11110254</v>
      </c>
      <c r="AU10" s="430">
        <v>1904568</v>
      </c>
      <c r="AV10" s="431">
        <v>5617100</v>
      </c>
      <c r="AW10" s="432">
        <v>7521668</v>
      </c>
      <c r="AX10" s="430">
        <v>0</v>
      </c>
      <c r="AY10" s="431">
        <v>14602112</v>
      </c>
      <c r="AZ10" s="431">
        <v>28366255</v>
      </c>
      <c r="BA10" s="431">
        <v>19316754</v>
      </c>
      <c r="BB10" s="431">
        <v>16321639</v>
      </c>
      <c r="BC10" s="431">
        <v>11109511</v>
      </c>
      <c r="BD10" s="432">
        <v>89716271</v>
      </c>
      <c r="BE10" s="434">
        <v>97237939</v>
      </c>
      <c r="BF10" s="430">
        <v>193509</v>
      </c>
      <c r="BG10" s="431">
        <v>610381</v>
      </c>
      <c r="BH10" s="435">
        <v>803890</v>
      </c>
      <c r="BI10" s="436">
        <v>0</v>
      </c>
      <c r="BJ10" s="431">
        <v>850547</v>
      </c>
      <c r="BK10" s="431">
        <v>1804487</v>
      </c>
      <c r="BL10" s="431">
        <v>1159965</v>
      </c>
      <c r="BM10" s="431">
        <v>921578</v>
      </c>
      <c r="BN10" s="431">
        <v>304451</v>
      </c>
      <c r="BO10" s="432">
        <v>5041028</v>
      </c>
      <c r="BP10" s="434">
        <v>5844918</v>
      </c>
      <c r="BQ10" s="430">
        <v>1505208</v>
      </c>
      <c r="BR10" s="431">
        <v>1925808</v>
      </c>
      <c r="BS10" s="432">
        <v>3431016</v>
      </c>
      <c r="BT10" s="430">
        <v>0</v>
      </c>
      <c r="BU10" s="431">
        <v>6247792</v>
      </c>
      <c r="BV10" s="431">
        <v>8872392</v>
      </c>
      <c r="BW10" s="431">
        <v>8128652</v>
      </c>
      <c r="BX10" s="431">
        <v>7324618</v>
      </c>
      <c r="BY10" s="431">
        <v>5289033</v>
      </c>
      <c r="BZ10" s="432">
        <v>35862487</v>
      </c>
      <c r="CA10" s="434">
        <v>39293503</v>
      </c>
      <c r="CB10" s="430">
        <v>1435964</v>
      </c>
      <c r="CC10" s="431">
        <v>3738382</v>
      </c>
      <c r="CD10" s="432">
        <v>5174346</v>
      </c>
      <c r="CE10" s="430">
        <v>0</v>
      </c>
      <c r="CF10" s="431">
        <v>35023760</v>
      </c>
      <c r="CG10" s="431">
        <v>54362072</v>
      </c>
      <c r="CH10" s="431">
        <v>37547347</v>
      </c>
      <c r="CI10" s="431">
        <v>21045869</v>
      </c>
      <c r="CJ10" s="431">
        <v>9085139</v>
      </c>
      <c r="CK10" s="432">
        <v>157064187</v>
      </c>
      <c r="CL10" s="434">
        <v>162238533</v>
      </c>
      <c r="CM10" s="430">
        <v>0</v>
      </c>
      <c r="CN10" s="431">
        <v>0</v>
      </c>
      <c r="CO10" s="432">
        <v>0</v>
      </c>
      <c r="CP10" s="436">
        <v>0</v>
      </c>
      <c r="CQ10" s="431">
        <v>28645054</v>
      </c>
      <c r="CR10" s="431">
        <v>39823600</v>
      </c>
      <c r="CS10" s="431">
        <v>25951794</v>
      </c>
      <c r="CT10" s="431">
        <v>13445106</v>
      </c>
      <c r="CU10" s="431">
        <v>6560328</v>
      </c>
      <c r="CV10" s="432">
        <v>114425882</v>
      </c>
      <c r="CW10" s="434">
        <v>114425882</v>
      </c>
      <c r="CX10" s="430">
        <v>1435964</v>
      </c>
      <c r="CY10" s="431">
        <v>3738382</v>
      </c>
      <c r="CZ10" s="432">
        <v>5174346</v>
      </c>
      <c r="DA10" s="430">
        <v>0</v>
      </c>
      <c r="DB10" s="431">
        <v>6378706</v>
      </c>
      <c r="DC10" s="431">
        <v>14538472</v>
      </c>
      <c r="DD10" s="431">
        <v>11595553</v>
      </c>
      <c r="DE10" s="431">
        <v>7600763</v>
      </c>
      <c r="DF10" s="431">
        <v>2524811</v>
      </c>
      <c r="DG10" s="432">
        <v>42638305</v>
      </c>
      <c r="DH10" s="434">
        <v>47812651</v>
      </c>
      <c r="DI10" s="430">
        <v>35884</v>
      </c>
      <c r="DJ10" s="431">
        <v>453771</v>
      </c>
      <c r="DK10" s="435">
        <v>489655</v>
      </c>
      <c r="DL10" s="436">
        <v>0</v>
      </c>
      <c r="DM10" s="431">
        <v>4185867</v>
      </c>
      <c r="DN10" s="431">
        <v>8302001</v>
      </c>
      <c r="DO10" s="431">
        <v>16531701</v>
      </c>
      <c r="DP10" s="431">
        <v>11950477</v>
      </c>
      <c r="DQ10" s="431">
        <v>5785254</v>
      </c>
      <c r="DR10" s="432">
        <v>46755300</v>
      </c>
      <c r="DS10" s="434">
        <v>47244955</v>
      </c>
      <c r="DT10" s="430">
        <v>35884</v>
      </c>
      <c r="DU10" s="431">
        <v>421800</v>
      </c>
      <c r="DV10" s="432">
        <v>457684</v>
      </c>
      <c r="DW10" s="430">
        <v>0</v>
      </c>
      <c r="DX10" s="431">
        <v>3741827</v>
      </c>
      <c r="DY10" s="431">
        <v>6790232</v>
      </c>
      <c r="DZ10" s="431">
        <v>13468525</v>
      </c>
      <c r="EA10" s="431">
        <v>10133034</v>
      </c>
      <c r="EB10" s="431">
        <v>4514356</v>
      </c>
      <c r="EC10" s="432">
        <v>38647974</v>
      </c>
      <c r="ED10" s="434">
        <v>39105658</v>
      </c>
      <c r="EE10" s="430">
        <v>0</v>
      </c>
      <c r="EF10" s="435">
        <v>31971</v>
      </c>
      <c r="EG10" s="432">
        <v>31971</v>
      </c>
      <c r="EH10" s="430">
        <v>0</v>
      </c>
      <c r="EI10" s="431">
        <v>444040</v>
      </c>
      <c r="EJ10" s="431">
        <v>1511769</v>
      </c>
      <c r="EK10" s="431">
        <v>3063176</v>
      </c>
      <c r="EL10" s="431">
        <v>1817443</v>
      </c>
      <c r="EM10" s="431">
        <v>1270898</v>
      </c>
      <c r="EN10" s="435">
        <v>8107326</v>
      </c>
      <c r="EO10" s="434">
        <v>8139297</v>
      </c>
      <c r="EP10" s="430">
        <v>0</v>
      </c>
      <c r="EQ10" s="431">
        <v>0</v>
      </c>
      <c r="ER10" s="435">
        <v>0</v>
      </c>
      <c r="ES10" s="436">
        <v>0</v>
      </c>
      <c r="ET10" s="431">
        <v>0</v>
      </c>
      <c r="EU10" s="431">
        <v>0</v>
      </c>
      <c r="EV10" s="431">
        <v>0</v>
      </c>
      <c r="EW10" s="431">
        <v>0</v>
      </c>
      <c r="EX10" s="431">
        <v>0</v>
      </c>
      <c r="EY10" s="432">
        <v>0</v>
      </c>
      <c r="EZ10" s="434">
        <v>0</v>
      </c>
      <c r="FA10" s="430">
        <v>0</v>
      </c>
      <c r="FB10" s="431">
        <v>0</v>
      </c>
      <c r="FC10" s="435">
        <v>0</v>
      </c>
      <c r="FD10" s="437"/>
      <c r="FE10" s="431">
        <v>0</v>
      </c>
      <c r="FF10" s="431">
        <v>0</v>
      </c>
      <c r="FG10" s="431">
        <v>0</v>
      </c>
      <c r="FH10" s="431">
        <v>0</v>
      </c>
      <c r="FI10" s="431">
        <v>0</v>
      </c>
      <c r="FJ10" s="432">
        <v>0</v>
      </c>
      <c r="FK10" s="434">
        <v>0</v>
      </c>
      <c r="FL10" s="430">
        <v>2556752</v>
      </c>
      <c r="FM10" s="431">
        <v>5623424</v>
      </c>
      <c r="FN10" s="432">
        <v>8180176</v>
      </c>
      <c r="FO10" s="430">
        <v>0</v>
      </c>
      <c r="FP10" s="431">
        <v>5648248</v>
      </c>
      <c r="FQ10" s="431">
        <v>17487776</v>
      </c>
      <c r="FR10" s="431">
        <v>12372415</v>
      </c>
      <c r="FS10" s="431">
        <v>10617943</v>
      </c>
      <c r="FT10" s="431">
        <v>6557976</v>
      </c>
      <c r="FU10" s="432">
        <v>52684358</v>
      </c>
      <c r="FV10" s="434">
        <v>60864534</v>
      </c>
      <c r="FW10" s="438">
        <v>930488</v>
      </c>
      <c r="FX10" s="431">
        <v>2940072</v>
      </c>
      <c r="FY10" s="435">
        <v>3870560</v>
      </c>
      <c r="FZ10" s="436">
        <v>0</v>
      </c>
      <c r="GA10" s="431">
        <v>3312504</v>
      </c>
      <c r="GB10" s="431">
        <v>15291162</v>
      </c>
      <c r="GC10" s="431">
        <v>11377910</v>
      </c>
      <c r="GD10" s="431">
        <v>9404324</v>
      </c>
      <c r="GE10" s="431">
        <v>6211344</v>
      </c>
      <c r="GF10" s="432">
        <v>45597244</v>
      </c>
      <c r="GG10" s="439">
        <v>49467804</v>
      </c>
      <c r="GH10" s="438">
        <v>32920</v>
      </c>
      <c r="GI10" s="431">
        <v>362088</v>
      </c>
      <c r="GJ10" s="435">
        <v>395008</v>
      </c>
      <c r="GK10" s="436">
        <v>0</v>
      </c>
      <c r="GL10" s="431">
        <v>425901</v>
      </c>
      <c r="GM10" s="431">
        <v>473014</v>
      </c>
      <c r="GN10" s="431">
        <v>204005</v>
      </c>
      <c r="GO10" s="431">
        <v>499943</v>
      </c>
      <c r="GP10" s="431">
        <v>83672</v>
      </c>
      <c r="GQ10" s="432">
        <v>1686535</v>
      </c>
      <c r="GR10" s="434">
        <v>2081543</v>
      </c>
      <c r="GS10" s="430">
        <v>1593344</v>
      </c>
      <c r="GT10" s="431">
        <v>2321264</v>
      </c>
      <c r="GU10" s="432">
        <v>3914608</v>
      </c>
      <c r="GV10" s="430">
        <v>0</v>
      </c>
      <c r="GW10" s="431">
        <v>1909843</v>
      </c>
      <c r="GX10" s="431">
        <v>1723600</v>
      </c>
      <c r="GY10" s="431">
        <v>790500</v>
      </c>
      <c r="GZ10" s="431">
        <v>713676</v>
      </c>
      <c r="HA10" s="431">
        <v>262960</v>
      </c>
      <c r="HB10" s="435">
        <v>5400579</v>
      </c>
      <c r="HC10" s="434">
        <v>9315187</v>
      </c>
      <c r="HD10" s="430">
        <v>4256311</v>
      </c>
      <c r="HE10" s="431">
        <v>6506618</v>
      </c>
      <c r="HF10" s="435">
        <v>10762929</v>
      </c>
      <c r="HG10" s="436">
        <v>0</v>
      </c>
      <c r="HH10" s="431">
        <v>31293360</v>
      </c>
      <c r="HI10" s="431">
        <v>38794719</v>
      </c>
      <c r="HJ10" s="431">
        <v>40683068</v>
      </c>
      <c r="HK10" s="431">
        <v>45649178</v>
      </c>
      <c r="HL10" s="431">
        <v>30062796</v>
      </c>
      <c r="HM10" s="432">
        <v>186483121</v>
      </c>
      <c r="HN10" s="433">
        <v>197246050</v>
      </c>
      <c r="HO10" s="473"/>
      <c r="HP10" s="474"/>
      <c r="HQ10" s="475"/>
      <c r="HR10" s="476"/>
      <c r="HS10" s="474"/>
      <c r="HT10" s="474"/>
      <c r="HU10" s="474"/>
      <c r="HV10" s="474"/>
      <c r="HW10" s="474"/>
      <c r="HX10" s="477"/>
      <c r="HY10" s="478"/>
      <c r="HZ10" s="440">
        <v>260384</v>
      </c>
      <c r="IA10" s="441">
        <v>525588</v>
      </c>
      <c r="IB10" s="442">
        <v>785972</v>
      </c>
      <c r="IC10" s="443">
        <v>0</v>
      </c>
      <c r="ID10" s="444">
        <v>32734855</v>
      </c>
      <c r="IE10" s="445">
        <v>46081736</v>
      </c>
      <c r="IF10" s="446">
        <v>45110379</v>
      </c>
      <c r="IG10" s="444">
        <v>32633298</v>
      </c>
      <c r="IH10" s="446">
        <v>29269196</v>
      </c>
      <c r="II10" s="447">
        <v>185829464</v>
      </c>
      <c r="IJ10" s="448">
        <v>186615436</v>
      </c>
      <c r="IK10" s="449">
        <v>0</v>
      </c>
      <c r="IL10" s="450">
        <v>0</v>
      </c>
      <c r="IM10" s="451">
        <v>0</v>
      </c>
      <c r="IN10" s="452"/>
      <c r="IO10" s="453">
        <v>346290</v>
      </c>
      <c r="IP10" s="453">
        <v>1357454</v>
      </c>
      <c r="IQ10" s="453">
        <v>2121588</v>
      </c>
      <c r="IR10" s="453">
        <v>2636125</v>
      </c>
      <c r="IS10" s="453">
        <v>2768317</v>
      </c>
      <c r="IT10" s="454">
        <v>9229774</v>
      </c>
      <c r="IU10" s="455">
        <v>9229774</v>
      </c>
      <c r="IV10" s="456">
        <v>0</v>
      </c>
      <c r="IW10" s="453">
        <v>0</v>
      </c>
      <c r="IX10" s="457">
        <v>0</v>
      </c>
      <c r="IY10" s="458"/>
      <c r="IZ10" s="453">
        <v>117112</v>
      </c>
      <c r="JA10" s="453">
        <v>563157</v>
      </c>
      <c r="JB10" s="453">
        <v>387769</v>
      </c>
      <c r="JC10" s="453">
        <v>708529</v>
      </c>
      <c r="JD10" s="453">
        <v>623847</v>
      </c>
      <c r="JE10" s="457">
        <v>2400414</v>
      </c>
      <c r="JF10" s="459">
        <v>2400414</v>
      </c>
      <c r="JG10" s="456">
        <v>0</v>
      </c>
      <c r="JH10" s="453">
        <v>0</v>
      </c>
      <c r="JI10" s="454">
        <v>0</v>
      </c>
      <c r="JJ10" s="460">
        <v>0</v>
      </c>
      <c r="JK10" s="453">
        <v>15919921</v>
      </c>
      <c r="JL10" s="453">
        <v>19298268</v>
      </c>
      <c r="JM10" s="453">
        <v>13313828</v>
      </c>
      <c r="JN10" s="453">
        <v>6550009</v>
      </c>
      <c r="JO10" s="453">
        <v>4435154</v>
      </c>
      <c r="JP10" s="457">
        <v>59517180</v>
      </c>
      <c r="JQ10" s="455">
        <v>59517180</v>
      </c>
      <c r="JR10" s="456">
        <v>0</v>
      </c>
      <c r="JS10" s="453">
        <v>0</v>
      </c>
      <c r="JT10" s="454">
        <v>0</v>
      </c>
      <c r="JU10" s="460">
        <v>0</v>
      </c>
      <c r="JV10" s="453">
        <v>3501176</v>
      </c>
      <c r="JW10" s="453">
        <v>3392049</v>
      </c>
      <c r="JX10" s="453">
        <v>6839614</v>
      </c>
      <c r="JY10" s="453">
        <v>2221593</v>
      </c>
      <c r="JZ10" s="453">
        <v>2134490</v>
      </c>
      <c r="KA10" s="457">
        <v>18088922</v>
      </c>
      <c r="KB10" s="455">
        <v>18088922</v>
      </c>
      <c r="KC10" s="461">
        <v>260384</v>
      </c>
      <c r="KD10" s="462">
        <v>308642</v>
      </c>
      <c r="KE10" s="457">
        <v>569026</v>
      </c>
      <c r="KF10" s="460">
        <v>0</v>
      </c>
      <c r="KG10" s="453">
        <v>3509030</v>
      </c>
      <c r="KH10" s="453">
        <v>6155038</v>
      </c>
      <c r="KI10" s="453">
        <v>7836344</v>
      </c>
      <c r="KJ10" s="453">
        <v>4332113</v>
      </c>
      <c r="KK10" s="453">
        <v>3514978</v>
      </c>
      <c r="KL10" s="457">
        <v>25347503</v>
      </c>
      <c r="KM10" s="463">
        <v>25916529</v>
      </c>
      <c r="KN10" s="449">
        <v>0</v>
      </c>
      <c r="KO10" s="450">
        <v>216946</v>
      </c>
      <c r="KP10" s="451">
        <v>216946</v>
      </c>
      <c r="KQ10" s="452"/>
      <c r="KR10" s="453">
        <v>8820950</v>
      </c>
      <c r="KS10" s="453">
        <v>14435440</v>
      </c>
      <c r="KT10" s="453">
        <v>12182299</v>
      </c>
      <c r="KU10" s="453">
        <v>13768033</v>
      </c>
      <c r="KV10" s="453">
        <v>8897924</v>
      </c>
      <c r="KW10" s="457">
        <v>58104646</v>
      </c>
      <c r="KX10" s="455">
        <v>58321592</v>
      </c>
      <c r="KY10" s="456">
        <v>0</v>
      </c>
      <c r="KZ10" s="453">
        <v>0</v>
      </c>
      <c r="LA10" s="457">
        <v>0</v>
      </c>
      <c r="LB10" s="464"/>
      <c r="LC10" s="453">
        <v>0</v>
      </c>
      <c r="LD10" s="453">
        <v>0</v>
      </c>
      <c r="LE10" s="453">
        <v>0</v>
      </c>
      <c r="LF10" s="453">
        <v>0</v>
      </c>
      <c r="LG10" s="453">
        <v>0</v>
      </c>
      <c r="LH10" s="457">
        <v>0</v>
      </c>
      <c r="LI10" s="459">
        <v>0</v>
      </c>
      <c r="LJ10" s="456">
        <v>0</v>
      </c>
      <c r="LK10" s="453">
        <v>0</v>
      </c>
      <c r="LL10" s="457">
        <v>0</v>
      </c>
      <c r="LM10" s="464"/>
      <c r="LN10" s="453">
        <v>0</v>
      </c>
      <c r="LO10" s="453">
        <v>250024</v>
      </c>
      <c r="LP10" s="453">
        <v>841132</v>
      </c>
      <c r="LQ10" s="453">
        <v>1185518</v>
      </c>
      <c r="LR10" s="453">
        <v>628713</v>
      </c>
      <c r="LS10" s="457">
        <v>2905387</v>
      </c>
      <c r="LT10" s="455">
        <v>2905387</v>
      </c>
      <c r="LU10" s="456">
        <v>0</v>
      </c>
      <c r="LV10" s="453">
        <v>0</v>
      </c>
      <c r="LW10" s="457">
        <v>0</v>
      </c>
      <c r="LX10" s="464"/>
      <c r="LY10" s="453">
        <v>520376</v>
      </c>
      <c r="LZ10" s="453">
        <v>630306</v>
      </c>
      <c r="MA10" s="453">
        <v>1587805</v>
      </c>
      <c r="MB10" s="453">
        <v>1231378</v>
      </c>
      <c r="MC10" s="453">
        <v>6265773</v>
      </c>
      <c r="MD10" s="457">
        <v>10235638</v>
      </c>
      <c r="ME10" s="459">
        <v>10235638</v>
      </c>
      <c r="MF10" s="456">
        <v>0</v>
      </c>
      <c r="MG10" s="453">
        <v>0</v>
      </c>
      <c r="MH10" s="457">
        <v>0</v>
      </c>
      <c r="MI10" s="464"/>
      <c r="MJ10" s="453">
        <v>12593048</v>
      </c>
      <c r="MK10" s="453">
        <v>35269642</v>
      </c>
      <c r="ML10" s="453">
        <v>88611841</v>
      </c>
      <c r="MM10" s="453">
        <v>122079401</v>
      </c>
      <c r="MN10" s="453">
        <v>79499646</v>
      </c>
      <c r="MO10" s="457">
        <v>338053578</v>
      </c>
      <c r="MP10" s="463">
        <v>338053578</v>
      </c>
      <c r="MQ10" s="456">
        <v>0</v>
      </c>
      <c r="MR10" s="453">
        <v>0</v>
      </c>
      <c r="MS10" s="457">
        <v>0</v>
      </c>
      <c r="MT10" s="464"/>
      <c r="MU10" s="453">
        <v>1936641</v>
      </c>
      <c r="MV10" s="453">
        <v>9885772</v>
      </c>
      <c r="MW10" s="453">
        <v>56783393</v>
      </c>
      <c r="MX10" s="453">
        <v>73872277</v>
      </c>
      <c r="MY10" s="453">
        <v>51213862</v>
      </c>
      <c r="MZ10" s="457">
        <v>193691945</v>
      </c>
      <c r="NA10" s="463">
        <v>193691945</v>
      </c>
      <c r="NB10" s="456">
        <v>0</v>
      </c>
      <c r="NC10" s="453">
        <v>0</v>
      </c>
      <c r="ND10" s="457">
        <v>0</v>
      </c>
      <c r="NE10" s="464"/>
      <c r="NF10" s="453">
        <v>10656407</v>
      </c>
      <c r="NG10" s="453">
        <v>25383870</v>
      </c>
      <c r="NH10" s="453">
        <v>31451327</v>
      </c>
      <c r="NI10" s="453">
        <v>45889973</v>
      </c>
      <c r="NJ10" s="453">
        <v>26045723</v>
      </c>
      <c r="NK10" s="457">
        <v>139427300</v>
      </c>
      <c r="NL10" s="455">
        <v>139427300</v>
      </c>
      <c r="NM10" s="456">
        <v>0</v>
      </c>
      <c r="NN10" s="453">
        <v>0</v>
      </c>
      <c r="NO10" s="457">
        <v>0</v>
      </c>
      <c r="NP10" s="464"/>
      <c r="NQ10" s="453">
        <v>0</v>
      </c>
      <c r="NR10" s="453">
        <v>0</v>
      </c>
      <c r="NS10" s="453">
        <v>0</v>
      </c>
      <c r="NT10" s="453">
        <v>1263093</v>
      </c>
      <c r="NU10" s="453">
        <v>357990</v>
      </c>
      <c r="NV10" s="457">
        <v>1621083</v>
      </c>
      <c r="NW10" s="459">
        <v>1621083</v>
      </c>
      <c r="NX10" s="456">
        <v>0</v>
      </c>
      <c r="NY10" s="453">
        <v>0</v>
      </c>
      <c r="NZ10" s="457">
        <v>0</v>
      </c>
      <c r="OA10" s="464"/>
      <c r="OB10" s="453">
        <v>0</v>
      </c>
      <c r="OC10" s="453">
        <v>0</v>
      </c>
      <c r="OD10" s="453">
        <v>377121</v>
      </c>
      <c r="OE10" s="453">
        <v>1054058</v>
      </c>
      <c r="OF10" s="453">
        <v>1882071</v>
      </c>
      <c r="OG10" s="457">
        <v>3313250</v>
      </c>
      <c r="OH10" s="459">
        <v>3313250</v>
      </c>
      <c r="OI10" s="456">
        <v>12148580</v>
      </c>
      <c r="OJ10" s="453">
        <v>25001072</v>
      </c>
      <c r="OK10" s="454">
        <v>37149652</v>
      </c>
      <c r="OL10" s="460">
        <v>0</v>
      </c>
      <c r="OM10" s="453">
        <v>159877350</v>
      </c>
      <c r="ON10" s="453">
        <v>264565743</v>
      </c>
      <c r="OO10" s="453">
        <v>296070703</v>
      </c>
      <c r="OP10" s="453">
        <v>295942818</v>
      </c>
      <c r="OQ10" s="453">
        <v>208097936</v>
      </c>
      <c r="OR10" s="457">
        <v>1224554550</v>
      </c>
      <c r="OS10" s="463">
        <v>1261704202</v>
      </c>
    </row>
    <row r="11" spans="1:409" ht="21" customHeight="1" x14ac:dyDescent="0.2">
      <c r="B11" s="126" t="s">
        <v>6</v>
      </c>
      <c r="C11" s="110">
        <v>3837150</v>
      </c>
      <c r="D11" s="114">
        <v>5241473</v>
      </c>
      <c r="E11" s="113">
        <v>9078623</v>
      </c>
      <c r="F11" s="109">
        <v>0</v>
      </c>
      <c r="G11" s="114">
        <v>42447873</v>
      </c>
      <c r="H11" s="114">
        <v>49057565</v>
      </c>
      <c r="I11" s="114">
        <v>40112389</v>
      </c>
      <c r="J11" s="114">
        <v>41850522</v>
      </c>
      <c r="K11" s="114">
        <v>31368614</v>
      </c>
      <c r="L11" s="109">
        <v>204836963</v>
      </c>
      <c r="M11" s="116">
        <v>213915586</v>
      </c>
      <c r="N11" s="110">
        <v>1153678</v>
      </c>
      <c r="O11" s="114">
        <v>1541367</v>
      </c>
      <c r="P11" s="113">
        <v>2695045</v>
      </c>
      <c r="Q11" s="110">
        <v>0</v>
      </c>
      <c r="R11" s="114">
        <v>13642711</v>
      </c>
      <c r="S11" s="114">
        <v>16042738</v>
      </c>
      <c r="T11" s="114">
        <v>13619400</v>
      </c>
      <c r="U11" s="114">
        <v>15619908</v>
      </c>
      <c r="V11" s="114">
        <v>14930495</v>
      </c>
      <c r="W11" s="113">
        <v>73855252</v>
      </c>
      <c r="X11" s="116">
        <v>76550297</v>
      </c>
      <c r="Y11" s="110">
        <v>0</v>
      </c>
      <c r="Z11" s="114">
        <v>0</v>
      </c>
      <c r="AA11" s="113">
        <v>0</v>
      </c>
      <c r="AB11" s="110">
        <v>0</v>
      </c>
      <c r="AC11" s="114">
        <v>5338356</v>
      </c>
      <c r="AD11" s="114">
        <v>6339534</v>
      </c>
      <c r="AE11" s="114">
        <v>6549996</v>
      </c>
      <c r="AF11" s="114">
        <v>7359063</v>
      </c>
      <c r="AG11" s="114">
        <v>7642099</v>
      </c>
      <c r="AH11" s="113">
        <v>33229048</v>
      </c>
      <c r="AI11" s="116">
        <v>33229048</v>
      </c>
      <c r="AJ11" s="110">
        <v>0</v>
      </c>
      <c r="AK11" s="114">
        <v>0</v>
      </c>
      <c r="AL11" s="113">
        <v>0</v>
      </c>
      <c r="AM11" s="110">
        <v>0</v>
      </c>
      <c r="AN11" s="114">
        <v>48598</v>
      </c>
      <c r="AO11" s="114">
        <v>124369</v>
      </c>
      <c r="AP11" s="114">
        <v>441860</v>
      </c>
      <c r="AQ11" s="114">
        <v>632088</v>
      </c>
      <c r="AR11" s="114">
        <v>1791510</v>
      </c>
      <c r="AS11" s="113">
        <v>3038425</v>
      </c>
      <c r="AT11" s="116">
        <v>3038425</v>
      </c>
      <c r="AU11" s="110">
        <v>589202</v>
      </c>
      <c r="AV11" s="114">
        <v>1121335</v>
      </c>
      <c r="AW11" s="113">
        <v>1710537</v>
      </c>
      <c r="AX11" s="110">
        <v>0</v>
      </c>
      <c r="AY11" s="114">
        <v>4887629</v>
      </c>
      <c r="AZ11" s="114">
        <v>6224378</v>
      </c>
      <c r="BA11" s="114">
        <v>3821489</v>
      </c>
      <c r="BB11" s="114">
        <v>4403413</v>
      </c>
      <c r="BC11" s="114">
        <v>3567293</v>
      </c>
      <c r="BD11" s="113">
        <v>22904202</v>
      </c>
      <c r="BE11" s="116">
        <v>24614739</v>
      </c>
      <c r="BF11" s="110">
        <v>47356</v>
      </c>
      <c r="BG11" s="114">
        <v>0</v>
      </c>
      <c r="BH11" s="112">
        <v>47356</v>
      </c>
      <c r="BI11" s="111">
        <v>0</v>
      </c>
      <c r="BJ11" s="114">
        <v>440296</v>
      </c>
      <c r="BK11" s="114">
        <v>611641</v>
      </c>
      <c r="BL11" s="114">
        <v>59911</v>
      </c>
      <c r="BM11" s="114">
        <v>412080</v>
      </c>
      <c r="BN11" s="114">
        <v>104177</v>
      </c>
      <c r="BO11" s="113">
        <v>1628105</v>
      </c>
      <c r="BP11" s="116">
        <v>1675461</v>
      </c>
      <c r="BQ11" s="110">
        <v>517120</v>
      </c>
      <c r="BR11" s="114">
        <v>420032</v>
      </c>
      <c r="BS11" s="113">
        <v>937152</v>
      </c>
      <c r="BT11" s="110">
        <v>0</v>
      </c>
      <c r="BU11" s="114">
        <v>2927832</v>
      </c>
      <c r="BV11" s="114">
        <v>2742816</v>
      </c>
      <c r="BW11" s="114">
        <v>2746144</v>
      </c>
      <c r="BX11" s="114">
        <v>2813264</v>
      </c>
      <c r="BY11" s="114">
        <v>1825416</v>
      </c>
      <c r="BZ11" s="113">
        <v>13055472</v>
      </c>
      <c r="CA11" s="116">
        <v>13992624</v>
      </c>
      <c r="CB11" s="110">
        <v>240427</v>
      </c>
      <c r="CC11" s="114">
        <v>525624</v>
      </c>
      <c r="CD11" s="113">
        <v>766051</v>
      </c>
      <c r="CE11" s="110">
        <v>0</v>
      </c>
      <c r="CF11" s="114">
        <v>11237271</v>
      </c>
      <c r="CG11" s="114">
        <v>15306357</v>
      </c>
      <c r="CH11" s="114">
        <v>8309805</v>
      </c>
      <c r="CI11" s="114">
        <v>7060209</v>
      </c>
      <c r="CJ11" s="114">
        <v>3504851</v>
      </c>
      <c r="CK11" s="113">
        <v>45418493</v>
      </c>
      <c r="CL11" s="116">
        <v>46184544</v>
      </c>
      <c r="CM11" s="110">
        <v>0</v>
      </c>
      <c r="CN11" s="114">
        <v>0</v>
      </c>
      <c r="CO11" s="113">
        <v>0</v>
      </c>
      <c r="CP11" s="111">
        <v>0</v>
      </c>
      <c r="CQ11" s="114">
        <v>9428199</v>
      </c>
      <c r="CR11" s="114">
        <v>11133781</v>
      </c>
      <c r="CS11" s="114">
        <v>5563439</v>
      </c>
      <c r="CT11" s="114">
        <v>5174635</v>
      </c>
      <c r="CU11" s="114">
        <v>2164869</v>
      </c>
      <c r="CV11" s="113">
        <v>33464923</v>
      </c>
      <c r="CW11" s="116">
        <v>33464923</v>
      </c>
      <c r="CX11" s="110">
        <v>240427</v>
      </c>
      <c r="CY11" s="114">
        <v>525624</v>
      </c>
      <c r="CZ11" s="113">
        <v>766051</v>
      </c>
      <c r="DA11" s="110">
        <v>0</v>
      </c>
      <c r="DB11" s="114">
        <v>1809072</v>
      </c>
      <c r="DC11" s="114">
        <v>4172576</v>
      </c>
      <c r="DD11" s="114">
        <v>2746366</v>
      </c>
      <c r="DE11" s="114">
        <v>1885574</v>
      </c>
      <c r="DF11" s="114">
        <v>1339982</v>
      </c>
      <c r="DG11" s="113">
        <v>11953570</v>
      </c>
      <c r="DH11" s="116">
        <v>12719621</v>
      </c>
      <c r="DI11" s="110">
        <v>64841</v>
      </c>
      <c r="DJ11" s="114">
        <v>67210</v>
      </c>
      <c r="DK11" s="112">
        <v>132051</v>
      </c>
      <c r="DL11" s="111">
        <v>0</v>
      </c>
      <c r="DM11" s="114">
        <v>1488876</v>
      </c>
      <c r="DN11" s="114">
        <v>2036761</v>
      </c>
      <c r="DO11" s="114">
        <v>2338931</v>
      </c>
      <c r="DP11" s="114">
        <v>2205077</v>
      </c>
      <c r="DQ11" s="114">
        <v>1605901</v>
      </c>
      <c r="DR11" s="113">
        <v>9675546</v>
      </c>
      <c r="DS11" s="116">
        <v>9807597</v>
      </c>
      <c r="DT11" s="110">
        <v>64841</v>
      </c>
      <c r="DU11" s="114">
        <v>67210</v>
      </c>
      <c r="DV11" s="113">
        <v>132051</v>
      </c>
      <c r="DW11" s="110">
        <v>0</v>
      </c>
      <c r="DX11" s="114">
        <v>1149553</v>
      </c>
      <c r="DY11" s="114">
        <v>1723611</v>
      </c>
      <c r="DZ11" s="114">
        <v>1845857</v>
      </c>
      <c r="EA11" s="114">
        <v>1488696</v>
      </c>
      <c r="EB11" s="114">
        <v>1239839</v>
      </c>
      <c r="EC11" s="113">
        <v>7447556</v>
      </c>
      <c r="ED11" s="116">
        <v>7579607</v>
      </c>
      <c r="EE11" s="110">
        <v>0</v>
      </c>
      <c r="EF11" s="112">
        <v>0</v>
      </c>
      <c r="EG11" s="113">
        <v>0</v>
      </c>
      <c r="EH11" s="110">
        <v>0</v>
      </c>
      <c r="EI11" s="114">
        <v>339323</v>
      </c>
      <c r="EJ11" s="114">
        <v>313150</v>
      </c>
      <c r="EK11" s="114">
        <v>493074</v>
      </c>
      <c r="EL11" s="114">
        <v>716381</v>
      </c>
      <c r="EM11" s="114">
        <v>366062</v>
      </c>
      <c r="EN11" s="112">
        <v>2227990</v>
      </c>
      <c r="EO11" s="116">
        <v>2227990</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5"/>
      <c r="FE11" s="114">
        <v>0</v>
      </c>
      <c r="FF11" s="114">
        <v>0</v>
      </c>
      <c r="FG11" s="114">
        <v>0</v>
      </c>
      <c r="FH11" s="114">
        <v>0</v>
      </c>
      <c r="FI11" s="114">
        <v>0</v>
      </c>
      <c r="FJ11" s="113">
        <v>0</v>
      </c>
      <c r="FK11" s="116">
        <v>0</v>
      </c>
      <c r="FL11" s="110">
        <v>499632</v>
      </c>
      <c r="FM11" s="114">
        <v>1092816</v>
      </c>
      <c r="FN11" s="113">
        <v>1592448</v>
      </c>
      <c r="FO11" s="110">
        <v>0</v>
      </c>
      <c r="FP11" s="114">
        <v>2117564</v>
      </c>
      <c r="FQ11" s="114">
        <v>4041091</v>
      </c>
      <c r="FR11" s="114">
        <v>3213132</v>
      </c>
      <c r="FS11" s="114">
        <v>3289984</v>
      </c>
      <c r="FT11" s="114">
        <v>2488576</v>
      </c>
      <c r="FU11" s="113">
        <v>15150347</v>
      </c>
      <c r="FV11" s="116">
        <v>16742795</v>
      </c>
      <c r="FW11" s="115">
        <v>339632</v>
      </c>
      <c r="FX11" s="114">
        <v>727144</v>
      </c>
      <c r="FY11" s="112">
        <v>1066776</v>
      </c>
      <c r="FZ11" s="111">
        <v>0</v>
      </c>
      <c r="GA11" s="114">
        <v>1583754</v>
      </c>
      <c r="GB11" s="114">
        <v>3722480</v>
      </c>
      <c r="GC11" s="114">
        <v>3024036</v>
      </c>
      <c r="GD11" s="114">
        <v>3243584</v>
      </c>
      <c r="GE11" s="114">
        <v>2189840</v>
      </c>
      <c r="GF11" s="113">
        <v>13763694</v>
      </c>
      <c r="GG11" s="316">
        <v>14830470</v>
      </c>
      <c r="GH11" s="115">
        <v>0</v>
      </c>
      <c r="GI11" s="114">
        <v>93232</v>
      </c>
      <c r="GJ11" s="112">
        <v>93232</v>
      </c>
      <c r="GK11" s="111">
        <v>0</v>
      </c>
      <c r="GL11" s="114">
        <v>73810</v>
      </c>
      <c r="GM11" s="114">
        <v>95651</v>
      </c>
      <c r="GN11" s="114">
        <v>117464</v>
      </c>
      <c r="GO11" s="114">
        <v>46400</v>
      </c>
      <c r="GP11" s="114">
        <v>184336</v>
      </c>
      <c r="GQ11" s="113">
        <v>517661</v>
      </c>
      <c r="GR11" s="116">
        <v>610893</v>
      </c>
      <c r="GS11" s="110">
        <v>160000</v>
      </c>
      <c r="GT11" s="114">
        <v>272440</v>
      </c>
      <c r="GU11" s="113">
        <v>432440</v>
      </c>
      <c r="GV11" s="110">
        <v>0</v>
      </c>
      <c r="GW11" s="114">
        <v>460000</v>
      </c>
      <c r="GX11" s="114">
        <v>222960</v>
      </c>
      <c r="GY11" s="114">
        <v>71632</v>
      </c>
      <c r="GZ11" s="114">
        <v>0</v>
      </c>
      <c r="HA11" s="114">
        <v>114400</v>
      </c>
      <c r="HB11" s="112">
        <v>868992</v>
      </c>
      <c r="HC11" s="116">
        <v>1301432</v>
      </c>
      <c r="HD11" s="110">
        <v>1878572</v>
      </c>
      <c r="HE11" s="114">
        <v>2014456</v>
      </c>
      <c r="HF11" s="112">
        <v>3893028</v>
      </c>
      <c r="HG11" s="111">
        <v>0</v>
      </c>
      <c r="HH11" s="114">
        <v>13961451</v>
      </c>
      <c r="HI11" s="114">
        <v>11630618</v>
      </c>
      <c r="HJ11" s="114">
        <v>12631121</v>
      </c>
      <c r="HK11" s="114">
        <v>13675344</v>
      </c>
      <c r="HL11" s="114">
        <v>8838791</v>
      </c>
      <c r="HM11" s="113">
        <v>60737325</v>
      </c>
      <c r="HN11" s="109">
        <v>64630353</v>
      </c>
      <c r="HO11" s="326"/>
      <c r="HP11" s="327"/>
      <c r="HQ11" s="328"/>
      <c r="HR11" s="329"/>
      <c r="HS11" s="327"/>
      <c r="HT11" s="327"/>
      <c r="HU11" s="327"/>
      <c r="HV11" s="327"/>
      <c r="HW11" s="327"/>
      <c r="HX11" s="330"/>
      <c r="HY11" s="331"/>
      <c r="HZ11" s="131">
        <v>153222</v>
      </c>
      <c r="IA11" s="132">
        <v>0</v>
      </c>
      <c r="IB11" s="133">
        <v>153222</v>
      </c>
      <c r="IC11" s="146">
        <v>0</v>
      </c>
      <c r="ID11" s="132">
        <v>13383264</v>
      </c>
      <c r="IE11" s="147">
        <v>12650937</v>
      </c>
      <c r="IF11" s="133">
        <v>14271250</v>
      </c>
      <c r="IG11" s="132">
        <v>16591321</v>
      </c>
      <c r="IH11" s="133">
        <v>8375378</v>
      </c>
      <c r="II11" s="148">
        <v>65272150</v>
      </c>
      <c r="IJ11" s="139">
        <v>65425372</v>
      </c>
      <c r="IK11" s="232">
        <v>0</v>
      </c>
      <c r="IL11" s="236">
        <v>0</v>
      </c>
      <c r="IM11" s="237">
        <v>0</v>
      </c>
      <c r="IN11" s="140"/>
      <c r="IO11" s="119">
        <v>266957</v>
      </c>
      <c r="IP11" s="119">
        <v>352484</v>
      </c>
      <c r="IQ11" s="119">
        <v>1691251</v>
      </c>
      <c r="IR11" s="119">
        <v>1259659</v>
      </c>
      <c r="IS11" s="119">
        <v>1250185</v>
      </c>
      <c r="IT11" s="141">
        <v>4820536</v>
      </c>
      <c r="IU11" s="318">
        <v>4820536</v>
      </c>
      <c r="IV11" s="142">
        <v>0</v>
      </c>
      <c r="IW11" s="119">
        <v>0</v>
      </c>
      <c r="IX11" s="120">
        <v>0</v>
      </c>
      <c r="IY11" s="144"/>
      <c r="IZ11" s="119">
        <v>52796</v>
      </c>
      <c r="JA11" s="119">
        <v>122118</v>
      </c>
      <c r="JB11" s="119">
        <v>222130</v>
      </c>
      <c r="JC11" s="119">
        <v>65516</v>
      </c>
      <c r="JD11" s="119">
        <v>66691</v>
      </c>
      <c r="JE11" s="120">
        <v>529251</v>
      </c>
      <c r="JF11" s="121">
        <v>529251</v>
      </c>
      <c r="JG11" s="142">
        <v>0</v>
      </c>
      <c r="JH11" s="119">
        <v>0</v>
      </c>
      <c r="JI11" s="141">
        <v>0</v>
      </c>
      <c r="JJ11" s="118">
        <v>0</v>
      </c>
      <c r="JK11" s="119">
        <v>4347974</v>
      </c>
      <c r="JL11" s="119">
        <v>3219903</v>
      </c>
      <c r="JM11" s="119">
        <v>2115103</v>
      </c>
      <c r="JN11" s="119">
        <v>2229578</v>
      </c>
      <c r="JO11" s="119">
        <v>489420</v>
      </c>
      <c r="JP11" s="120">
        <v>12401978</v>
      </c>
      <c r="JQ11" s="318">
        <v>12401978</v>
      </c>
      <c r="JR11" s="142">
        <v>0</v>
      </c>
      <c r="JS11" s="119">
        <v>0</v>
      </c>
      <c r="JT11" s="141">
        <v>0</v>
      </c>
      <c r="JU11" s="118">
        <v>0</v>
      </c>
      <c r="JV11" s="119">
        <v>1202327</v>
      </c>
      <c r="JW11" s="119">
        <v>1407948</v>
      </c>
      <c r="JX11" s="119">
        <v>816596</v>
      </c>
      <c r="JY11" s="119">
        <v>1034723</v>
      </c>
      <c r="JZ11" s="119">
        <v>881710</v>
      </c>
      <c r="KA11" s="120">
        <v>5343304</v>
      </c>
      <c r="KB11" s="318">
        <v>5343304</v>
      </c>
      <c r="KC11" s="234">
        <v>153222</v>
      </c>
      <c r="KD11" s="230">
        <v>0</v>
      </c>
      <c r="KE11" s="120">
        <v>153222</v>
      </c>
      <c r="KF11" s="118">
        <v>0</v>
      </c>
      <c r="KG11" s="119">
        <v>1702761</v>
      </c>
      <c r="KH11" s="119">
        <v>1937173</v>
      </c>
      <c r="KI11" s="119">
        <v>1674355</v>
      </c>
      <c r="KJ11" s="119">
        <v>2745754</v>
      </c>
      <c r="KK11" s="119">
        <v>844363</v>
      </c>
      <c r="KL11" s="120">
        <v>8904406</v>
      </c>
      <c r="KM11" s="143">
        <v>9057628</v>
      </c>
      <c r="KN11" s="232">
        <v>0</v>
      </c>
      <c r="KO11" s="236">
        <v>0</v>
      </c>
      <c r="KP11" s="237">
        <v>0</v>
      </c>
      <c r="KQ11" s="140"/>
      <c r="KR11" s="119">
        <v>4872371</v>
      </c>
      <c r="KS11" s="119">
        <v>5052560</v>
      </c>
      <c r="KT11" s="119">
        <v>5715011</v>
      </c>
      <c r="KU11" s="119">
        <v>5513580</v>
      </c>
      <c r="KV11" s="119">
        <v>2929759</v>
      </c>
      <c r="KW11" s="120">
        <v>24083281</v>
      </c>
      <c r="KX11" s="318">
        <v>24083281</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1938659</v>
      </c>
      <c r="LQ11" s="119">
        <v>1442755</v>
      </c>
      <c r="LR11" s="119">
        <v>14261</v>
      </c>
      <c r="LS11" s="120">
        <v>3395675</v>
      </c>
      <c r="LT11" s="318">
        <v>3395675</v>
      </c>
      <c r="LU11" s="142">
        <v>0</v>
      </c>
      <c r="LV11" s="119">
        <v>0</v>
      </c>
      <c r="LW11" s="120">
        <v>0</v>
      </c>
      <c r="LX11" s="145"/>
      <c r="LY11" s="119">
        <v>938078</v>
      </c>
      <c r="LZ11" s="119">
        <v>558751</v>
      </c>
      <c r="MA11" s="119">
        <v>98145</v>
      </c>
      <c r="MB11" s="119">
        <v>2299756</v>
      </c>
      <c r="MC11" s="119">
        <v>1898989</v>
      </c>
      <c r="MD11" s="120">
        <v>5793719</v>
      </c>
      <c r="ME11" s="121">
        <v>5793719</v>
      </c>
      <c r="MF11" s="142">
        <v>0</v>
      </c>
      <c r="MG11" s="119">
        <v>0</v>
      </c>
      <c r="MH11" s="120">
        <v>0</v>
      </c>
      <c r="MI11" s="145"/>
      <c r="MJ11" s="119">
        <v>1809109</v>
      </c>
      <c r="MK11" s="119">
        <v>5979028</v>
      </c>
      <c r="ML11" s="119">
        <v>17707759</v>
      </c>
      <c r="MM11" s="119">
        <v>31811338</v>
      </c>
      <c r="MN11" s="119">
        <v>20248229</v>
      </c>
      <c r="MO11" s="120">
        <v>77555463</v>
      </c>
      <c r="MP11" s="143">
        <v>77555463</v>
      </c>
      <c r="MQ11" s="142">
        <v>0</v>
      </c>
      <c r="MR11" s="119">
        <v>0</v>
      </c>
      <c r="MS11" s="120">
        <v>0</v>
      </c>
      <c r="MT11" s="145"/>
      <c r="MU11" s="119">
        <v>219124</v>
      </c>
      <c r="MV11" s="119">
        <v>852389</v>
      </c>
      <c r="MW11" s="119">
        <v>12043219</v>
      </c>
      <c r="MX11" s="119">
        <v>18235616</v>
      </c>
      <c r="MY11" s="119">
        <v>12272514</v>
      </c>
      <c r="MZ11" s="120">
        <v>43622862</v>
      </c>
      <c r="NA11" s="143">
        <v>43622862</v>
      </c>
      <c r="NB11" s="142">
        <v>0</v>
      </c>
      <c r="NC11" s="119">
        <v>0</v>
      </c>
      <c r="ND11" s="120">
        <v>0</v>
      </c>
      <c r="NE11" s="145"/>
      <c r="NF11" s="119">
        <v>1589985</v>
      </c>
      <c r="NG11" s="119">
        <v>5126639</v>
      </c>
      <c r="NH11" s="119">
        <v>5348652</v>
      </c>
      <c r="NI11" s="119">
        <v>10131458</v>
      </c>
      <c r="NJ11" s="119">
        <v>6713586</v>
      </c>
      <c r="NK11" s="120">
        <v>28910320</v>
      </c>
      <c r="NL11" s="318">
        <v>28910320</v>
      </c>
      <c r="NM11" s="142">
        <v>0</v>
      </c>
      <c r="NN11" s="119">
        <v>0</v>
      </c>
      <c r="NO11" s="120">
        <v>0</v>
      </c>
      <c r="NP11" s="145"/>
      <c r="NQ11" s="119">
        <v>0</v>
      </c>
      <c r="NR11" s="119">
        <v>0</v>
      </c>
      <c r="NS11" s="119">
        <v>315888</v>
      </c>
      <c r="NT11" s="119">
        <v>2086650</v>
      </c>
      <c r="NU11" s="119">
        <v>0</v>
      </c>
      <c r="NV11" s="120">
        <v>2402538</v>
      </c>
      <c r="NW11" s="121">
        <v>2402538</v>
      </c>
      <c r="NX11" s="142">
        <v>0</v>
      </c>
      <c r="NY11" s="119">
        <v>0</v>
      </c>
      <c r="NZ11" s="120">
        <v>0</v>
      </c>
      <c r="OA11" s="145"/>
      <c r="OB11" s="119">
        <v>0</v>
      </c>
      <c r="OC11" s="119">
        <v>0</v>
      </c>
      <c r="OD11" s="119">
        <v>0</v>
      </c>
      <c r="OE11" s="119">
        <v>1357614</v>
      </c>
      <c r="OF11" s="119">
        <v>1262129</v>
      </c>
      <c r="OG11" s="120">
        <v>2619743</v>
      </c>
      <c r="OH11" s="121">
        <v>2619743</v>
      </c>
      <c r="OI11" s="142">
        <v>3990372</v>
      </c>
      <c r="OJ11" s="119">
        <v>5241473</v>
      </c>
      <c r="OK11" s="141">
        <v>9231845</v>
      </c>
      <c r="OL11" s="118">
        <v>0</v>
      </c>
      <c r="OM11" s="119">
        <v>57640246</v>
      </c>
      <c r="ON11" s="119">
        <v>67687530</v>
      </c>
      <c r="OO11" s="119">
        <v>72091398</v>
      </c>
      <c r="OP11" s="119">
        <v>90253181</v>
      </c>
      <c r="OQ11" s="119">
        <v>59992221</v>
      </c>
      <c r="OR11" s="120">
        <v>347664576</v>
      </c>
      <c r="OS11" s="143">
        <v>356896421</v>
      </c>
    </row>
    <row r="12" spans="1:409" ht="21" customHeight="1" x14ac:dyDescent="0.2">
      <c r="B12" s="126" t="s">
        <v>14</v>
      </c>
      <c r="C12" s="110">
        <v>1315979</v>
      </c>
      <c r="D12" s="114">
        <v>3091365</v>
      </c>
      <c r="E12" s="113">
        <v>4407344</v>
      </c>
      <c r="F12" s="109">
        <v>0</v>
      </c>
      <c r="G12" s="114">
        <v>17829897</v>
      </c>
      <c r="H12" s="114">
        <v>28376491</v>
      </c>
      <c r="I12" s="114">
        <v>27076666</v>
      </c>
      <c r="J12" s="114">
        <v>21920600</v>
      </c>
      <c r="K12" s="114">
        <v>10991304</v>
      </c>
      <c r="L12" s="112">
        <v>106194958</v>
      </c>
      <c r="M12" s="116">
        <v>110602302</v>
      </c>
      <c r="N12" s="110">
        <v>303218</v>
      </c>
      <c r="O12" s="114">
        <v>952228</v>
      </c>
      <c r="P12" s="113">
        <v>1255446</v>
      </c>
      <c r="Q12" s="110">
        <v>0</v>
      </c>
      <c r="R12" s="114">
        <v>4848272</v>
      </c>
      <c r="S12" s="114">
        <v>9208685</v>
      </c>
      <c r="T12" s="114">
        <v>8125522</v>
      </c>
      <c r="U12" s="114">
        <v>6516891</v>
      </c>
      <c r="V12" s="114">
        <v>6143473</v>
      </c>
      <c r="W12" s="113">
        <v>34842843</v>
      </c>
      <c r="X12" s="116">
        <v>36098289</v>
      </c>
      <c r="Y12" s="110">
        <v>0</v>
      </c>
      <c r="Z12" s="114">
        <v>0</v>
      </c>
      <c r="AA12" s="113">
        <v>0</v>
      </c>
      <c r="AB12" s="110">
        <v>0</v>
      </c>
      <c r="AC12" s="114">
        <v>2260740</v>
      </c>
      <c r="AD12" s="114">
        <v>4278124</v>
      </c>
      <c r="AE12" s="114">
        <v>3637951</v>
      </c>
      <c r="AF12" s="114">
        <v>3452410</v>
      </c>
      <c r="AG12" s="114">
        <v>3624785</v>
      </c>
      <c r="AH12" s="113">
        <v>17254010</v>
      </c>
      <c r="AI12" s="116">
        <v>17254010</v>
      </c>
      <c r="AJ12" s="110">
        <v>0</v>
      </c>
      <c r="AK12" s="114">
        <v>48051</v>
      </c>
      <c r="AL12" s="113">
        <v>48051</v>
      </c>
      <c r="AM12" s="110">
        <v>0</v>
      </c>
      <c r="AN12" s="114">
        <v>0</v>
      </c>
      <c r="AO12" s="114">
        <v>59220</v>
      </c>
      <c r="AP12" s="114">
        <v>136632</v>
      </c>
      <c r="AQ12" s="114">
        <v>230227</v>
      </c>
      <c r="AR12" s="114">
        <v>421291</v>
      </c>
      <c r="AS12" s="113">
        <v>847370</v>
      </c>
      <c r="AT12" s="116">
        <v>895421</v>
      </c>
      <c r="AU12" s="110">
        <v>106394</v>
      </c>
      <c r="AV12" s="114">
        <v>682294</v>
      </c>
      <c r="AW12" s="113">
        <v>788688</v>
      </c>
      <c r="AX12" s="110">
        <v>0</v>
      </c>
      <c r="AY12" s="114">
        <v>1531440</v>
      </c>
      <c r="AZ12" s="114">
        <v>3475982</v>
      </c>
      <c r="BA12" s="114">
        <v>2778110</v>
      </c>
      <c r="BB12" s="114">
        <v>1433781</v>
      </c>
      <c r="BC12" s="114">
        <v>1283845</v>
      </c>
      <c r="BD12" s="113">
        <v>10503158</v>
      </c>
      <c r="BE12" s="116">
        <v>11291846</v>
      </c>
      <c r="BF12" s="110">
        <v>0</v>
      </c>
      <c r="BG12" s="114">
        <v>49443</v>
      </c>
      <c r="BH12" s="112">
        <v>49443</v>
      </c>
      <c r="BI12" s="111">
        <v>0</v>
      </c>
      <c r="BJ12" s="114">
        <v>90148</v>
      </c>
      <c r="BK12" s="114">
        <v>16015</v>
      </c>
      <c r="BL12" s="114">
        <v>55501</v>
      </c>
      <c r="BM12" s="114">
        <v>233617</v>
      </c>
      <c r="BN12" s="114">
        <v>0</v>
      </c>
      <c r="BO12" s="113">
        <v>395281</v>
      </c>
      <c r="BP12" s="116">
        <v>444724</v>
      </c>
      <c r="BQ12" s="110">
        <v>196824</v>
      </c>
      <c r="BR12" s="114">
        <v>172440</v>
      </c>
      <c r="BS12" s="113">
        <v>369264</v>
      </c>
      <c r="BT12" s="110">
        <v>0</v>
      </c>
      <c r="BU12" s="114">
        <v>965944</v>
      </c>
      <c r="BV12" s="114">
        <v>1379344</v>
      </c>
      <c r="BW12" s="114">
        <v>1517328</v>
      </c>
      <c r="BX12" s="114">
        <v>1166856</v>
      </c>
      <c r="BY12" s="114">
        <v>813552</v>
      </c>
      <c r="BZ12" s="113">
        <v>5843024</v>
      </c>
      <c r="CA12" s="116">
        <v>6212288</v>
      </c>
      <c r="CB12" s="110">
        <v>103884</v>
      </c>
      <c r="CC12" s="114">
        <v>243664</v>
      </c>
      <c r="CD12" s="113">
        <v>347548</v>
      </c>
      <c r="CE12" s="110">
        <v>0</v>
      </c>
      <c r="CF12" s="114">
        <v>6490661</v>
      </c>
      <c r="CG12" s="114">
        <v>10357149</v>
      </c>
      <c r="CH12" s="114">
        <v>8028619</v>
      </c>
      <c r="CI12" s="114">
        <v>4940603</v>
      </c>
      <c r="CJ12" s="114">
        <v>1182425</v>
      </c>
      <c r="CK12" s="113">
        <v>30999457</v>
      </c>
      <c r="CL12" s="116">
        <v>31347005</v>
      </c>
      <c r="CM12" s="110">
        <v>0</v>
      </c>
      <c r="CN12" s="114">
        <v>0</v>
      </c>
      <c r="CO12" s="113">
        <v>0</v>
      </c>
      <c r="CP12" s="111">
        <v>0</v>
      </c>
      <c r="CQ12" s="114">
        <v>5893251</v>
      </c>
      <c r="CR12" s="114">
        <v>8284482</v>
      </c>
      <c r="CS12" s="114">
        <v>7082232</v>
      </c>
      <c r="CT12" s="114">
        <v>3905647</v>
      </c>
      <c r="CU12" s="114">
        <v>1182425</v>
      </c>
      <c r="CV12" s="113">
        <v>26348037</v>
      </c>
      <c r="CW12" s="116">
        <v>26348037</v>
      </c>
      <c r="CX12" s="110">
        <v>103884</v>
      </c>
      <c r="CY12" s="114">
        <v>243664</v>
      </c>
      <c r="CZ12" s="113">
        <v>347548</v>
      </c>
      <c r="DA12" s="110">
        <v>0</v>
      </c>
      <c r="DB12" s="114">
        <v>597410</v>
      </c>
      <c r="DC12" s="114">
        <v>2072667</v>
      </c>
      <c r="DD12" s="114">
        <v>946387</v>
      </c>
      <c r="DE12" s="114">
        <v>1034956</v>
      </c>
      <c r="DF12" s="114">
        <v>0</v>
      </c>
      <c r="DG12" s="113">
        <v>4651420</v>
      </c>
      <c r="DH12" s="116">
        <v>4998968</v>
      </c>
      <c r="DI12" s="110">
        <v>0</v>
      </c>
      <c r="DJ12" s="114">
        <v>28593</v>
      </c>
      <c r="DK12" s="112">
        <v>28593</v>
      </c>
      <c r="DL12" s="111">
        <v>0</v>
      </c>
      <c r="DM12" s="114">
        <v>641519</v>
      </c>
      <c r="DN12" s="114">
        <v>1207720</v>
      </c>
      <c r="DO12" s="114">
        <v>2754135</v>
      </c>
      <c r="DP12" s="114">
        <v>3269203</v>
      </c>
      <c r="DQ12" s="114">
        <v>254221</v>
      </c>
      <c r="DR12" s="113">
        <v>8126798</v>
      </c>
      <c r="DS12" s="116">
        <v>8155391</v>
      </c>
      <c r="DT12" s="110">
        <v>0</v>
      </c>
      <c r="DU12" s="114">
        <v>28593</v>
      </c>
      <c r="DV12" s="113">
        <v>28593</v>
      </c>
      <c r="DW12" s="110">
        <v>0</v>
      </c>
      <c r="DX12" s="114">
        <v>641519</v>
      </c>
      <c r="DY12" s="114">
        <v>1121630</v>
      </c>
      <c r="DZ12" s="114">
        <v>2754135</v>
      </c>
      <c r="EA12" s="114">
        <v>3269203</v>
      </c>
      <c r="EB12" s="114">
        <v>147414</v>
      </c>
      <c r="EC12" s="113">
        <v>7933901</v>
      </c>
      <c r="ED12" s="116">
        <v>7962494</v>
      </c>
      <c r="EE12" s="110">
        <v>0</v>
      </c>
      <c r="EF12" s="112">
        <v>0</v>
      </c>
      <c r="EG12" s="113">
        <v>0</v>
      </c>
      <c r="EH12" s="110">
        <v>0</v>
      </c>
      <c r="EI12" s="114">
        <v>0</v>
      </c>
      <c r="EJ12" s="114">
        <v>86090</v>
      </c>
      <c r="EK12" s="114">
        <v>0</v>
      </c>
      <c r="EL12" s="114">
        <v>0</v>
      </c>
      <c r="EM12" s="114">
        <v>106807</v>
      </c>
      <c r="EN12" s="112">
        <v>192897</v>
      </c>
      <c r="EO12" s="116">
        <v>192897</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5"/>
      <c r="FE12" s="114">
        <v>0</v>
      </c>
      <c r="FF12" s="114">
        <v>0</v>
      </c>
      <c r="FG12" s="114">
        <v>0</v>
      </c>
      <c r="FH12" s="114">
        <v>0</v>
      </c>
      <c r="FI12" s="114">
        <v>0</v>
      </c>
      <c r="FJ12" s="113">
        <v>0</v>
      </c>
      <c r="FK12" s="116">
        <v>0</v>
      </c>
      <c r="FL12" s="110">
        <v>282896</v>
      </c>
      <c r="FM12" s="114">
        <v>1203216</v>
      </c>
      <c r="FN12" s="113">
        <v>1486112</v>
      </c>
      <c r="FO12" s="110">
        <v>0</v>
      </c>
      <c r="FP12" s="114">
        <v>834256</v>
      </c>
      <c r="FQ12" s="114">
        <v>3181648</v>
      </c>
      <c r="FR12" s="114">
        <v>2217968</v>
      </c>
      <c r="FS12" s="114">
        <v>1753760</v>
      </c>
      <c r="FT12" s="114">
        <v>944428</v>
      </c>
      <c r="FU12" s="113">
        <v>8932060</v>
      </c>
      <c r="FV12" s="116">
        <v>10418172</v>
      </c>
      <c r="FW12" s="115">
        <v>116816</v>
      </c>
      <c r="FX12" s="114">
        <v>807504</v>
      </c>
      <c r="FY12" s="112">
        <v>924320</v>
      </c>
      <c r="FZ12" s="111">
        <v>0</v>
      </c>
      <c r="GA12" s="114">
        <v>735856</v>
      </c>
      <c r="GB12" s="114">
        <v>2942048</v>
      </c>
      <c r="GC12" s="114">
        <v>2016368</v>
      </c>
      <c r="GD12" s="114">
        <v>1660008</v>
      </c>
      <c r="GE12" s="114">
        <v>842128</v>
      </c>
      <c r="GF12" s="113">
        <v>8196408</v>
      </c>
      <c r="GG12" s="316">
        <v>9120728</v>
      </c>
      <c r="GH12" s="115">
        <v>14080</v>
      </c>
      <c r="GI12" s="114">
        <v>54912</v>
      </c>
      <c r="GJ12" s="112">
        <v>68992</v>
      </c>
      <c r="GK12" s="111">
        <v>0</v>
      </c>
      <c r="GL12" s="114">
        <v>98400</v>
      </c>
      <c r="GM12" s="114">
        <v>80000</v>
      </c>
      <c r="GN12" s="114">
        <v>0</v>
      </c>
      <c r="GO12" s="114">
        <v>21120</v>
      </c>
      <c r="GP12" s="114">
        <v>21780</v>
      </c>
      <c r="GQ12" s="113">
        <v>221300</v>
      </c>
      <c r="GR12" s="116">
        <v>290292</v>
      </c>
      <c r="GS12" s="110">
        <v>152000</v>
      </c>
      <c r="GT12" s="114">
        <v>340800</v>
      </c>
      <c r="GU12" s="113">
        <v>492800</v>
      </c>
      <c r="GV12" s="110">
        <v>0</v>
      </c>
      <c r="GW12" s="114">
        <v>0</v>
      </c>
      <c r="GX12" s="114">
        <v>159600</v>
      </c>
      <c r="GY12" s="114">
        <v>201600</v>
      </c>
      <c r="GZ12" s="114">
        <v>72632</v>
      </c>
      <c r="HA12" s="114">
        <v>80520</v>
      </c>
      <c r="HB12" s="112">
        <v>514352</v>
      </c>
      <c r="HC12" s="116">
        <v>1007152</v>
      </c>
      <c r="HD12" s="110">
        <v>625981</v>
      </c>
      <c r="HE12" s="114">
        <v>663664</v>
      </c>
      <c r="HF12" s="112">
        <v>1289645</v>
      </c>
      <c r="HG12" s="111">
        <v>0</v>
      </c>
      <c r="HH12" s="114">
        <v>5015189</v>
      </c>
      <c r="HI12" s="114">
        <v>4421289</v>
      </c>
      <c r="HJ12" s="114">
        <v>5950422</v>
      </c>
      <c r="HK12" s="114">
        <v>5440143</v>
      </c>
      <c r="HL12" s="114">
        <v>2466757</v>
      </c>
      <c r="HM12" s="113">
        <v>23293800</v>
      </c>
      <c r="HN12" s="109">
        <v>24583445</v>
      </c>
      <c r="HO12" s="326"/>
      <c r="HP12" s="327"/>
      <c r="HQ12" s="328"/>
      <c r="HR12" s="329"/>
      <c r="HS12" s="327"/>
      <c r="HT12" s="327"/>
      <c r="HU12" s="327"/>
      <c r="HV12" s="327"/>
      <c r="HW12" s="327"/>
      <c r="HX12" s="330"/>
      <c r="HY12" s="331"/>
      <c r="HZ12" s="131">
        <v>39910</v>
      </c>
      <c r="IA12" s="132">
        <v>77050</v>
      </c>
      <c r="IB12" s="133">
        <v>116960</v>
      </c>
      <c r="IC12" s="134">
        <v>0</v>
      </c>
      <c r="ID12" s="135">
        <v>4984134</v>
      </c>
      <c r="IE12" s="136">
        <v>9123332</v>
      </c>
      <c r="IF12" s="137">
        <v>7957967</v>
      </c>
      <c r="IG12" s="135">
        <v>5209959</v>
      </c>
      <c r="IH12" s="137">
        <v>4067489</v>
      </c>
      <c r="II12" s="138">
        <v>31342881</v>
      </c>
      <c r="IJ12" s="139">
        <v>31459841</v>
      </c>
      <c r="IK12" s="232">
        <v>0</v>
      </c>
      <c r="IL12" s="236">
        <v>0</v>
      </c>
      <c r="IM12" s="237">
        <v>0</v>
      </c>
      <c r="IN12" s="140"/>
      <c r="IO12" s="119">
        <v>159901</v>
      </c>
      <c r="IP12" s="119">
        <v>316526</v>
      </c>
      <c r="IQ12" s="119">
        <v>154066</v>
      </c>
      <c r="IR12" s="119">
        <v>0</v>
      </c>
      <c r="IS12" s="119">
        <v>0</v>
      </c>
      <c r="IT12" s="141">
        <v>630493</v>
      </c>
      <c r="IU12" s="318">
        <v>630493</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736127</v>
      </c>
      <c r="JL12" s="119">
        <v>3774897</v>
      </c>
      <c r="JM12" s="119">
        <v>3319755</v>
      </c>
      <c r="JN12" s="119">
        <v>972008</v>
      </c>
      <c r="JO12" s="119">
        <v>894366</v>
      </c>
      <c r="JP12" s="120">
        <v>11697153</v>
      </c>
      <c r="JQ12" s="318">
        <v>11697153</v>
      </c>
      <c r="JR12" s="142">
        <v>0</v>
      </c>
      <c r="JS12" s="119">
        <v>0</v>
      </c>
      <c r="JT12" s="141">
        <v>0</v>
      </c>
      <c r="JU12" s="118">
        <v>0</v>
      </c>
      <c r="JV12" s="119">
        <v>148744</v>
      </c>
      <c r="JW12" s="119">
        <v>306680</v>
      </c>
      <c r="JX12" s="119">
        <v>215338</v>
      </c>
      <c r="JY12" s="119">
        <v>0</v>
      </c>
      <c r="JZ12" s="119">
        <v>0</v>
      </c>
      <c r="KA12" s="120">
        <v>670762</v>
      </c>
      <c r="KB12" s="318">
        <v>670762</v>
      </c>
      <c r="KC12" s="234">
        <v>39910</v>
      </c>
      <c r="KD12" s="230">
        <v>77050</v>
      </c>
      <c r="KE12" s="120">
        <v>116960</v>
      </c>
      <c r="KF12" s="118">
        <v>0</v>
      </c>
      <c r="KG12" s="119">
        <v>598371</v>
      </c>
      <c r="KH12" s="119">
        <v>1340178</v>
      </c>
      <c r="KI12" s="119">
        <v>1186649</v>
      </c>
      <c r="KJ12" s="119">
        <v>520702</v>
      </c>
      <c r="KK12" s="119">
        <v>735536</v>
      </c>
      <c r="KL12" s="120">
        <v>4381436</v>
      </c>
      <c r="KM12" s="143">
        <v>4498396</v>
      </c>
      <c r="KN12" s="232">
        <v>0</v>
      </c>
      <c r="KO12" s="236">
        <v>0</v>
      </c>
      <c r="KP12" s="237">
        <v>0</v>
      </c>
      <c r="KQ12" s="140"/>
      <c r="KR12" s="119">
        <v>1198463</v>
      </c>
      <c r="KS12" s="119">
        <v>3005173</v>
      </c>
      <c r="KT12" s="119">
        <v>2465816</v>
      </c>
      <c r="KU12" s="119">
        <v>2615817</v>
      </c>
      <c r="KV12" s="119">
        <v>2083027</v>
      </c>
      <c r="KW12" s="120">
        <v>11368296</v>
      </c>
      <c r="KX12" s="318">
        <v>11368296</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616343</v>
      </c>
      <c r="LQ12" s="119">
        <v>533162</v>
      </c>
      <c r="LR12" s="119">
        <v>0</v>
      </c>
      <c r="LS12" s="120">
        <v>1149505</v>
      </c>
      <c r="LT12" s="318">
        <v>1149505</v>
      </c>
      <c r="LU12" s="142">
        <v>0</v>
      </c>
      <c r="LV12" s="119">
        <v>0</v>
      </c>
      <c r="LW12" s="120">
        <v>0</v>
      </c>
      <c r="LX12" s="145"/>
      <c r="LY12" s="119">
        <v>142528</v>
      </c>
      <c r="LZ12" s="119">
        <v>379878</v>
      </c>
      <c r="MA12" s="119">
        <v>0</v>
      </c>
      <c r="MB12" s="119">
        <v>568270</v>
      </c>
      <c r="MC12" s="119">
        <v>354560</v>
      </c>
      <c r="MD12" s="120">
        <v>1445236</v>
      </c>
      <c r="ME12" s="121">
        <v>1445236</v>
      </c>
      <c r="MF12" s="142">
        <v>0</v>
      </c>
      <c r="MG12" s="119">
        <v>0</v>
      </c>
      <c r="MH12" s="120">
        <v>0</v>
      </c>
      <c r="MI12" s="145"/>
      <c r="MJ12" s="119">
        <v>128140</v>
      </c>
      <c r="MK12" s="119">
        <v>2099032</v>
      </c>
      <c r="ML12" s="119">
        <v>13550582</v>
      </c>
      <c r="MM12" s="119">
        <v>19503991</v>
      </c>
      <c r="MN12" s="119">
        <v>11793711</v>
      </c>
      <c r="MO12" s="120">
        <v>47075456</v>
      </c>
      <c r="MP12" s="143">
        <v>47075456</v>
      </c>
      <c r="MQ12" s="142">
        <v>0</v>
      </c>
      <c r="MR12" s="119">
        <v>0</v>
      </c>
      <c r="MS12" s="120">
        <v>0</v>
      </c>
      <c r="MT12" s="145"/>
      <c r="MU12" s="119">
        <v>128140</v>
      </c>
      <c r="MV12" s="119">
        <v>0</v>
      </c>
      <c r="MW12" s="119">
        <v>9781377</v>
      </c>
      <c r="MX12" s="119">
        <v>13841449</v>
      </c>
      <c r="MY12" s="119">
        <v>7514903</v>
      </c>
      <c r="MZ12" s="120">
        <v>31265869</v>
      </c>
      <c r="NA12" s="143">
        <v>31265869</v>
      </c>
      <c r="NB12" s="142">
        <v>0</v>
      </c>
      <c r="NC12" s="119">
        <v>0</v>
      </c>
      <c r="ND12" s="120">
        <v>0</v>
      </c>
      <c r="NE12" s="145"/>
      <c r="NF12" s="119">
        <v>0</v>
      </c>
      <c r="NG12" s="119">
        <v>2061032</v>
      </c>
      <c r="NH12" s="119">
        <v>3769205</v>
      </c>
      <c r="NI12" s="119">
        <v>4853240</v>
      </c>
      <c r="NJ12" s="119">
        <v>2234331</v>
      </c>
      <c r="NK12" s="120">
        <v>12917808</v>
      </c>
      <c r="NL12" s="318">
        <v>12917808</v>
      </c>
      <c r="NM12" s="142">
        <v>0</v>
      </c>
      <c r="NN12" s="119">
        <v>0</v>
      </c>
      <c r="NO12" s="120">
        <v>0</v>
      </c>
      <c r="NP12" s="145"/>
      <c r="NQ12" s="119">
        <v>0</v>
      </c>
      <c r="NR12" s="119">
        <v>0</v>
      </c>
      <c r="NS12" s="119">
        <v>0</v>
      </c>
      <c r="NT12" s="119">
        <v>0</v>
      </c>
      <c r="NU12" s="119">
        <v>311156</v>
      </c>
      <c r="NV12" s="120">
        <v>311156</v>
      </c>
      <c r="NW12" s="121">
        <v>311156</v>
      </c>
      <c r="NX12" s="142">
        <v>0</v>
      </c>
      <c r="NY12" s="119">
        <v>0</v>
      </c>
      <c r="NZ12" s="120">
        <v>0</v>
      </c>
      <c r="OA12" s="145"/>
      <c r="OB12" s="119">
        <v>0</v>
      </c>
      <c r="OC12" s="119">
        <v>38000</v>
      </c>
      <c r="OD12" s="119">
        <v>0</v>
      </c>
      <c r="OE12" s="119">
        <v>809302</v>
      </c>
      <c r="OF12" s="119">
        <v>1733321</v>
      </c>
      <c r="OG12" s="120">
        <v>2580623</v>
      </c>
      <c r="OH12" s="121">
        <v>2580623</v>
      </c>
      <c r="OI12" s="142">
        <v>1355889</v>
      </c>
      <c r="OJ12" s="119">
        <v>3168415</v>
      </c>
      <c r="OK12" s="141">
        <v>4524304</v>
      </c>
      <c r="OL12" s="118">
        <v>0</v>
      </c>
      <c r="OM12" s="119">
        <v>22942171</v>
      </c>
      <c r="ON12" s="119">
        <v>39598855</v>
      </c>
      <c r="OO12" s="119">
        <v>48585215</v>
      </c>
      <c r="OP12" s="119">
        <v>46634550</v>
      </c>
      <c r="OQ12" s="119">
        <v>26852504</v>
      </c>
      <c r="OR12" s="120">
        <v>184613295</v>
      </c>
      <c r="OS12" s="143">
        <v>189137599</v>
      </c>
    </row>
    <row r="13" spans="1:409" ht="21" customHeight="1" x14ac:dyDescent="0.2">
      <c r="B13" s="126" t="s">
        <v>7</v>
      </c>
      <c r="C13" s="110">
        <v>1273175</v>
      </c>
      <c r="D13" s="114">
        <v>1429627</v>
      </c>
      <c r="E13" s="113">
        <v>2702802</v>
      </c>
      <c r="F13" s="109">
        <v>0</v>
      </c>
      <c r="G13" s="114">
        <v>25939208</v>
      </c>
      <c r="H13" s="114">
        <v>25872858</v>
      </c>
      <c r="I13" s="114">
        <v>20696133</v>
      </c>
      <c r="J13" s="114">
        <v>17426995</v>
      </c>
      <c r="K13" s="114">
        <v>12605707</v>
      </c>
      <c r="L13" s="109">
        <v>102540901</v>
      </c>
      <c r="M13" s="116">
        <v>105243703</v>
      </c>
      <c r="N13" s="110">
        <v>249613</v>
      </c>
      <c r="O13" s="114">
        <v>181695</v>
      </c>
      <c r="P13" s="113">
        <v>431308</v>
      </c>
      <c r="Q13" s="110">
        <v>0</v>
      </c>
      <c r="R13" s="114">
        <v>7924685</v>
      </c>
      <c r="S13" s="114">
        <v>8418359</v>
      </c>
      <c r="T13" s="114">
        <v>7428665</v>
      </c>
      <c r="U13" s="114">
        <v>8413636</v>
      </c>
      <c r="V13" s="114">
        <v>6035611</v>
      </c>
      <c r="W13" s="113">
        <v>38220956</v>
      </c>
      <c r="X13" s="116">
        <v>38652264</v>
      </c>
      <c r="Y13" s="110">
        <v>0</v>
      </c>
      <c r="Z13" s="114">
        <v>0</v>
      </c>
      <c r="AA13" s="113">
        <v>0</v>
      </c>
      <c r="AB13" s="110">
        <v>0</v>
      </c>
      <c r="AC13" s="114">
        <v>3788330</v>
      </c>
      <c r="AD13" s="114">
        <v>4579664</v>
      </c>
      <c r="AE13" s="114">
        <v>3752085</v>
      </c>
      <c r="AF13" s="114">
        <v>4636246</v>
      </c>
      <c r="AG13" s="114">
        <v>3161659</v>
      </c>
      <c r="AH13" s="113">
        <v>19917984</v>
      </c>
      <c r="AI13" s="116">
        <v>19917984</v>
      </c>
      <c r="AJ13" s="110">
        <v>0</v>
      </c>
      <c r="AK13" s="114">
        <v>0</v>
      </c>
      <c r="AL13" s="113">
        <v>0</v>
      </c>
      <c r="AM13" s="110">
        <v>0</v>
      </c>
      <c r="AN13" s="114">
        <v>163675</v>
      </c>
      <c r="AO13" s="114">
        <v>116919</v>
      </c>
      <c r="AP13" s="114">
        <v>469513</v>
      </c>
      <c r="AQ13" s="114">
        <v>1054107</v>
      </c>
      <c r="AR13" s="114">
        <v>867028</v>
      </c>
      <c r="AS13" s="113">
        <v>2671242</v>
      </c>
      <c r="AT13" s="116">
        <v>2671242</v>
      </c>
      <c r="AU13" s="110">
        <v>62709</v>
      </c>
      <c r="AV13" s="114">
        <v>47671</v>
      </c>
      <c r="AW13" s="113">
        <v>110380</v>
      </c>
      <c r="AX13" s="110">
        <v>0</v>
      </c>
      <c r="AY13" s="114">
        <v>2206970</v>
      </c>
      <c r="AZ13" s="114">
        <v>2211181</v>
      </c>
      <c r="BA13" s="114">
        <v>1583523</v>
      </c>
      <c r="BB13" s="114">
        <v>1661519</v>
      </c>
      <c r="BC13" s="114">
        <v>1328286</v>
      </c>
      <c r="BD13" s="113">
        <v>8991479</v>
      </c>
      <c r="BE13" s="116">
        <v>9101859</v>
      </c>
      <c r="BF13" s="110">
        <v>0</v>
      </c>
      <c r="BG13" s="114">
        <v>0</v>
      </c>
      <c r="BH13" s="112">
        <v>0</v>
      </c>
      <c r="BI13" s="111">
        <v>0</v>
      </c>
      <c r="BJ13" s="114">
        <v>294766</v>
      </c>
      <c r="BK13" s="114">
        <v>99067</v>
      </c>
      <c r="BL13" s="114">
        <v>374168</v>
      </c>
      <c r="BM13" s="114">
        <v>206708</v>
      </c>
      <c r="BN13" s="114">
        <v>31294</v>
      </c>
      <c r="BO13" s="113">
        <v>1006003</v>
      </c>
      <c r="BP13" s="116">
        <v>1006003</v>
      </c>
      <c r="BQ13" s="110">
        <v>186904</v>
      </c>
      <c r="BR13" s="114">
        <v>134024</v>
      </c>
      <c r="BS13" s="113">
        <v>320928</v>
      </c>
      <c r="BT13" s="110">
        <v>0</v>
      </c>
      <c r="BU13" s="114">
        <v>1470944</v>
      </c>
      <c r="BV13" s="114">
        <v>1411528</v>
      </c>
      <c r="BW13" s="114">
        <v>1249376</v>
      </c>
      <c r="BX13" s="114">
        <v>855056</v>
      </c>
      <c r="BY13" s="114">
        <v>647344</v>
      </c>
      <c r="BZ13" s="113">
        <v>5634248</v>
      </c>
      <c r="CA13" s="116">
        <v>5955176</v>
      </c>
      <c r="CB13" s="110">
        <v>0</v>
      </c>
      <c r="CC13" s="114">
        <v>111422</v>
      </c>
      <c r="CD13" s="113">
        <v>111422</v>
      </c>
      <c r="CE13" s="110">
        <v>0</v>
      </c>
      <c r="CF13" s="114">
        <v>8020690</v>
      </c>
      <c r="CG13" s="114">
        <v>6414066</v>
      </c>
      <c r="CH13" s="114">
        <v>4189453</v>
      </c>
      <c r="CI13" s="114">
        <v>2153676</v>
      </c>
      <c r="CJ13" s="114">
        <v>1295261</v>
      </c>
      <c r="CK13" s="113">
        <v>22073146</v>
      </c>
      <c r="CL13" s="116">
        <v>22184568</v>
      </c>
      <c r="CM13" s="110">
        <v>0</v>
      </c>
      <c r="CN13" s="114">
        <v>0</v>
      </c>
      <c r="CO13" s="113">
        <v>0</v>
      </c>
      <c r="CP13" s="111">
        <v>0</v>
      </c>
      <c r="CQ13" s="114">
        <v>7027668</v>
      </c>
      <c r="CR13" s="114">
        <v>5040522</v>
      </c>
      <c r="CS13" s="114">
        <v>3010545</v>
      </c>
      <c r="CT13" s="114">
        <v>1723709</v>
      </c>
      <c r="CU13" s="114">
        <v>1282931</v>
      </c>
      <c r="CV13" s="113">
        <v>18085375</v>
      </c>
      <c r="CW13" s="116">
        <v>18085375</v>
      </c>
      <c r="CX13" s="110">
        <v>0</v>
      </c>
      <c r="CY13" s="114">
        <v>111422</v>
      </c>
      <c r="CZ13" s="113">
        <v>111422</v>
      </c>
      <c r="DA13" s="110">
        <v>0</v>
      </c>
      <c r="DB13" s="114">
        <v>993022</v>
      </c>
      <c r="DC13" s="114">
        <v>1373544</v>
      </c>
      <c r="DD13" s="114">
        <v>1178908</v>
      </c>
      <c r="DE13" s="114">
        <v>429967</v>
      </c>
      <c r="DF13" s="114">
        <v>12330</v>
      </c>
      <c r="DG13" s="113">
        <v>3987771</v>
      </c>
      <c r="DH13" s="116">
        <v>4099193</v>
      </c>
      <c r="DI13" s="110">
        <v>0</v>
      </c>
      <c r="DJ13" s="114">
        <v>59898</v>
      </c>
      <c r="DK13" s="112">
        <v>59898</v>
      </c>
      <c r="DL13" s="111">
        <v>0</v>
      </c>
      <c r="DM13" s="114">
        <v>794491</v>
      </c>
      <c r="DN13" s="114">
        <v>1380479</v>
      </c>
      <c r="DO13" s="114">
        <v>1969301</v>
      </c>
      <c r="DP13" s="114">
        <v>826404</v>
      </c>
      <c r="DQ13" s="114">
        <v>605968</v>
      </c>
      <c r="DR13" s="113">
        <v>5576643</v>
      </c>
      <c r="DS13" s="116">
        <v>5636541</v>
      </c>
      <c r="DT13" s="110">
        <v>0</v>
      </c>
      <c r="DU13" s="114">
        <v>59898</v>
      </c>
      <c r="DV13" s="113">
        <v>59898</v>
      </c>
      <c r="DW13" s="110">
        <v>0</v>
      </c>
      <c r="DX13" s="114">
        <v>774085</v>
      </c>
      <c r="DY13" s="114">
        <v>1380479</v>
      </c>
      <c r="DZ13" s="114">
        <v>1817609</v>
      </c>
      <c r="EA13" s="114">
        <v>715443</v>
      </c>
      <c r="EB13" s="114">
        <v>605968</v>
      </c>
      <c r="EC13" s="113">
        <v>5293584</v>
      </c>
      <c r="ED13" s="116">
        <v>5353482</v>
      </c>
      <c r="EE13" s="110">
        <v>0</v>
      </c>
      <c r="EF13" s="112">
        <v>0</v>
      </c>
      <c r="EG13" s="113">
        <v>0</v>
      </c>
      <c r="EH13" s="110">
        <v>0</v>
      </c>
      <c r="EI13" s="114">
        <v>20406</v>
      </c>
      <c r="EJ13" s="114">
        <v>0</v>
      </c>
      <c r="EK13" s="114">
        <v>151692</v>
      </c>
      <c r="EL13" s="114">
        <v>110961</v>
      </c>
      <c r="EM13" s="114">
        <v>0</v>
      </c>
      <c r="EN13" s="112">
        <v>283059</v>
      </c>
      <c r="EO13" s="116">
        <v>283059</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5"/>
      <c r="FE13" s="114">
        <v>0</v>
      </c>
      <c r="FF13" s="114">
        <v>0</v>
      </c>
      <c r="FG13" s="114">
        <v>0</v>
      </c>
      <c r="FH13" s="114">
        <v>0</v>
      </c>
      <c r="FI13" s="114">
        <v>0</v>
      </c>
      <c r="FJ13" s="113">
        <v>0</v>
      </c>
      <c r="FK13" s="116">
        <v>0</v>
      </c>
      <c r="FL13" s="110">
        <v>444520</v>
      </c>
      <c r="FM13" s="114">
        <v>340064</v>
      </c>
      <c r="FN13" s="113">
        <v>784584</v>
      </c>
      <c r="FO13" s="110">
        <v>0</v>
      </c>
      <c r="FP13" s="114">
        <v>1328182</v>
      </c>
      <c r="FQ13" s="114">
        <v>2520840</v>
      </c>
      <c r="FR13" s="114">
        <v>2164488</v>
      </c>
      <c r="FS13" s="114">
        <v>1406616</v>
      </c>
      <c r="FT13" s="114">
        <v>992936</v>
      </c>
      <c r="FU13" s="113">
        <v>8413062</v>
      </c>
      <c r="FV13" s="116">
        <v>9197646</v>
      </c>
      <c r="FW13" s="115">
        <v>92840</v>
      </c>
      <c r="FX13" s="114">
        <v>109664</v>
      </c>
      <c r="FY13" s="112">
        <v>202504</v>
      </c>
      <c r="FZ13" s="111">
        <v>0</v>
      </c>
      <c r="GA13" s="114">
        <v>754696</v>
      </c>
      <c r="GB13" s="114">
        <v>2412904</v>
      </c>
      <c r="GC13" s="114">
        <v>1670664</v>
      </c>
      <c r="GD13" s="114">
        <v>1370712</v>
      </c>
      <c r="GE13" s="114">
        <v>992936</v>
      </c>
      <c r="GF13" s="113">
        <v>7201912</v>
      </c>
      <c r="GG13" s="316">
        <v>7404416</v>
      </c>
      <c r="GH13" s="115">
        <v>31680</v>
      </c>
      <c r="GI13" s="114">
        <v>0</v>
      </c>
      <c r="GJ13" s="112">
        <v>31680</v>
      </c>
      <c r="GK13" s="111">
        <v>0</v>
      </c>
      <c r="GL13" s="114">
        <v>58286</v>
      </c>
      <c r="GM13" s="114">
        <v>22176</v>
      </c>
      <c r="GN13" s="114">
        <v>132704</v>
      </c>
      <c r="GO13" s="114">
        <v>35904</v>
      </c>
      <c r="GP13" s="114">
        <v>0</v>
      </c>
      <c r="GQ13" s="113">
        <v>249070</v>
      </c>
      <c r="GR13" s="116">
        <v>280750</v>
      </c>
      <c r="GS13" s="110">
        <v>320000</v>
      </c>
      <c r="GT13" s="114">
        <v>230400</v>
      </c>
      <c r="GU13" s="113">
        <v>550400</v>
      </c>
      <c r="GV13" s="110">
        <v>0</v>
      </c>
      <c r="GW13" s="114">
        <v>515200</v>
      </c>
      <c r="GX13" s="114">
        <v>85760</v>
      </c>
      <c r="GY13" s="114">
        <v>361120</v>
      </c>
      <c r="GZ13" s="114">
        <v>0</v>
      </c>
      <c r="HA13" s="114">
        <v>0</v>
      </c>
      <c r="HB13" s="112">
        <v>962080</v>
      </c>
      <c r="HC13" s="116">
        <v>1512480</v>
      </c>
      <c r="HD13" s="110">
        <v>579042</v>
      </c>
      <c r="HE13" s="114">
        <v>736548</v>
      </c>
      <c r="HF13" s="112">
        <v>1315590</v>
      </c>
      <c r="HG13" s="111">
        <v>0</v>
      </c>
      <c r="HH13" s="114">
        <v>7871160</v>
      </c>
      <c r="HI13" s="114">
        <v>7139114</v>
      </c>
      <c r="HJ13" s="114">
        <v>4944226</v>
      </c>
      <c r="HK13" s="114">
        <v>4626663</v>
      </c>
      <c r="HL13" s="114">
        <v>3675931</v>
      </c>
      <c r="HM13" s="113">
        <v>28257094</v>
      </c>
      <c r="HN13" s="109">
        <v>29572684</v>
      </c>
      <c r="HO13" s="326"/>
      <c r="HP13" s="327"/>
      <c r="HQ13" s="328"/>
      <c r="HR13" s="329"/>
      <c r="HS13" s="327"/>
      <c r="HT13" s="327"/>
      <c r="HU13" s="327"/>
      <c r="HV13" s="327"/>
      <c r="HW13" s="327"/>
      <c r="HX13" s="330"/>
      <c r="HY13" s="331"/>
      <c r="HZ13" s="131">
        <v>0</v>
      </c>
      <c r="IA13" s="132">
        <v>0</v>
      </c>
      <c r="IB13" s="133">
        <v>0</v>
      </c>
      <c r="IC13" s="146">
        <v>0</v>
      </c>
      <c r="ID13" s="132">
        <v>6584202</v>
      </c>
      <c r="IE13" s="147">
        <v>5200299</v>
      </c>
      <c r="IF13" s="133">
        <v>7227735</v>
      </c>
      <c r="IG13" s="132">
        <v>3113377</v>
      </c>
      <c r="IH13" s="133">
        <v>2719494</v>
      </c>
      <c r="II13" s="148">
        <v>24845107</v>
      </c>
      <c r="IJ13" s="139">
        <v>24845107</v>
      </c>
      <c r="IK13" s="232">
        <v>0</v>
      </c>
      <c r="IL13" s="236">
        <v>0</v>
      </c>
      <c r="IM13" s="237">
        <v>0</v>
      </c>
      <c r="IN13" s="140"/>
      <c r="IO13" s="119">
        <v>0</v>
      </c>
      <c r="IP13" s="119">
        <v>0</v>
      </c>
      <c r="IQ13" s="119">
        <v>0</v>
      </c>
      <c r="IR13" s="119">
        <v>0</v>
      </c>
      <c r="IS13" s="119">
        <v>505903</v>
      </c>
      <c r="IT13" s="141">
        <v>505903</v>
      </c>
      <c r="IU13" s="318">
        <v>505903</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678695</v>
      </c>
      <c r="JL13" s="119">
        <v>2404556</v>
      </c>
      <c r="JM13" s="119">
        <v>1673692</v>
      </c>
      <c r="JN13" s="119">
        <v>318645</v>
      </c>
      <c r="JO13" s="119">
        <v>294312</v>
      </c>
      <c r="JP13" s="120">
        <v>8369900</v>
      </c>
      <c r="JQ13" s="318">
        <v>8369900</v>
      </c>
      <c r="JR13" s="142">
        <v>0</v>
      </c>
      <c r="JS13" s="119">
        <v>0</v>
      </c>
      <c r="JT13" s="141">
        <v>0</v>
      </c>
      <c r="JU13" s="118">
        <v>0</v>
      </c>
      <c r="JV13" s="119">
        <v>787354</v>
      </c>
      <c r="JW13" s="119">
        <v>1148320</v>
      </c>
      <c r="JX13" s="119">
        <v>465689</v>
      </c>
      <c r="JY13" s="119">
        <v>706903</v>
      </c>
      <c r="JZ13" s="119">
        <v>221144</v>
      </c>
      <c r="KA13" s="120">
        <v>3329410</v>
      </c>
      <c r="KB13" s="318">
        <v>3329410</v>
      </c>
      <c r="KC13" s="234">
        <v>0</v>
      </c>
      <c r="KD13" s="230">
        <v>0</v>
      </c>
      <c r="KE13" s="120">
        <v>0</v>
      </c>
      <c r="KF13" s="118">
        <v>0</v>
      </c>
      <c r="KG13" s="119">
        <v>406999</v>
      </c>
      <c r="KH13" s="119">
        <v>643564</v>
      </c>
      <c r="KI13" s="119">
        <v>630762</v>
      </c>
      <c r="KJ13" s="119">
        <v>497959</v>
      </c>
      <c r="KK13" s="119">
        <v>0</v>
      </c>
      <c r="KL13" s="120">
        <v>2179284</v>
      </c>
      <c r="KM13" s="143">
        <v>2179284</v>
      </c>
      <c r="KN13" s="232">
        <v>0</v>
      </c>
      <c r="KO13" s="236">
        <v>0</v>
      </c>
      <c r="KP13" s="237">
        <v>0</v>
      </c>
      <c r="KQ13" s="140"/>
      <c r="KR13" s="119">
        <v>1552263</v>
      </c>
      <c r="KS13" s="119">
        <v>1003859</v>
      </c>
      <c r="KT13" s="119">
        <v>3961473</v>
      </c>
      <c r="KU13" s="119">
        <v>1296741</v>
      </c>
      <c r="KV13" s="119">
        <v>1045741</v>
      </c>
      <c r="KW13" s="120">
        <v>8860077</v>
      </c>
      <c r="KX13" s="318">
        <v>8860077</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18">
        <v>0</v>
      </c>
      <c r="LU13" s="142">
        <v>0</v>
      </c>
      <c r="LV13" s="119">
        <v>0</v>
      </c>
      <c r="LW13" s="120">
        <v>0</v>
      </c>
      <c r="LX13" s="145"/>
      <c r="LY13" s="119">
        <v>158891</v>
      </c>
      <c r="LZ13" s="119">
        <v>0</v>
      </c>
      <c r="MA13" s="119">
        <v>496119</v>
      </c>
      <c r="MB13" s="119">
        <v>293129</v>
      </c>
      <c r="MC13" s="119">
        <v>652394</v>
      </c>
      <c r="MD13" s="120">
        <v>1600533</v>
      </c>
      <c r="ME13" s="121">
        <v>1600533</v>
      </c>
      <c r="MF13" s="142">
        <v>0</v>
      </c>
      <c r="MG13" s="119">
        <v>0</v>
      </c>
      <c r="MH13" s="120">
        <v>0</v>
      </c>
      <c r="MI13" s="145"/>
      <c r="MJ13" s="119">
        <v>4709727</v>
      </c>
      <c r="MK13" s="119">
        <v>3121001</v>
      </c>
      <c r="ML13" s="119">
        <v>6604276</v>
      </c>
      <c r="MM13" s="119">
        <v>18038596</v>
      </c>
      <c r="MN13" s="119">
        <v>10269475</v>
      </c>
      <c r="MO13" s="120">
        <v>42743075</v>
      </c>
      <c r="MP13" s="143">
        <v>42743075</v>
      </c>
      <c r="MQ13" s="142">
        <v>0</v>
      </c>
      <c r="MR13" s="119">
        <v>0</v>
      </c>
      <c r="MS13" s="120">
        <v>0</v>
      </c>
      <c r="MT13" s="145"/>
      <c r="MU13" s="119">
        <v>0</v>
      </c>
      <c r="MV13" s="119">
        <v>703349</v>
      </c>
      <c r="MW13" s="119">
        <v>4070816</v>
      </c>
      <c r="MX13" s="119">
        <v>11430511</v>
      </c>
      <c r="MY13" s="119">
        <v>8597271</v>
      </c>
      <c r="MZ13" s="120">
        <v>24801947</v>
      </c>
      <c r="NA13" s="143">
        <v>24801947</v>
      </c>
      <c r="NB13" s="142">
        <v>0</v>
      </c>
      <c r="NC13" s="119">
        <v>0</v>
      </c>
      <c r="ND13" s="120">
        <v>0</v>
      </c>
      <c r="NE13" s="145"/>
      <c r="NF13" s="119">
        <v>4709727</v>
      </c>
      <c r="NG13" s="119">
        <v>2417652</v>
      </c>
      <c r="NH13" s="119">
        <v>2533460</v>
      </c>
      <c r="NI13" s="119">
        <v>6608085</v>
      </c>
      <c r="NJ13" s="119">
        <v>1672204</v>
      </c>
      <c r="NK13" s="120">
        <v>17941128</v>
      </c>
      <c r="NL13" s="318">
        <v>17941128</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273175</v>
      </c>
      <c r="OJ13" s="119">
        <v>1429627</v>
      </c>
      <c r="OK13" s="141">
        <v>2702802</v>
      </c>
      <c r="OL13" s="118">
        <v>0</v>
      </c>
      <c r="OM13" s="119">
        <v>37233137</v>
      </c>
      <c r="ON13" s="119">
        <v>34194158</v>
      </c>
      <c r="OO13" s="119">
        <v>34528144</v>
      </c>
      <c r="OP13" s="119">
        <v>38578968</v>
      </c>
      <c r="OQ13" s="119">
        <v>25594676</v>
      </c>
      <c r="OR13" s="120">
        <v>170129083</v>
      </c>
      <c r="OS13" s="143">
        <v>172831885</v>
      </c>
    </row>
    <row r="14" spans="1:409" ht="21" customHeight="1" x14ac:dyDescent="0.2">
      <c r="B14" s="126" t="s">
        <v>8</v>
      </c>
      <c r="C14" s="110">
        <v>858223</v>
      </c>
      <c r="D14" s="114">
        <v>786489</v>
      </c>
      <c r="E14" s="113">
        <v>1644712</v>
      </c>
      <c r="F14" s="109">
        <v>0</v>
      </c>
      <c r="G14" s="114">
        <v>7607381</v>
      </c>
      <c r="H14" s="114">
        <v>9266460</v>
      </c>
      <c r="I14" s="114">
        <v>9515566</v>
      </c>
      <c r="J14" s="114">
        <v>6618597</v>
      </c>
      <c r="K14" s="114">
        <v>7852030</v>
      </c>
      <c r="L14" s="109">
        <v>40860034</v>
      </c>
      <c r="M14" s="116">
        <v>42504746</v>
      </c>
      <c r="N14" s="110">
        <v>202385</v>
      </c>
      <c r="O14" s="114">
        <v>227953</v>
      </c>
      <c r="P14" s="113">
        <v>430338</v>
      </c>
      <c r="Q14" s="110">
        <v>0</v>
      </c>
      <c r="R14" s="114">
        <v>2027121</v>
      </c>
      <c r="S14" s="114">
        <v>3517445</v>
      </c>
      <c r="T14" s="114">
        <v>3361074</v>
      </c>
      <c r="U14" s="114">
        <v>2900562</v>
      </c>
      <c r="V14" s="114">
        <v>3431761</v>
      </c>
      <c r="W14" s="113">
        <v>15237963</v>
      </c>
      <c r="X14" s="116">
        <v>15668301</v>
      </c>
      <c r="Y14" s="110">
        <v>0</v>
      </c>
      <c r="Z14" s="114">
        <v>0</v>
      </c>
      <c r="AA14" s="113">
        <v>0</v>
      </c>
      <c r="AB14" s="110">
        <v>0</v>
      </c>
      <c r="AC14" s="114">
        <v>691300</v>
      </c>
      <c r="AD14" s="114">
        <v>2057095</v>
      </c>
      <c r="AE14" s="114">
        <v>1750904</v>
      </c>
      <c r="AF14" s="114">
        <v>1692441</v>
      </c>
      <c r="AG14" s="114">
        <v>2092820</v>
      </c>
      <c r="AH14" s="113">
        <v>8284560</v>
      </c>
      <c r="AI14" s="116">
        <v>8284560</v>
      </c>
      <c r="AJ14" s="110">
        <v>0</v>
      </c>
      <c r="AK14" s="114">
        <v>0</v>
      </c>
      <c r="AL14" s="113">
        <v>0</v>
      </c>
      <c r="AM14" s="110">
        <v>0</v>
      </c>
      <c r="AN14" s="114">
        <v>0</v>
      </c>
      <c r="AO14" s="114">
        <v>32741</v>
      </c>
      <c r="AP14" s="114">
        <v>0</v>
      </c>
      <c r="AQ14" s="114">
        <v>37260</v>
      </c>
      <c r="AR14" s="114">
        <v>398147</v>
      </c>
      <c r="AS14" s="113">
        <v>468148</v>
      </c>
      <c r="AT14" s="116">
        <v>468148</v>
      </c>
      <c r="AU14" s="110">
        <v>85409</v>
      </c>
      <c r="AV14" s="114">
        <v>117966</v>
      </c>
      <c r="AW14" s="113">
        <v>203375</v>
      </c>
      <c r="AX14" s="110">
        <v>0</v>
      </c>
      <c r="AY14" s="114">
        <v>799128</v>
      </c>
      <c r="AZ14" s="114">
        <v>924453</v>
      </c>
      <c r="BA14" s="114">
        <v>1054878</v>
      </c>
      <c r="BB14" s="114">
        <v>814957</v>
      </c>
      <c r="BC14" s="114">
        <v>585898</v>
      </c>
      <c r="BD14" s="113">
        <v>4179314</v>
      </c>
      <c r="BE14" s="116">
        <v>4382689</v>
      </c>
      <c r="BF14" s="110">
        <v>0</v>
      </c>
      <c r="BG14" s="114">
        <v>67355</v>
      </c>
      <c r="BH14" s="112">
        <v>67355</v>
      </c>
      <c r="BI14" s="111">
        <v>0</v>
      </c>
      <c r="BJ14" s="114">
        <v>104501</v>
      </c>
      <c r="BK14" s="114">
        <v>121924</v>
      </c>
      <c r="BL14" s="114">
        <v>163100</v>
      </c>
      <c r="BM14" s="114">
        <v>82288</v>
      </c>
      <c r="BN14" s="114">
        <v>0</v>
      </c>
      <c r="BO14" s="113">
        <v>471813</v>
      </c>
      <c r="BP14" s="116">
        <v>539168</v>
      </c>
      <c r="BQ14" s="110">
        <v>116976</v>
      </c>
      <c r="BR14" s="114">
        <v>42632</v>
      </c>
      <c r="BS14" s="113">
        <v>159608</v>
      </c>
      <c r="BT14" s="110">
        <v>0</v>
      </c>
      <c r="BU14" s="114">
        <v>432192</v>
      </c>
      <c r="BV14" s="114">
        <v>381232</v>
      </c>
      <c r="BW14" s="114">
        <v>392192</v>
      </c>
      <c r="BX14" s="114">
        <v>273616</v>
      </c>
      <c r="BY14" s="114">
        <v>354896</v>
      </c>
      <c r="BZ14" s="113">
        <v>1834128</v>
      </c>
      <c r="CA14" s="116">
        <v>1993736</v>
      </c>
      <c r="CB14" s="110">
        <v>123570</v>
      </c>
      <c r="CC14" s="114">
        <v>107700</v>
      </c>
      <c r="CD14" s="113">
        <v>231270</v>
      </c>
      <c r="CE14" s="110">
        <v>0</v>
      </c>
      <c r="CF14" s="114">
        <v>1968647</v>
      </c>
      <c r="CG14" s="114">
        <v>2984269</v>
      </c>
      <c r="CH14" s="114">
        <v>2774394</v>
      </c>
      <c r="CI14" s="114">
        <v>1349763</v>
      </c>
      <c r="CJ14" s="114">
        <v>1044366</v>
      </c>
      <c r="CK14" s="113">
        <v>10121439</v>
      </c>
      <c r="CL14" s="116">
        <v>10352709</v>
      </c>
      <c r="CM14" s="110">
        <v>0</v>
      </c>
      <c r="CN14" s="114">
        <v>0</v>
      </c>
      <c r="CO14" s="113">
        <v>0</v>
      </c>
      <c r="CP14" s="111">
        <v>0</v>
      </c>
      <c r="CQ14" s="114">
        <v>1634471</v>
      </c>
      <c r="CR14" s="114">
        <v>2519048</v>
      </c>
      <c r="CS14" s="114">
        <v>2272676</v>
      </c>
      <c r="CT14" s="114">
        <v>1189294</v>
      </c>
      <c r="CU14" s="114">
        <v>932318</v>
      </c>
      <c r="CV14" s="113">
        <v>8547807</v>
      </c>
      <c r="CW14" s="116">
        <v>8547807</v>
      </c>
      <c r="CX14" s="110">
        <v>123570</v>
      </c>
      <c r="CY14" s="114">
        <v>107700</v>
      </c>
      <c r="CZ14" s="113">
        <v>231270</v>
      </c>
      <c r="DA14" s="110">
        <v>0</v>
      </c>
      <c r="DB14" s="114">
        <v>334176</v>
      </c>
      <c r="DC14" s="114">
        <v>465221</v>
      </c>
      <c r="DD14" s="114">
        <v>501718</v>
      </c>
      <c r="DE14" s="114">
        <v>160469</v>
      </c>
      <c r="DF14" s="114">
        <v>112048</v>
      </c>
      <c r="DG14" s="113">
        <v>1573632</v>
      </c>
      <c r="DH14" s="116">
        <v>1804902</v>
      </c>
      <c r="DI14" s="110">
        <v>28214</v>
      </c>
      <c r="DJ14" s="114">
        <v>70212</v>
      </c>
      <c r="DK14" s="112">
        <v>98426</v>
      </c>
      <c r="DL14" s="111">
        <v>0</v>
      </c>
      <c r="DM14" s="114">
        <v>290319</v>
      </c>
      <c r="DN14" s="114">
        <v>342243</v>
      </c>
      <c r="DO14" s="114">
        <v>1166944</v>
      </c>
      <c r="DP14" s="114">
        <v>934650</v>
      </c>
      <c r="DQ14" s="114">
        <v>648332</v>
      </c>
      <c r="DR14" s="113">
        <v>3382488</v>
      </c>
      <c r="DS14" s="116">
        <v>3480914</v>
      </c>
      <c r="DT14" s="110">
        <v>28214</v>
      </c>
      <c r="DU14" s="114">
        <v>70212</v>
      </c>
      <c r="DV14" s="113">
        <v>98426</v>
      </c>
      <c r="DW14" s="110">
        <v>0</v>
      </c>
      <c r="DX14" s="114">
        <v>290319</v>
      </c>
      <c r="DY14" s="114">
        <v>342243</v>
      </c>
      <c r="DZ14" s="114">
        <v>1082592</v>
      </c>
      <c r="EA14" s="114">
        <v>934650</v>
      </c>
      <c r="EB14" s="114">
        <v>648332</v>
      </c>
      <c r="EC14" s="113">
        <v>3298136</v>
      </c>
      <c r="ED14" s="116">
        <v>3396562</v>
      </c>
      <c r="EE14" s="110">
        <v>0</v>
      </c>
      <c r="EF14" s="112">
        <v>0</v>
      </c>
      <c r="EG14" s="113">
        <v>0</v>
      </c>
      <c r="EH14" s="110">
        <v>0</v>
      </c>
      <c r="EI14" s="114">
        <v>0</v>
      </c>
      <c r="EJ14" s="114">
        <v>0</v>
      </c>
      <c r="EK14" s="114">
        <v>84352</v>
      </c>
      <c r="EL14" s="114">
        <v>0</v>
      </c>
      <c r="EM14" s="114">
        <v>0</v>
      </c>
      <c r="EN14" s="112">
        <v>84352</v>
      </c>
      <c r="EO14" s="116">
        <v>84352</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5"/>
      <c r="FE14" s="114">
        <v>0</v>
      </c>
      <c r="FF14" s="114">
        <v>0</v>
      </c>
      <c r="FG14" s="114">
        <v>0</v>
      </c>
      <c r="FH14" s="114">
        <v>0</v>
      </c>
      <c r="FI14" s="114">
        <v>0</v>
      </c>
      <c r="FJ14" s="113">
        <v>0</v>
      </c>
      <c r="FK14" s="116">
        <v>0</v>
      </c>
      <c r="FL14" s="110">
        <v>120760</v>
      </c>
      <c r="FM14" s="114">
        <v>105208</v>
      </c>
      <c r="FN14" s="113">
        <v>225968</v>
      </c>
      <c r="FO14" s="110">
        <v>0</v>
      </c>
      <c r="FP14" s="114">
        <v>437038</v>
      </c>
      <c r="FQ14" s="114">
        <v>1077552</v>
      </c>
      <c r="FR14" s="114">
        <v>907328</v>
      </c>
      <c r="FS14" s="114">
        <v>769200</v>
      </c>
      <c r="FT14" s="114">
        <v>403480</v>
      </c>
      <c r="FU14" s="113">
        <v>3594598</v>
      </c>
      <c r="FV14" s="116">
        <v>3820566</v>
      </c>
      <c r="FW14" s="115">
        <v>63960</v>
      </c>
      <c r="FX14" s="114">
        <v>105208</v>
      </c>
      <c r="FY14" s="112">
        <v>169168</v>
      </c>
      <c r="FZ14" s="111">
        <v>0</v>
      </c>
      <c r="GA14" s="114">
        <v>323144</v>
      </c>
      <c r="GB14" s="114">
        <v>1022992</v>
      </c>
      <c r="GC14" s="114">
        <v>907328</v>
      </c>
      <c r="GD14" s="114">
        <v>668000</v>
      </c>
      <c r="GE14" s="114">
        <v>403480</v>
      </c>
      <c r="GF14" s="113">
        <v>3324944</v>
      </c>
      <c r="GG14" s="316">
        <v>3494112</v>
      </c>
      <c r="GH14" s="115">
        <v>0</v>
      </c>
      <c r="GI14" s="114">
        <v>0</v>
      </c>
      <c r="GJ14" s="112">
        <v>0</v>
      </c>
      <c r="GK14" s="111">
        <v>0</v>
      </c>
      <c r="GL14" s="114">
        <v>0</v>
      </c>
      <c r="GM14" s="114">
        <v>54560</v>
      </c>
      <c r="GN14" s="114">
        <v>0</v>
      </c>
      <c r="GO14" s="114">
        <v>101200</v>
      </c>
      <c r="GP14" s="114">
        <v>0</v>
      </c>
      <c r="GQ14" s="113">
        <v>155760</v>
      </c>
      <c r="GR14" s="116">
        <v>155760</v>
      </c>
      <c r="GS14" s="110">
        <v>56800</v>
      </c>
      <c r="GT14" s="114">
        <v>0</v>
      </c>
      <c r="GU14" s="113">
        <v>56800</v>
      </c>
      <c r="GV14" s="110">
        <v>0</v>
      </c>
      <c r="GW14" s="114">
        <v>113894</v>
      </c>
      <c r="GX14" s="114">
        <v>0</v>
      </c>
      <c r="GY14" s="114">
        <v>0</v>
      </c>
      <c r="GZ14" s="114">
        <v>0</v>
      </c>
      <c r="HA14" s="114">
        <v>0</v>
      </c>
      <c r="HB14" s="112">
        <v>113894</v>
      </c>
      <c r="HC14" s="116">
        <v>170694</v>
      </c>
      <c r="HD14" s="110">
        <v>383294</v>
      </c>
      <c r="HE14" s="114">
        <v>275416</v>
      </c>
      <c r="HF14" s="112">
        <v>658710</v>
      </c>
      <c r="HG14" s="111">
        <v>0</v>
      </c>
      <c r="HH14" s="114">
        <v>2884256</v>
      </c>
      <c r="HI14" s="114">
        <v>1344951</v>
      </c>
      <c r="HJ14" s="114">
        <v>1305826</v>
      </c>
      <c r="HK14" s="114">
        <v>664422</v>
      </c>
      <c r="HL14" s="114">
        <v>2324091</v>
      </c>
      <c r="HM14" s="113">
        <v>8523546</v>
      </c>
      <c r="HN14" s="109">
        <v>9182256</v>
      </c>
      <c r="HO14" s="326"/>
      <c r="HP14" s="327"/>
      <c r="HQ14" s="328"/>
      <c r="HR14" s="329"/>
      <c r="HS14" s="327"/>
      <c r="HT14" s="327"/>
      <c r="HU14" s="327"/>
      <c r="HV14" s="327"/>
      <c r="HW14" s="327"/>
      <c r="HX14" s="330"/>
      <c r="HY14" s="331"/>
      <c r="HZ14" s="131">
        <v>0</v>
      </c>
      <c r="IA14" s="132">
        <v>79588</v>
      </c>
      <c r="IB14" s="133">
        <v>79588</v>
      </c>
      <c r="IC14" s="134">
        <v>0</v>
      </c>
      <c r="ID14" s="135">
        <v>3306835</v>
      </c>
      <c r="IE14" s="136">
        <v>2125621</v>
      </c>
      <c r="IF14" s="137">
        <v>4064860</v>
      </c>
      <c r="IG14" s="135">
        <v>2636849</v>
      </c>
      <c r="IH14" s="137">
        <v>1633722</v>
      </c>
      <c r="II14" s="138">
        <v>13767887</v>
      </c>
      <c r="IJ14" s="139">
        <v>13847475</v>
      </c>
      <c r="IK14" s="232">
        <v>0</v>
      </c>
      <c r="IL14" s="236">
        <v>0</v>
      </c>
      <c r="IM14" s="237">
        <v>0</v>
      </c>
      <c r="IN14" s="140"/>
      <c r="IO14" s="119">
        <v>0</v>
      </c>
      <c r="IP14" s="119">
        <v>0</v>
      </c>
      <c r="IQ14" s="119">
        <v>0</v>
      </c>
      <c r="IR14" s="119">
        <v>198335</v>
      </c>
      <c r="IS14" s="119">
        <v>0</v>
      </c>
      <c r="IT14" s="141">
        <v>198335</v>
      </c>
      <c r="IU14" s="318">
        <v>198335</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537528</v>
      </c>
      <c r="JL14" s="119">
        <v>1209860</v>
      </c>
      <c r="JM14" s="119">
        <v>1286592</v>
      </c>
      <c r="JN14" s="119">
        <v>536782</v>
      </c>
      <c r="JO14" s="119">
        <v>464444</v>
      </c>
      <c r="JP14" s="120">
        <v>5035206</v>
      </c>
      <c r="JQ14" s="318">
        <v>5035206</v>
      </c>
      <c r="JR14" s="142">
        <v>0</v>
      </c>
      <c r="JS14" s="119">
        <v>0</v>
      </c>
      <c r="JT14" s="141">
        <v>0</v>
      </c>
      <c r="JU14" s="118">
        <v>0</v>
      </c>
      <c r="JV14" s="119">
        <v>90232</v>
      </c>
      <c r="JW14" s="119">
        <v>0</v>
      </c>
      <c r="JX14" s="119">
        <v>0</v>
      </c>
      <c r="JY14" s="119">
        <v>0</v>
      </c>
      <c r="JZ14" s="119">
        <v>77816</v>
      </c>
      <c r="KA14" s="120">
        <v>168048</v>
      </c>
      <c r="KB14" s="318">
        <v>168048</v>
      </c>
      <c r="KC14" s="234">
        <v>0</v>
      </c>
      <c r="KD14" s="230">
        <v>79588</v>
      </c>
      <c r="KE14" s="120">
        <v>79588</v>
      </c>
      <c r="KF14" s="118">
        <v>0</v>
      </c>
      <c r="KG14" s="119">
        <v>130000</v>
      </c>
      <c r="KH14" s="119">
        <v>172352</v>
      </c>
      <c r="KI14" s="119">
        <v>697192</v>
      </c>
      <c r="KJ14" s="119">
        <v>273269</v>
      </c>
      <c r="KK14" s="119">
        <v>285280</v>
      </c>
      <c r="KL14" s="120">
        <v>1558093</v>
      </c>
      <c r="KM14" s="143">
        <v>1637681</v>
      </c>
      <c r="KN14" s="232">
        <v>0</v>
      </c>
      <c r="KO14" s="236">
        <v>0</v>
      </c>
      <c r="KP14" s="237">
        <v>0</v>
      </c>
      <c r="KQ14" s="140"/>
      <c r="KR14" s="119">
        <v>951288</v>
      </c>
      <c r="KS14" s="119">
        <v>743409</v>
      </c>
      <c r="KT14" s="119">
        <v>1123689</v>
      </c>
      <c r="KU14" s="119">
        <v>783429</v>
      </c>
      <c r="KV14" s="119">
        <v>239814</v>
      </c>
      <c r="KW14" s="120">
        <v>3841629</v>
      </c>
      <c r="KX14" s="318">
        <v>3841629</v>
      </c>
      <c r="KY14" s="142">
        <v>0</v>
      </c>
      <c r="KZ14" s="119">
        <v>0</v>
      </c>
      <c r="LA14" s="120">
        <v>0</v>
      </c>
      <c r="LB14" s="145"/>
      <c r="LC14" s="119">
        <v>178651</v>
      </c>
      <c r="LD14" s="119">
        <v>0</v>
      </c>
      <c r="LE14" s="119">
        <v>438531</v>
      </c>
      <c r="LF14" s="119">
        <v>0</v>
      </c>
      <c r="LG14" s="119">
        <v>239656</v>
      </c>
      <c r="LH14" s="120">
        <v>856838</v>
      </c>
      <c r="LI14" s="121">
        <v>856838</v>
      </c>
      <c r="LJ14" s="142">
        <v>0</v>
      </c>
      <c r="LK14" s="119">
        <v>0</v>
      </c>
      <c r="LL14" s="120">
        <v>0</v>
      </c>
      <c r="LM14" s="145"/>
      <c r="LN14" s="119">
        <v>0</v>
      </c>
      <c r="LO14" s="119">
        <v>0</v>
      </c>
      <c r="LP14" s="119">
        <v>0</v>
      </c>
      <c r="LQ14" s="119">
        <v>248935</v>
      </c>
      <c r="LR14" s="119">
        <v>0</v>
      </c>
      <c r="LS14" s="120">
        <v>248935</v>
      </c>
      <c r="LT14" s="318">
        <v>248935</v>
      </c>
      <c r="LU14" s="142">
        <v>0</v>
      </c>
      <c r="LV14" s="119">
        <v>0</v>
      </c>
      <c r="LW14" s="120">
        <v>0</v>
      </c>
      <c r="LX14" s="145"/>
      <c r="LY14" s="119">
        <v>419136</v>
      </c>
      <c r="LZ14" s="119">
        <v>0</v>
      </c>
      <c r="MA14" s="119">
        <v>518856</v>
      </c>
      <c r="MB14" s="119">
        <v>596099</v>
      </c>
      <c r="MC14" s="119">
        <v>326712</v>
      </c>
      <c r="MD14" s="120">
        <v>1860803</v>
      </c>
      <c r="ME14" s="121">
        <v>1860803</v>
      </c>
      <c r="MF14" s="142">
        <v>0</v>
      </c>
      <c r="MG14" s="119">
        <v>0</v>
      </c>
      <c r="MH14" s="120">
        <v>0</v>
      </c>
      <c r="MI14" s="145"/>
      <c r="MJ14" s="119">
        <v>644094</v>
      </c>
      <c r="MK14" s="119">
        <v>1115972</v>
      </c>
      <c r="ML14" s="119">
        <v>5058229</v>
      </c>
      <c r="MM14" s="119">
        <v>5772125</v>
      </c>
      <c r="MN14" s="119">
        <v>3085461</v>
      </c>
      <c r="MO14" s="120">
        <v>15675881</v>
      </c>
      <c r="MP14" s="143">
        <v>15675881</v>
      </c>
      <c r="MQ14" s="142">
        <v>0</v>
      </c>
      <c r="MR14" s="119">
        <v>0</v>
      </c>
      <c r="MS14" s="120">
        <v>0</v>
      </c>
      <c r="MT14" s="145"/>
      <c r="MU14" s="119">
        <v>217509</v>
      </c>
      <c r="MV14" s="119">
        <v>208681</v>
      </c>
      <c r="MW14" s="119">
        <v>2955670</v>
      </c>
      <c r="MX14" s="119">
        <v>3063203</v>
      </c>
      <c r="MY14" s="119">
        <v>1588704</v>
      </c>
      <c r="MZ14" s="120">
        <v>8033767</v>
      </c>
      <c r="NA14" s="143">
        <v>8033767</v>
      </c>
      <c r="NB14" s="142">
        <v>0</v>
      </c>
      <c r="NC14" s="119">
        <v>0</v>
      </c>
      <c r="ND14" s="120">
        <v>0</v>
      </c>
      <c r="NE14" s="145"/>
      <c r="NF14" s="119">
        <v>426585</v>
      </c>
      <c r="NG14" s="119">
        <v>907291</v>
      </c>
      <c r="NH14" s="119">
        <v>2102559</v>
      </c>
      <c r="NI14" s="119">
        <v>2101522</v>
      </c>
      <c r="NJ14" s="119">
        <v>1496757</v>
      </c>
      <c r="NK14" s="120">
        <v>7034714</v>
      </c>
      <c r="NL14" s="318">
        <v>7034714</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607400</v>
      </c>
      <c r="OF14" s="119">
        <v>0</v>
      </c>
      <c r="OG14" s="120">
        <v>607400</v>
      </c>
      <c r="OH14" s="121">
        <v>607400</v>
      </c>
      <c r="OI14" s="142">
        <v>858223</v>
      </c>
      <c r="OJ14" s="119">
        <v>866077</v>
      </c>
      <c r="OK14" s="141">
        <v>1724300</v>
      </c>
      <c r="OL14" s="118">
        <v>0</v>
      </c>
      <c r="OM14" s="119">
        <v>11558310</v>
      </c>
      <c r="ON14" s="119">
        <v>12508053</v>
      </c>
      <c r="OO14" s="119">
        <v>18638655</v>
      </c>
      <c r="OP14" s="119">
        <v>15027571</v>
      </c>
      <c r="OQ14" s="119">
        <v>12571213</v>
      </c>
      <c r="OR14" s="120">
        <v>70303802</v>
      </c>
      <c r="OS14" s="143">
        <v>72028102</v>
      </c>
    </row>
    <row r="15" spans="1:409" ht="21" customHeight="1" x14ac:dyDescent="0.2">
      <c r="B15" s="126" t="s">
        <v>9</v>
      </c>
      <c r="C15" s="110">
        <v>1102267</v>
      </c>
      <c r="D15" s="114">
        <v>771960</v>
      </c>
      <c r="E15" s="113">
        <v>1874227</v>
      </c>
      <c r="F15" s="111">
        <v>0</v>
      </c>
      <c r="G15" s="114">
        <v>12293986</v>
      </c>
      <c r="H15" s="114">
        <v>13229402</v>
      </c>
      <c r="I15" s="114">
        <v>13458959</v>
      </c>
      <c r="J15" s="114">
        <v>13561568</v>
      </c>
      <c r="K15" s="114">
        <v>8067374</v>
      </c>
      <c r="L15" s="109">
        <v>60611289</v>
      </c>
      <c r="M15" s="116">
        <v>62485516</v>
      </c>
      <c r="N15" s="110">
        <v>219197</v>
      </c>
      <c r="O15" s="114">
        <v>225430</v>
      </c>
      <c r="P15" s="113">
        <v>444627</v>
      </c>
      <c r="Q15" s="110">
        <v>0</v>
      </c>
      <c r="R15" s="114">
        <v>4576536</v>
      </c>
      <c r="S15" s="114">
        <v>5163642</v>
      </c>
      <c r="T15" s="114">
        <v>5761841</v>
      </c>
      <c r="U15" s="114">
        <v>5489565</v>
      </c>
      <c r="V15" s="114">
        <v>5324570</v>
      </c>
      <c r="W15" s="113">
        <v>26316154</v>
      </c>
      <c r="X15" s="116">
        <v>26760781</v>
      </c>
      <c r="Y15" s="110">
        <v>0</v>
      </c>
      <c r="Z15" s="114">
        <v>0</v>
      </c>
      <c r="AA15" s="113">
        <v>0</v>
      </c>
      <c r="AB15" s="110">
        <v>0</v>
      </c>
      <c r="AC15" s="114">
        <v>1830981</v>
      </c>
      <c r="AD15" s="114">
        <v>2707421</v>
      </c>
      <c r="AE15" s="114">
        <v>2785977</v>
      </c>
      <c r="AF15" s="114">
        <v>3033627</v>
      </c>
      <c r="AG15" s="114">
        <v>3613427</v>
      </c>
      <c r="AH15" s="113">
        <v>13971433</v>
      </c>
      <c r="AI15" s="116">
        <v>13971433</v>
      </c>
      <c r="AJ15" s="110">
        <v>0</v>
      </c>
      <c r="AK15" s="114">
        <v>0</v>
      </c>
      <c r="AL15" s="113">
        <v>0</v>
      </c>
      <c r="AM15" s="110">
        <v>0</v>
      </c>
      <c r="AN15" s="114">
        <v>0</v>
      </c>
      <c r="AO15" s="114">
        <v>97025</v>
      </c>
      <c r="AP15" s="114">
        <v>132631</v>
      </c>
      <c r="AQ15" s="114">
        <v>212089</v>
      </c>
      <c r="AR15" s="114">
        <v>281540</v>
      </c>
      <c r="AS15" s="113">
        <v>723285</v>
      </c>
      <c r="AT15" s="116">
        <v>723285</v>
      </c>
      <c r="AU15" s="110">
        <v>90005</v>
      </c>
      <c r="AV15" s="114">
        <v>170174</v>
      </c>
      <c r="AW15" s="113">
        <v>260179</v>
      </c>
      <c r="AX15" s="110">
        <v>0</v>
      </c>
      <c r="AY15" s="114">
        <v>1763639</v>
      </c>
      <c r="AZ15" s="114">
        <v>1595097</v>
      </c>
      <c r="BA15" s="114">
        <v>1984835</v>
      </c>
      <c r="BB15" s="114">
        <v>1458317</v>
      </c>
      <c r="BC15" s="114">
        <v>1005627</v>
      </c>
      <c r="BD15" s="113">
        <v>7807515</v>
      </c>
      <c r="BE15" s="116">
        <v>8067694</v>
      </c>
      <c r="BF15" s="110">
        <v>0</v>
      </c>
      <c r="BG15" s="114">
        <v>0</v>
      </c>
      <c r="BH15" s="112">
        <v>0</v>
      </c>
      <c r="BI15" s="111">
        <v>0</v>
      </c>
      <c r="BJ15" s="114">
        <v>90908</v>
      </c>
      <c r="BK15" s="114">
        <v>164043</v>
      </c>
      <c r="BL15" s="114">
        <v>66726</v>
      </c>
      <c r="BM15" s="114">
        <v>116892</v>
      </c>
      <c r="BN15" s="114">
        <v>54304</v>
      </c>
      <c r="BO15" s="113">
        <v>492873</v>
      </c>
      <c r="BP15" s="116">
        <v>492873</v>
      </c>
      <c r="BQ15" s="110">
        <v>129192</v>
      </c>
      <c r="BR15" s="114">
        <v>55256</v>
      </c>
      <c r="BS15" s="113">
        <v>184448</v>
      </c>
      <c r="BT15" s="110">
        <v>0</v>
      </c>
      <c r="BU15" s="114">
        <v>891008</v>
      </c>
      <c r="BV15" s="114">
        <v>600056</v>
      </c>
      <c r="BW15" s="114">
        <v>791672</v>
      </c>
      <c r="BX15" s="114">
        <v>668640</v>
      </c>
      <c r="BY15" s="114">
        <v>369672</v>
      </c>
      <c r="BZ15" s="113">
        <v>3321048</v>
      </c>
      <c r="CA15" s="116">
        <v>3505496</v>
      </c>
      <c r="CB15" s="110">
        <v>66599</v>
      </c>
      <c r="CC15" s="114">
        <v>153716</v>
      </c>
      <c r="CD15" s="113">
        <v>220315</v>
      </c>
      <c r="CE15" s="110">
        <v>0</v>
      </c>
      <c r="CF15" s="114">
        <v>2959428</v>
      </c>
      <c r="CG15" s="114">
        <v>3371688</v>
      </c>
      <c r="CH15" s="114">
        <v>2878336</v>
      </c>
      <c r="CI15" s="114">
        <v>1632381</v>
      </c>
      <c r="CJ15" s="114">
        <v>487629</v>
      </c>
      <c r="CK15" s="113">
        <v>11329462</v>
      </c>
      <c r="CL15" s="116">
        <v>11549777</v>
      </c>
      <c r="CM15" s="110">
        <v>0</v>
      </c>
      <c r="CN15" s="114">
        <v>0</v>
      </c>
      <c r="CO15" s="113">
        <v>0</v>
      </c>
      <c r="CP15" s="111">
        <v>0</v>
      </c>
      <c r="CQ15" s="114">
        <v>1790487</v>
      </c>
      <c r="CR15" s="114">
        <v>2404465</v>
      </c>
      <c r="CS15" s="114">
        <v>1695052</v>
      </c>
      <c r="CT15" s="114">
        <v>1089502</v>
      </c>
      <c r="CU15" s="114">
        <v>260739</v>
      </c>
      <c r="CV15" s="113">
        <v>7240245</v>
      </c>
      <c r="CW15" s="116">
        <v>7240245</v>
      </c>
      <c r="CX15" s="110">
        <v>66599</v>
      </c>
      <c r="CY15" s="114">
        <v>153716</v>
      </c>
      <c r="CZ15" s="113">
        <v>220315</v>
      </c>
      <c r="DA15" s="110">
        <v>0</v>
      </c>
      <c r="DB15" s="114">
        <v>1168941</v>
      </c>
      <c r="DC15" s="114">
        <v>967223</v>
      </c>
      <c r="DD15" s="114">
        <v>1183284</v>
      </c>
      <c r="DE15" s="114">
        <v>542879</v>
      </c>
      <c r="DF15" s="114">
        <v>226890</v>
      </c>
      <c r="DG15" s="113">
        <v>4089217</v>
      </c>
      <c r="DH15" s="116">
        <v>4309532</v>
      </c>
      <c r="DI15" s="110">
        <v>0</v>
      </c>
      <c r="DJ15" s="114">
        <v>0</v>
      </c>
      <c r="DK15" s="112">
        <v>0</v>
      </c>
      <c r="DL15" s="111">
        <v>0</v>
      </c>
      <c r="DM15" s="114">
        <v>801867</v>
      </c>
      <c r="DN15" s="114">
        <v>447816</v>
      </c>
      <c r="DO15" s="114">
        <v>1102917</v>
      </c>
      <c r="DP15" s="114">
        <v>1982983</v>
      </c>
      <c r="DQ15" s="114">
        <v>223599</v>
      </c>
      <c r="DR15" s="113">
        <v>4559182</v>
      </c>
      <c r="DS15" s="116">
        <v>4559182</v>
      </c>
      <c r="DT15" s="110">
        <v>0</v>
      </c>
      <c r="DU15" s="114">
        <v>0</v>
      </c>
      <c r="DV15" s="113">
        <v>0</v>
      </c>
      <c r="DW15" s="110">
        <v>0</v>
      </c>
      <c r="DX15" s="114">
        <v>748852</v>
      </c>
      <c r="DY15" s="114">
        <v>354091</v>
      </c>
      <c r="DZ15" s="114">
        <v>677172</v>
      </c>
      <c r="EA15" s="114">
        <v>1982983</v>
      </c>
      <c r="EB15" s="114">
        <v>102702</v>
      </c>
      <c r="EC15" s="113">
        <v>3865800</v>
      </c>
      <c r="ED15" s="116">
        <v>3865800</v>
      </c>
      <c r="EE15" s="110">
        <v>0</v>
      </c>
      <c r="EF15" s="112">
        <v>0</v>
      </c>
      <c r="EG15" s="113">
        <v>0</v>
      </c>
      <c r="EH15" s="110">
        <v>0</v>
      </c>
      <c r="EI15" s="114">
        <v>53015</v>
      </c>
      <c r="EJ15" s="114">
        <v>93725</v>
      </c>
      <c r="EK15" s="114">
        <v>425745</v>
      </c>
      <c r="EL15" s="114">
        <v>0</v>
      </c>
      <c r="EM15" s="114">
        <v>120897</v>
      </c>
      <c r="EN15" s="112">
        <v>693382</v>
      </c>
      <c r="EO15" s="116">
        <v>693382</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5"/>
      <c r="FE15" s="114">
        <v>0</v>
      </c>
      <c r="FF15" s="114">
        <v>0</v>
      </c>
      <c r="FG15" s="114">
        <v>0</v>
      </c>
      <c r="FH15" s="114">
        <v>0</v>
      </c>
      <c r="FI15" s="114">
        <v>0</v>
      </c>
      <c r="FJ15" s="113">
        <v>0</v>
      </c>
      <c r="FK15" s="116">
        <v>0</v>
      </c>
      <c r="FL15" s="110">
        <v>305376</v>
      </c>
      <c r="FM15" s="114">
        <v>190736</v>
      </c>
      <c r="FN15" s="113">
        <v>496112</v>
      </c>
      <c r="FO15" s="110">
        <v>0</v>
      </c>
      <c r="FP15" s="114">
        <v>731007</v>
      </c>
      <c r="FQ15" s="114">
        <v>1336000</v>
      </c>
      <c r="FR15" s="114">
        <v>1074514</v>
      </c>
      <c r="FS15" s="114">
        <v>793984</v>
      </c>
      <c r="FT15" s="114">
        <v>566800</v>
      </c>
      <c r="FU15" s="113">
        <v>4502305</v>
      </c>
      <c r="FV15" s="116">
        <v>4998417</v>
      </c>
      <c r="FW15" s="115">
        <v>150496</v>
      </c>
      <c r="FX15" s="114">
        <v>190736</v>
      </c>
      <c r="FY15" s="112">
        <v>341232</v>
      </c>
      <c r="FZ15" s="111">
        <v>0</v>
      </c>
      <c r="GA15" s="114">
        <v>605696</v>
      </c>
      <c r="GB15" s="114">
        <v>1028912</v>
      </c>
      <c r="GC15" s="114">
        <v>1031248</v>
      </c>
      <c r="GD15" s="114">
        <v>738368</v>
      </c>
      <c r="GE15" s="114">
        <v>566800</v>
      </c>
      <c r="GF15" s="113">
        <v>3971024</v>
      </c>
      <c r="GG15" s="316">
        <v>4312256</v>
      </c>
      <c r="GH15" s="115">
        <v>0</v>
      </c>
      <c r="GI15" s="114">
        <v>0</v>
      </c>
      <c r="GJ15" s="112">
        <v>0</v>
      </c>
      <c r="GK15" s="111">
        <v>0</v>
      </c>
      <c r="GL15" s="114">
        <v>67311</v>
      </c>
      <c r="GM15" s="114">
        <v>55088</v>
      </c>
      <c r="GN15" s="114">
        <v>7666</v>
      </c>
      <c r="GO15" s="114">
        <v>55616</v>
      </c>
      <c r="GP15" s="114">
        <v>0</v>
      </c>
      <c r="GQ15" s="113">
        <v>185681</v>
      </c>
      <c r="GR15" s="116">
        <v>185681</v>
      </c>
      <c r="GS15" s="110">
        <v>154880</v>
      </c>
      <c r="GT15" s="114">
        <v>0</v>
      </c>
      <c r="GU15" s="113">
        <v>154880</v>
      </c>
      <c r="GV15" s="110">
        <v>0</v>
      </c>
      <c r="GW15" s="114">
        <v>58000</v>
      </c>
      <c r="GX15" s="114">
        <v>252000</v>
      </c>
      <c r="GY15" s="114">
        <v>35600</v>
      </c>
      <c r="GZ15" s="114">
        <v>0</v>
      </c>
      <c r="HA15" s="114">
        <v>0</v>
      </c>
      <c r="HB15" s="112">
        <v>345600</v>
      </c>
      <c r="HC15" s="116">
        <v>500480</v>
      </c>
      <c r="HD15" s="110">
        <v>511095</v>
      </c>
      <c r="HE15" s="114">
        <v>202078</v>
      </c>
      <c r="HF15" s="112">
        <v>713173</v>
      </c>
      <c r="HG15" s="111">
        <v>0</v>
      </c>
      <c r="HH15" s="114">
        <v>3225148</v>
      </c>
      <c r="HI15" s="114">
        <v>2910256</v>
      </c>
      <c r="HJ15" s="114">
        <v>2641351</v>
      </c>
      <c r="HK15" s="114">
        <v>3662655</v>
      </c>
      <c r="HL15" s="114">
        <v>1464776</v>
      </c>
      <c r="HM15" s="113">
        <v>13904186</v>
      </c>
      <c r="HN15" s="109">
        <v>14617359</v>
      </c>
      <c r="HO15" s="326"/>
      <c r="HP15" s="327"/>
      <c r="HQ15" s="328"/>
      <c r="HR15" s="329"/>
      <c r="HS15" s="327"/>
      <c r="HT15" s="327"/>
      <c r="HU15" s="327"/>
      <c r="HV15" s="327"/>
      <c r="HW15" s="327"/>
      <c r="HX15" s="330"/>
      <c r="HY15" s="331"/>
      <c r="HZ15" s="128">
        <v>83641</v>
      </c>
      <c r="IA15" s="149">
        <v>0</v>
      </c>
      <c r="IB15" s="129">
        <v>83641</v>
      </c>
      <c r="IC15" s="146">
        <v>0</v>
      </c>
      <c r="ID15" s="132">
        <v>3256129</v>
      </c>
      <c r="IE15" s="147">
        <v>2883439</v>
      </c>
      <c r="IF15" s="133">
        <v>4162593</v>
      </c>
      <c r="IG15" s="132">
        <v>1283902</v>
      </c>
      <c r="IH15" s="133">
        <v>1536797</v>
      </c>
      <c r="II15" s="148">
        <v>13122860</v>
      </c>
      <c r="IJ15" s="130">
        <v>13206501</v>
      </c>
      <c r="IK15" s="232">
        <v>0</v>
      </c>
      <c r="IL15" s="236">
        <v>0</v>
      </c>
      <c r="IM15" s="237">
        <v>0</v>
      </c>
      <c r="IN15" s="140"/>
      <c r="IO15" s="119">
        <v>0</v>
      </c>
      <c r="IP15" s="119">
        <v>0</v>
      </c>
      <c r="IQ15" s="119">
        <v>0</v>
      </c>
      <c r="IR15" s="119">
        <v>0</v>
      </c>
      <c r="IS15" s="119">
        <v>0</v>
      </c>
      <c r="IT15" s="141">
        <v>0</v>
      </c>
      <c r="IU15" s="318">
        <v>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2488837</v>
      </c>
      <c r="JL15" s="119">
        <v>1183461</v>
      </c>
      <c r="JM15" s="119">
        <v>1369521</v>
      </c>
      <c r="JN15" s="119">
        <v>462832</v>
      </c>
      <c r="JO15" s="119">
        <v>388938</v>
      </c>
      <c r="JP15" s="120">
        <v>5893589</v>
      </c>
      <c r="JQ15" s="318">
        <v>5893589</v>
      </c>
      <c r="JR15" s="142">
        <v>0</v>
      </c>
      <c r="JS15" s="119">
        <v>0</v>
      </c>
      <c r="JT15" s="141">
        <v>0</v>
      </c>
      <c r="JU15" s="118">
        <v>0</v>
      </c>
      <c r="JV15" s="119">
        <v>0</v>
      </c>
      <c r="JW15" s="119">
        <v>0</v>
      </c>
      <c r="JX15" s="119">
        <v>0</v>
      </c>
      <c r="JY15" s="119">
        <v>0</v>
      </c>
      <c r="JZ15" s="119">
        <v>189792</v>
      </c>
      <c r="KA15" s="120">
        <v>189792</v>
      </c>
      <c r="KB15" s="318">
        <v>189792</v>
      </c>
      <c r="KC15" s="234">
        <v>83641</v>
      </c>
      <c r="KD15" s="230">
        <v>0</v>
      </c>
      <c r="KE15" s="120">
        <v>83641</v>
      </c>
      <c r="KF15" s="118">
        <v>0</v>
      </c>
      <c r="KG15" s="119">
        <v>118514</v>
      </c>
      <c r="KH15" s="119">
        <v>563503</v>
      </c>
      <c r="KI15" s="119">
        <v>715082</v>
      </c>
      <c r="KJ15" s="119">
        <v>0</v>
      </c>
      <c r="KK15" s="119">
        <v>0</v>
      </c>
      <c r="KL15" s="120">
        <v>1397099</v>
      </c>
      <c r="KM15" s="143">
        <v>1480740</v>
      </c>
      <c r="KN15" s="232">
        <v>0</v>
      </c>
      <c r="KO15" s="236">
        <v>0</v>
      </c>
      <c r="KP15" s="237">
        <v>0</v>
      </c>
      <c r="KQ15" s="140"/>
      <c r="KR15" s="119">
        <v>485503</v>
      </c>
      <c r="KS15" s="119">
        <v>944954</v>
      </c>
      <c r="KT15" s="119">
        <v>1828467</v>
      </c>
      <c r="KU15" s="119">
        <v>531538</v>
      </c>
      <c r="KV15" s="119">
        <v>630439</v>
      </c>
      <c r="KW15" s="120">
        <v>4420901</v>
      </c>
      <c r="KX15" s="318">
        <v>4420901</v>
      </c>
      <c r="KY15" s="142">
        <v>0</v>
      </c>
      <c r="KZ15" s="119">
        <v>0</v>
      </c>
      <c r="LA15" s="120">
        <v>0</v>
      </c>
      <c r="LB15" s="145"/>
      <c r="LC15" s="119">
        <v>163275</v>
      </c>
      <c r="LD15" s="119">
        <v>0</v>
      </c>
      <c r="LE15" s="119">
        <v>0</v>
      </c>
      <c r="LF15" s="119">
        <v>0</v>
      </c>
      <c r="LG15" s="119">
        <v>0</v>
      </c>
      <c r="LH15" s="120">
        <v>163275</v>
      </c>
      <c r="LI15" s="121">
        <v>163275</v>
      </c>
      <c r="LJ15" s="142">
        <v>0</v>
      </c>
      <c r="LK15" s="119">
        <v>0</v>
      </c>
      <c r="LL15" s="120">
        <v>0</v>
      </c>
      <c r="LM15" s="145"/>
      <c r="LN15" s="119">
        <v>0</v>
      </c>
      <c r="LO15" s="119">
        <v>0</v>
      </c>
      <c r="LP15" s="119">
        <v>0</v>
      </c>
      <c r="LQ15" s="119">
        <v>0</v>
      </c>
      <c r="LR15" s="119">
        <v>0</v>
      </c>
      <c r="LS15" s="120">
        <v>0</v>
      </c>
      <c r="LT15" s="318">
        <v>0</v>
      </c>
      <c r="LU15" s="142">
        <v>0</v>
      </c>
      <c r="LV15" s="119">
        <v>0</v>
      </c>
      <c r="LW15" s="120">
        <v>0</v>
      </c>
      <c r="LX15" s="145"/>
      <c r="LY15" s="119">
        <v>0</v>
      </c>
      <c r="LZ15" s="119">
        <v>191521</v>
      </c>
      <c r="MA15" s="119">
        <v>249523</v>
      </c>
      <c r="MB15" s="119">
        <v>289532</v>
      </c>
      <c r="MC15" s="119">
        <v>327628</v>
      </c>
      <c r="MD15" s="120">
        <v>1058204</v>
      </c>
      <c r="ME15" s="121">
        <v>1058204</v>
      </c>
      <c r="MF15" s="142">
        <v>0</v>
      </c>
      <c r="MG15" s="119">
        <v>0</v>
      </c>
      <c r="MH15" s="120">
        <v>0</v>
      </c>
      <c r="MI15" s="145"/>
      <c r="MJ15" s="119">
        <v>570011</v>
      </c>
      <c r="MK15" s="119">
        <v>1103068</v>
      </c>
      <c r="ML15" s="119">
        <v>4316364</v>
      </c>
      <c r="MM15" s="119">
        <v>9232858</v>
      </c>
      <c r="MN15" s="119">
        <v>4371613</v>
      </c>
      <c r="MO15" s="120">
        <v>19593914</v>
      </c>
      <c r="MP15" s="143">
        <v>19593914</v>
      </c>
      <c r="MQ15" s="142">
        <v>0</v>
      </c>
      <c r="MR15" s="119">
        <v>0</v>
      </c>
      <c r="MS15" s="120">
        <v>0</v>
      </c>
      <c r="MT15" s="145"/>
      <c r="MU15" s="119">
        <v>0</v>
      </c>
      <c r="MV15" s="119">
        <v>0</v>
      </c>
      <c r="MW15" s="119">
        <v>3372706</v>
      </c>
      <c r="MX15" s="119">
        <v>6001919</v>
      </c>
      <c r="MY15" s="119">
        <v>2841657</v>
      </c>
      <c r="MZ15" s="120">
        <v>12216282</v>
      </c>
      <c r="NA15" s="143">
        <v>12216282</v>
      </c>
      <c r="NB15" s="142">
        <v>0</v>
      </c>
      <c r="NC15" s="119">
        <v>0</v>
      </c>
      <c r="ND15" s="120">
        <v>0</v>
      </c>
      <c r="NE15" s="145"/>
      <c r="NF15" s="119">
        <v>570011</v>
      </c>
      <c r="NG15" s="119">
        <v>1103068</v>
      </c>
      <c r="NH15" s="119">
        <v>943658</v>
      </c>
      <c r="NI15" s="119">
        <v>2881659</v>
      </c>
      <c r="NJ15" s="119">
        <v>1529956</v>
      </c>
      <c r="NK15" s="120">
        <v>7028352</v>
      </c>
      <c r="NL15" s="318">
        <v>7028352</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349280</v>
      </c>
      <c r="OF15" s="119">
        <v>0</v>
      </c>
      <c r="OG15" s="120">
        <v>349280</v>
      </c>
      <c r="OH15" s="121">
        <v>349280</v>
      </c>
      <c r="OI15" s="142">
        <v>1185908</v>
      </c>
      <c r="OJ15" s="119">
        <v>771960</v>
      </c>
      <c r="OK15" s="141">
        <v>1957868</v>
      </c>
      <c r="OL15" s="118">
        <v>0</v>
      </c>
      <c r="OM15" s="119">
        <v>16120126</v>
      </c>
      <c r="ON15" s="119">
        <v>17215909</v>
      </c>
      <c r="OO15" s="119">
        <v>21937916</v>
      </c>
      <c r="OP15" s="119">
        <v>24078328</v>
      </c>
      <c r="OQ15" s="119">
        <v>13975784</v>
      </c>
      <c r="OR15" s="120">
        <v>93328063</v>
      </c>
      <c r="OS15" s="143">
        <v>95285931</v>
      </c>
    </row>
    <row r="16" spans="1:409" ht="21" customHeight="1" x14ac:dyDescent="0.2">
      <c r="B16" s="126" t="s">
        <v>10</v>
      </c>
      <c r="C16" s="110">
        <v>1795616</v>
      </c>
      <c r="D16" s="114">
        <v>1650363</v>
      </c>
      <c r="E16" s="113">
        <v>3445979</v>
      </c>
      <c r="F16" s="172">
        <v>0</v>
      </c>
      <c r="G16" s="114">
        <v>21748122</v>
      </c>
      <c r="H16" s="114">
        <v>16058540</v>
      </c>
      <c r="I16" s="114">
        <v>12670410</v>
      </c>
      <c r="J16" s="114">
        <v>15858525</v>
      </c>
      <c r="K16" s="114">
        <v>9559554</v>
      </c>
      <c r="L16" s="109">
        <v>75895151</v>
      </c>
      <c r="M16" s="116">
        <v>79341130</v>
      </c>
      <c r="N16" s="110">
        <v>467421</v>
      </c>
      <c r="O16" s="114">
        <v>691913</v>
      </c>
      <c r="P16" s="113">
        <v>1159334</v>
      </c>
      <c r="Q16" s="110">
        <v>0</v>
      </c>
      <c r="R16" s="114">
        <v>7617685</v>
      </c>
      <c r="S16" s="114">
        <v>5563996</v>
      </c>
      <c r="T16" s="114">
        <v>3622957</v>
      </c>
      <c r="U16" s="114">
        <v>6530596</v>
      </c>
      <c r="V16" s="114">
        <v>5171146</v>
      </c>
      <c r="W16" s="113">
        <v>28506380</v>
      </c>
      <c r="X16" s="116">
        <v>29665714</v>
      </c>
      <c r="Y16" s="110">
        <v>0</v>
      </c>
      <c r="Z16" s="114">
        <v>0</v>
      </c>
      <c r="AA16" s="113">
        <v>0</v>
      </c>
      <c r="AB16" s="110">
        <v>0</v>
      </c>
      <c r="AC16" s="114">
        <v>3707041</v>
      </c>
      <c r="AD16" s="114">
        <v>2803195</v>
      </c>
      <c r="AE16" s="114">
        <v>1877541</v>
      </c>
      <c r="AF16" s="114">
        <v>4128017</v>
      </c>
      <c r="AG16" s="114">
        <v>3043436</v>
      </c>
      <c r="AH16" s="113">
        <v>15559230</v>
      </c>
      <c r="AI16" s="116">
        <v>15559230</v>
      </c>
      <c r="AJ16" s="110">
        <v>0</v>
      </c>
      <c r="AK16" s="114">
        <v>0</v>
      </c>
      <c r="AL16" s="113">
        <v>0</v>
      </c>
      <c r="AM16" s="110">
        <v>0</v>
      </c>
      <c r="AN16" s="114">
        <v>0</v>
      </c>
      <c r="AO16" s="114">
        <v>122498</v>
      </c>
      <c r="AP16" s="114">
        <v>166725</v>
      </c>
      <c r="AQ16" s="114">
        <v>308556</v>
      </c>
      <c r="AR16" s="114">
        <v>690618</v>
      </c>
      <c r="AS16" s="113">
        <v>1288397</v>
      </c>
      <c r="AT16" s="116">
        <v>1288397</v>
      </c>
      <c r="AU16" s="110">
        <v>245548</v>
      </c>
      <c r="AV16" s="114">
        <v>504280</v>
      </c>
      <c r="AW16" s="113">
        <v>749828</v>
      </c>
      <c r="AX16" s="110">
        <v>0</v>
      </c>
      <c r="AY16" s="114">
        <v>2381450</v>
      </c>
      <c r="AZ16" s="114">
        <v>1468228</v>
      </c>
      <c r="BA16" s="114">
        <v>813456</v>
      </c>
      <c r="BB16" s="114">
        <v>1175374</v>
      </c>
      <c r="BC16" s="114">
        <v>600536</v>
      </c>
      <c r="BD16" s="113">
        <v>6439044</v>
      </c>
      <c r="BE16" s="116">
        <v>7188872</v>
      </c>
      <c r="BF16" s="110">
        <v>15161</v>
      </c>
      <c r="BG16" s="114">
        <v>100193</v>
      </c>
      <c r="BH16" s="112">
        <v>115354</v>
      </c>
      <c r="BI16" s="111">
        <v>0</v>
      </c>
      <c r="BJ16" s="114">
        <v>279650</v>
      </c>
      <c r="BK16" s="114">
        <v>218003</v>
      </c>
      <c r="BL16" s="114">
        <v>65347</v>
      </c>
      <c r="BM16" s="114">
        <v>84849</v>
      </c>
      <c r="BN16" s="114">
        <v>210260</v>
      </c>
      <c r="BO16" s="113">
        <v>858109</v>
      </c>
      <c r="BP16" s="116">
        <v>973463</v>
      </c>
      <c r="BQ16" s="110">
        <v>206712</v>
      </c>
      <c r="BR16" s="114">
        <v>87440</v>
      </c>
      <c r="BS16" s="113">
        <v>294152</v>
      </c>
      <c r="BT16" s="110">
        <v>0</v>
      </c>
      <c r="BU16" s="114">
        <v>1249544</v>
      </c>
      <c r="BV16" s="114">
        <v>952072</v>
      </c>
      <c r="BW16" s="114">
        <v>699888</v>
      </c>
      <c r="BX16" s="114">
        <v>833800</v>
      </c>
      <c r="BY16" s="114">
        <v>626296</v>
      </c>
      <c r="BZ16" s="113">
        <v>4361600</v>
      </c>
      <c r="CA16" s="116">
        <v>4655752</v>
      </c>
      <c r="CB16" s="110">
        <v>101351</v>
      </c>
      <c r="CC16" s="114">
        <v>197811</v>
      </c>
      <c r="CD16" s="113">
        <v>299162</v>
      </c>
      <c r="CE16" s="110">
        <v>0</v>
      </c>
      <c r="CF16" s="114">
        <v>6889512</v>
      </c>
      <c r="CG16" s="114">
        <v>4950251</v>
      </c>
      <c r="CH16" s="114">
        <v>2890194</v>
      </c>
      <c r="CI16" s="114">
        <v>2357793</v>
      </c>
      <c r="CJ16" s="114">
        <v>825204</v>
      </c>
      <c r="CK16" s="113">
        <v>17912954</v>
      </c>
      <c r="CL16" s="116">
        <v>18212116</v>
      </c>
      <c r="CM16" s="110">
        <v>0</v>
      </c>
      <c r="CN16" s="114">
        <v>0</v>
      </c>
      <c r="CO16" s="113">
        <v>0</v>
      </c>
      <c r="CP16" s="111">
        <v>0</v>
      </c>
      <c r="CQ16" s="114">
        <v>5772551</v>
      </c>
      <c r="CR16" s="114">
        <v>4146187</v>
      </c>
      <c r="CS16" s="114">
        <v>2502962</v>
      </c>
      <c r="CT16" s="114">
        <v>1936975</v>
      </c>
      <c r="CU16" s="114">
        <v>596034</v>
      </c>
      <c r="CV16" s="113">
        <v>14954709</v>
      </c>
      <c r="CW16" s="116">
        <v>14954709</v>
      </c>
      <c r="CX16" s="110">
        <v>101351</v>
      </c>
      <c r="CY16" s="114">
        <v>197811</v>
      </c>
      <c r="CZ16" s="113">
        <v>299162</v>
      </c>
      <c r="DA16" s="110">
        <v>0</v>
      </c>
      <c r="DB16" s="114">
        <v>1116961</v>
      </c>
      <c r="DC16" s="114">
        <v>804064</v>
      </c>
      <c r="DD16" s="114">
        <v>387232</v>
      </c>
      <c r="DE16" s="114">
        <v>420818</v>
      </c>
      <c r="DF16" s="114">
        <v>229170</v>
      </c>
      <c r="DG16" s="113">
        <v>2958245</v>
      </c>
      <c r="DH16" s="116">
        <v>3257407</v>
      </c>
      <c r="DI16" s="110">
        <v>0</v>
      </c>
      <c r="DJ16" s="114">
        <v>120379</v>
      </c>
      <c r="DK16" s="112">
        <v>120379</v>
      </c>
      <c r="DL16" s="111">
        <v>0</v>
      </c>
      <c r="DM16" s="114">
        <v>640825</v>
      </c>
      <c r="DN16" s="114">
        <v>1032146</v>
      </c>
      <c r="DO16" s="114">
        <v>1606146</v>
      </c>
      <c r="DP16" s="114">
        <v>1293729</v>
      </c>
      <c r="DQ16" s="114">
        <v>238963</v>
      </c>
      <c r="DR16" s="113">
        <v>4811809</v>
      </c>
      <c r="DS16" s="116">
        <v>4932188</v>
      </c>
      <c r="DT16" s="110">
        <v>0</v>
      </c>
      <c r="DU16" s="114">
        <v>120379</v>
      </c>
      <c r="DV16" s="113">
        <v>120379</v>
      </c>
      <c r="DW16" s="110">
        <v>0</v>
      </c>
      <c r="DX16" s="114">
        <v>594787</v>
      </c>
      <c r="DY16" s="114">
        <v>871164</v>
      </c>
      <c r="DZ16" s="114">
        <v>1159523</v>
      </c>
      <c r="EA16" s="114">
        <v>1236350</v>
      </c>
      <c r="EB16" s="114">
        <v>117974</v>
      </c>
      <c r="EC16" s="113">
        <v>3979798</v>
      </c>
      <c r="ED16" s="116">
        <v>4100177</v>
      </c>
      <c r="EE16" s="110">
        <v>0</v>
      </c>
      <c r="EF16" s="112">
        <v>0</v>
      </c>
      <c r="EG16" s="113">
        <v>0</v>
      </c>
      <c r="EH16" s="110">
        <v>0</v>
      </c>
      <c r="EI16" s="114">
        <v>46038</v>
      </c>
      <c r="EJ16" s="114">
        <v>160982</v>
      </c>
      <c r="EK16" s="114">
        <v>446623</v>
      </c>
      <c r="EL16" s="114">
        <v>57379</v>
      </c>
      <c r="EM16" s="114">
        <v>120989</v>
      </c>
      <c r="EN16" s="112">
        <v>832011</v>
      </c>
      <c r="EO16" s="116">
        <v>832011</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5"/>
      <c r="FE16" s="114">
        <v>0</v>
      </c>
      <c r="FF16" s="114">
        <v>0</v>
      </c>
      <c r="FG16" s="114">
        <v>0</v>
      </c>
      <c r="FH16" s="114">
        <v>0</v>
      </c>
      <c r="FI16" s="114">
        <v>0</v>
      </c>
      <c r="FJ16" s="113">
        <v>0</v>
      </c>
      <c r="FK16" s="116">
        <v>0</v>
      </c>
      <c r="FL16" s="110">
        <v>774280</v>
      </c>
      <c r="FM16" s="114">
        <v>570680</v>
      </c>
      <c r="FN16" s="113">
        <v>1344960</v>
      </c>
      <c r="FO16" s="110">
        <v>0</v>
      </c>
      <c r="FP16" s="114">
        <v>1076808</v>
      </c>
      <c r="FQ16" s="114">
        <v>1439888</v>
      </c>
      <c r="FR16" s="114">
        <v>1093040</v>
      </c>
      <c r="FS16" s="114">
        <v>1161318</v>
      </c>
      <c r="FT16" s="114">
        <v>631048</v>
      </c>
      <c r="FU16" s="113">
        <v>5402102</v>
      </c>
      <c r="FV16" s="116">
        <v>6747062</v>
      </c>
      <c r="FW16" s="115">
        <v>305544</v>
      </c>
      <c r="FX16" s="114">
        <v>423320</v>
      </c>
      <c r="FY16" s="112">
        <v>728864</v>
      </c>
      <c r="FZ16" s="111">
        <v>0</v>
      </c>
      <c r="GA16" s="114">
        <v>850104</v>
      </c>
      <c r="GB16" s="114">
        <v>1324128</v>
      </c>
      <c r="GC16" s="114">
        <v>873040</v>
      </c>
      <c r="GD16" s="114">
        <v>1133280</v>
      </c>
      <c r="GE16" s="114">
        <v>631048</v>
      </c>
      <c r="GF16" s="113">
        <v>4811600</v>
      </c>
      <c r="GG16" s="316">
        <v>5540464</v>
      </c>
      <c r="GH16" s="115">
        <v>51696</v>
      </c>
      <c r="GI16" s="114">
        <v>63360</v>
      </c>
      <c r="GJ16" s="112">
        <v>115056</v>
      </c>
      <c r="GK16" s="111">
        <v>0</v>
      </c>
      <c r="GL16" s="114">
        <v>66704</v>
      </c>
      <c r="GM16" s="114">
        <v>23760</v>
      </c>
      <c r="GN16" s="114">
        <v>7360</v>
      </c>
      <c r="GO16" s="114">
        <v>12038</v>
      </c>
      <c r="GP16" s="114">
        <v>0</v>
      </c>
      <c r="GQ16" s="113">
        <v>109862</v>
      </c>
      <c r="GR16" s="116">
        <v>224918</v>
      </c>
      <c r="GS16" s="110">
        <v>417040</v>
      </c>
      <c r="GT16" s="114">
        <v>84000</v>
      </c>
      <c r="GU16" s="113">
        <v>501040</v>
      </c>
      <c r="GV16" s="110">
        <v>0</v>
      </c>
      <c r="GW16" s="114">
        <v>160000</v>
      </c>
      <c r="GX16" s="114">
        <v>92000</v>
      </c>
      <c r="GY16" s="114">
        <v>212640</v>
      </c>
      <c r="GZ16" s="114">
        <v>16000</v>
      </c>
      <c r="HA16" s="114">
        <v>0</v>
      </c>
      <c r="HB16" s="112">
        <v>480640</v>
      </c>
      <c r="HC16" s="116">
        <v>981680</v>
      </c>
      <c r="HD16" s="110">
        <v>452564</v>
      </c>
      <c r="HE16" s="114">
        <v>69580</v>
      </c>
      <c r="HF16" s="112">
        <v>522144</v>
      </c>
      <c r="HG16" s="111">
        <v>0</v>
      </c>
      <c r="HH16" s="114">
        <v>5523292</v>
      </c>
      <c r="HI16" s="114">
        <v>3072259</v>
      </c>
      <c r="HJ16" s="114">
        <v>3458073</v>
      </c>
      <c r="HK16" s="114">
        <v>4515089</v>
      </c>
      <c r="HL16" s="114">
        <v>2693193</v>
      </c>
      <c r="HM16" s="113">
        <v>19261906</v>
      </c>
      <c r="HN16" s="109">
        <v>19784050</v>
      </c>
      <c r="HO16" s="326"/>
      <c r="HP16" s="327"/>
      <c r="HQ16" s="328"/>
      <c r="HR16" s="329"/>
      <c r="HS16" s="327"/>
      <c r="HT16" s="327"/>
      <c r="HU16" s="327"/>
      <c r="HV16" s="327"/>
      <c r="HW16" s="327"/>
      <c r="HX16" s="330"/>
      <c r="HY16" s="331"/>
      <c r="HZ16" s="150">
        <v>0</v>
      </c>
      <c r="IA16" s="135">
        <v>0</v>
      </c>
      <c r="IB16" s="150">
        <v>0</v>
      </c>
      <c r="IC16" s="134">
        <v>0</v>
      </c>
      <c r="ID16" s="135">
        <v>4053539</v>
      </c>
      <c r="IE16" s="136">
        <v>5745813</v>
      </c>
      <c r="IF16" s="137">
        <v>7541202</v>
      </c>
      <c r="IG16" s="135">
        <v>4485183</v>
      </c>
      <c r="IH16" s="137">
        <v>4002618</v>
      </c>
      <c r="II16" s="138">
        <v>25828355</v>
      </c>
      <c r="IJ16" s="150">
        <v>25828355</v>
      </c>
      <c r="IK16" s="232">
        <v>0</v>
      </c>
      <c r="IL16" s="236">
        <v>0</v>
      </c>
      <c r="IM16" s="237">
        <v>0</v>
      </c>
      <c r="IN16" s="140"/>
      <c r="IO16" s="119">
        <v>269721</v>
      </c>
      <c r="IP16" s="119">
        <v>267859</v>
      </c>
      <c r="IQ16" s="119">
        <v>374161</v>
      </c>
      <c r="IR16" s="119">
        <v>0</v>
      </c>
      <c r="IS16" s="119">
        <v>0</v>
      </c>
      <c r="IT16" s="141">
        <v>911741</v>
      </c>
      <c r="IU16" s="318">
        <v>911741</v>
      </c>
      <c r="IV16" s="142">
        <v>0</v>
      </c>
      <c r="IW16" s="119">
        <v>0</v>
      </c>
      <c r="IX16" s="120">
        <v>0</v>
      </c>
      <c r="IY16" s="144"/>
      <c r="IZ16" s="119">
        <v>10692</v>
      </c>
      <c r="JA16" s="119">
        <v>6746</v>
      </c>
      <c r="JB16" s="119">
        <v>21384</v>
      </c>
      <c r="JC16" s="119">
        <v>4960</v>
      </c>
      <c r="JD16" s="119">
        <v>0</v>
      </c>
      <c r="JE16" s="120">
        <v>43782</v>
      </c>
      <c r="JF16" s="121">
        <v>43782</v>
      </c>
      <c r="JG16" s="142">
        <v>0</v>
      </c>
      <c r="JH16" s="119">
        <v>0</v>
      </c>
      <c r="JI16" s="141">
        <v>0</v>
      </c>
      <c r="JJ16" s="118">
        <v>0</v>
      </c>
      <c r="JK16" s="119">
        <v>1602287</v>
      </c>
      <c r="JL16" s="119">
        <v>1556512</v>
      </c>
      <c r="JM16" s="119">
        <v>750012</v>
      </c>
      <c r="JN16" s="119">
        <v>541734</v>
      </c>
      <c r="JO16" s="119">
        <v>0</v>
      </c>
      <c r="JP16" s="120">
        <v>4450545</v>
      </c>
      <c r="JQ16" s="318">
        <v>4450545</v>
      </c>
      <c r="JR16" s="142">
        <v>0</v>
      </c>
      <c r="JS16" s="119">
        <v>0</v>
      </c>
      <c r="JT16" s="141">
        <v>0</v>
      </c>
      <c r="JU16" s="118">
        <v>0</v>
      </c>
      <c r="JV16" s="119">
        <v>250437</v>
      </c>
      <c r="JW16" s="119">
        <v>58015</v>
      </c>
      <c r="JX16" s="119">
        <v>173774</v>
      </c>
      <c r="JY16" s="119">
        <v>140106</v>
      </c>
      <c r="JZ16" s="119">
        <v>201762</v>
      </c>
      <c r="KA16" s="120">
        <v>824094</v>
      </c>
      <c r="KB16" s="318">
        <v>824094</v>
      </c>
      <c r="KC16" s="234">
        <v>0</v>
      </c>
      <c r="KD16" s="230">
        <v>0</v>
      </c>
      <c r="KE16" s="120">
        <v>0</v>
      </c>
      <c r="KF16" s="118">
        <v>0</v>
      </c>
      <c r="KG16" s="119">
        <v>275512</v>
      </c>
      <c r="KH16" s="119">
        <v>870388</v>
      </c>
      <c r="KI16" s="119">
        <v>1111076</v>
      </c>
      <c r="KJ16" s="119">
        <v>546320</v>
      </c>
      <c r="KK16" s="119">
        <v>287188</v>
      </c>
      <c r="KL16" s="120">
        <v>3090484</v>
      </c>
      <c r="KM16" s="143">
        <v>3090484</v>
      </c>
      <c r="KN16" s="232">
        <v>0</v>
      </c>
      <c r="KO16" s="236">
        <v>0</v>
      </c>
      <c r="KP16" s="237">
        <v>0</v>
      </c>
      <c r="KQ16" s="140"/>
      <c r="KR16" s="119">
        <v>1030867</v>
      </c>
      <c r="KS16" s="119">
        <v>2176099</v>
      </c>
      <c r="KT16" s="119">
        <v>2315259</v>
      </c>
      <c r="KU16" s="119">
        <v>666936</v>
      </c>
      <c r="KV16" s="119">
        <v>1289874</v>
      </c>
      <c r="KW16" s="120">
        <v>7479035</v>
      </c>
      <c r="KX16" s="318">
        <v>7479035</v>
      </c>
      <c r="KY16" s="142">
        <v>0</v>
      </c>
      <c r="KZ16" s="119">
        <v>0</v>
      </c>
      <c r="LA16" s="120">
        <v>0</v>
      </c>
      <c r="LB16" s="145"/>
      <c r="LC16" s="119">
        <v>318120</v>
      </c>
      <c r="LD16" s="119">
        <v>355887</v>
      </c>
      <c r="LE16" s="119">
        <v>1381012</v>
      </c>
      <c r="LF16" s="119">
        <v>0</v>
      </c>
      <c r="LG16" s="119">
        <v>711565</v>
      </c>
      <c r="LH16" s="120">
        <v>2766584</v>
      </c>
      <c r="LI16" s="121">
        <v>2766584</v>
      </c>
      <c r="LJ16" s="142">
        <v>0</v>
      </c>
      <c r="LK16" s="119">
        <v>0</v>
      </c>
      <c r="LL16" s="120">
        <v>0</v>
      </c>
      <c r="LM16" s="145"/>
      <c r="LN16" s="119">
        <v>0</v>
      </c>
      <c r="LO16" s="119">
        <v>212983</v>
      </c>
      <c r="LP16" s="119">
        <v>233877</v>
      </c>
      <c r="LQ16" s="119">
        <v>998607</v>
      </c>
      <c r="LR16" s="119">
        <v>823509</v>
      </c>
      <c r="LS16" s="120">
        <v>2268976</v>
      </c>
      <c r="LT16" s="318">
        <v>2268976</v>
      </c>
      <c r="LU16" s="142">
        <v>0</v>
      </c>
      <c r="LV16" s="119">
        <v>0</v>
      </c>
      <c r="LW16" s="120">
        <v>0</v>
      </c>
      <c r="LX16" s="145"/>
      <c r="LY16" s="119">
        <v>295903</v>
      </c>
      <c r="LZ16" s="119">
        <v>241324</v>
      </c>
      <c r="MA16" s="119">
        <v>1180647</v>
      </c>
      <c r="MB16" s="119">
        <v>1586520</v>
      </c>
      <c r="MC16" s="119">
        <v>688720</v>
      </c>
      <c r="MD16" s="120">
        <v>3993114</v>
      </c>
      <c r="ME16" s="121">
        <v>3993114</v>
      </c>
      <c r="MF16" s="142">
        <v>0</v>
      </c>
      <c r="MG16" s="119">
        <v>0</v>
      </c>
      <c r="MH16" s="120">
        <v>0</v>
      </c>
      <c r="MI16" s="145"/>
      <c r="MJ16" s="119">
        <v>806945</v>
      </c>
      <c r="MK16" s="119">
        <v>1751114</v>
      </c>
      <c r="ML16" s="119">
        <v>8747220</v>
      </c>
      <c r="MM16" s="119">
        <v>15131821</v>
      </c>
      <c r="MN16" s="119">
        <v>7593117</v>
      </c>
      <c r="MO16" s="120">
        <v>34030217</v>
      </c>
      <c r="MP16" s="143">
        <v>34030217</v>
      </c>
      <c r="MQ16" s="142">
        <v>0</v>
      </c>
      <c r="MR16" s="119">
        <v>0</v>
      </c>
      <c r="MS16" s="120">
        <v>0</v>
      </c>
      <c r="MT16" s="145"/>
      <c r="MU16" s="119">
        <v>215310</v>
      </c>
      <c r="MV16" s="119">
        <v>0</v>
      </c>
      <c r="MW16" s="119">
        <v>5728865</v>
      </c>
      <c r="MX16" s="119">
        <v>11474454</v>
      </c>
      <c r="MY16" s="119">
        <v>4206054</v>
      </c>
      <c r="MZ16" s="120">
        <v>21624683</v>
      </c>
      <c r="NA16" s="143">
        <v>21624683</v>
      </c>
      <c r="NB16" s="142">
        <v>0</v>
      </c>
      <c r="NC16" s="119">
        <v>0</v>
      </c>
      <c r="ND16" s="120">
        <v>0</v>
      </c>
      <c r="NE16" s="145"/>
      <c r="NF16" s="119">
        <v>591635</v>
      </c>
      <c r="NG16" s="119">
        <v>1751114</v>
      </c>
      <c r="NH16" s="119">
        <v>3018355</v>
      </c>
      <c r="NI16" s="119">
        <v>3657367</v>
      </c>
      <c r="NJ16" s="119">
        <v>2633092</v>
      </c>
      <c r="NK16" s="120">
        <v>11651563</v>
      </c>
      <c r="NL16" s="318">
        <v>11651563</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753971</v>
      </c>
      <c r="OG16" s="120">
        <v>753971</v>
      </c>
      <c r="OH16" s="121">
        <v>753971</v>
      </c>
      <c r="OI16" s="142">
        <v>1795616</v>
      </c>
      <c r="OJ16" s="119">
        <v>1650363</v>
      </c>
      <c r="OK16" s="141">
        <v>3445979</v>
      </c>
      <c r="OL16" s="118">
        <v>0</v>
      </c>
      <c r="OM16" s="119">
        <v>26608606</v>
      </c>
      <c r="ON16" s="119">
        <v>23555467</v>
      </c>
      <c r="OO16" s="119">
        <v>28958832</v>
      </c>
      <c r="OP16" s="119">
        <v>35475529</v>
      </c>
      <c r="OQ16" s="119">
        <v>21155289</v>
      </c>
      <c r="OR16" s="120">
        <v>135753723</v>
      </c>
      <c r="OS16" s="143">
        <v>139199702</v>
      </c>
    </row>
    <row r="17" spans="2:409" ht="21" customHeight="1" x14ac:dyDescent="0.2">
      <c r="B17" s="126" t="s">
        <v>11</v>
      </c>
      <c r="C17" s="110">
        <v>458111</v>
      </c>
      <c r="D17" s="114">
        <v>748958</v>
      </c>
      <c r="E17" s="171">
        <v>1207069</v>
      </c>
      <c r="F17" s="111">
        <v>0</v>
      </c>
      <c r="G17" s="114">
        <v>6554804</v>
      </c>
      <c r="H17" s="114">
        <v>8001703</v>
      </c>
      <c r="I17" s="114">
        <v>6953608</v>
      </c>
      <c r="J17" s="114">
        <v>8804385</v>
      </c>
      <c r="K17" s="114">
        <v>4434355</v>
      </c>
      <c r="L17" s="109">
        <v>34748855</v>
      </c>
      <c r="M17" s="116">
        <v>35955924</v>
      </c>
      <c r="N17" s="110">
        <v>169384</v>
      </c>
      <c r="O17" s="114">
        <v>240312</v>
      </c>
      <c r="P17" s="113">
        <v>409696</v>
      </c>
      <c r="Q17" s="110">
        <v>0</v>
      </c>
      <c r="R17" s="114">
        <v>1239645</v>
      </c>
      <c r="S17" s="114">
        <v>1962864</v>
      </c>
      <c r="T17" s="114">
        <v>1705750</v>
      </c>
      <c r="U17" s="114">
        <v>2438789</v>
      </c>
      <c r="V17" s="114">
        <v>2459755</v>
      </c>
      <c r="W17" s="113">
        <v>9806803</v>
      </c>
      <c r="X17" s="116">
        <v>10216499</v>
      </c>
      <c r="Y17" s="110">
        <v>0</v>
      </c>
      <c r="Z17" s="114">
        <v>0</v>
      </c>
      <c r="AA17" s="113">
        <v>0</v>
      </c>
      <c r="AB17" s="110">
        <v>0</v>
      </c>
      <c r="AC17" s="114">
        <v>305747</v>
      </c>
      <c r="AD17" s="114">
        <v>706822</v>
      </c>
      <c r="AE17" s="114">
        <v>932652</v>
      </c>
      <c r="AF17" s="114">
        <v>964131</v>
      </c>
      <c r="AG17" s="114">
        <v>1340927</v>
      </c>
      <c r="AH17" s="113">
        <v>4250279</v>
      </c>
      <c r="AI17" s="116">
        <v>4250279</v>
      </c>
      <c r="AJ17" s="110">
        <v>0</v>
      </c>
      <c r="AK17" s="114">
        <v>0</v>
      </c>
      <c r="AL17" s="113">
        <v>0</v>
      </c>
      <c r="AM17" s="110">
        <v>0</v>
      </c>
      <c r="AN17" s="114">
        <v>0</v>
      </c>
      <c r="AO17" s="114">
        <v>161414</v>
      </c>
      <c r="AP17" s="114">
        <v>43820</v>
      </c>
      <c r="AQ17" s="114">
        <v>334260</v>
      </c>
      <c r="AR17" s="114">
        <v>320473</v>
      </c>
      <c r="AS17" s="113">
        <v>859967</v>
      </c>
      <c r="AT17" s="116">
        <v>859967</v>
      </c>
      <c r="AU17" s="110">
        <v>134368</v>
      </c>
      <c r="AV17" s="114">
        <v>147611</v>
      </c>
      <c r="AW17" s="113">
        <v>281979</v>
      </c>
      <c r="AX17" s="110">
        <v>0</v>
      </c>
      <c r="AY17" s="114">
        <v>647585</v>
      </c>
      <c r="AZ17" s="114">
        <v>784960</v>
      </c>
      <c r="BA17" s="114">
        <v>466514</v>
      </c>
      <c r="BB17" s="114">
        <v>644364</v>
      </c>
      <c r="BC17" s="114">
        <v>564924</v>
      </c>
      <c r="BD17" s="113">
        <v>3108347</v>
      </c>
      <c r="BE17" s="116">
        <v>3390326</v>
      </c>
      <c r="BF17" s="110">
        <v>0</v>
      </c>
      <c r="BG17" s="114">
        <v>47917</v>
      </c>
      <c r="BH17" s="112">
        <v>47917</v>
      </c>
      <c r="BI17" s="111">
        <v>0</v>
      </c>
      <c r="BJ17" s="114">
        <v>96313</v>
      </c>
      <c r="BK17" s="114">
        <v>31396</v>
      </c>
      <c r="BL17" s="114">
        <v>69636</v>
      </c>
      <c r="BM17" s="114">
        <v>156842</v>
      </c>
      <c r="BN17" s="114">
        <v>47095</v>
      </c>
      <c r="BO17" s="113">
        <v>401282</v>
      </c>
      <c r="BP17" s="116">
        <v>449199</v>
      </c>
      <c r="BQ17" s="110">
        <v>35016</v>
      </c>
      <c r="BR17" s="114">
        <v>44784</v>
      </c>
      <c r="BS17" s="113">
        <v>79800</v>
      </c>
      <c r="BT17" s="110">
        <v>0</v>
      </c>
      <c r="BU17" s="114">
        <v>190000</v>
      </c>
      <c r="BV17" s="114">
        <v>278272</v>
      </c>
      <c r="BW17" s="114">
        <v>193128</v>
      </c>
      <c r="BX17" s="114">
        <v>339192</v>
      </c>
      <c r="BY17" s="114">
        <v>186336</v>
      </c>
      <c r="BZ17" s="113">
        <v>1186928</v>
      </c>
      <c r="CA17" s="116">
        <v>1266728</v>
      </c>
      <c r="CB17" s="110">
        <v>143965</v>
      </c>
      <c r="CC17" s="114">
        <v>112790</v>
      </c>
      <c r="CD17" s="113">
        <v>256755</v>
      </c>
      <c r="CE17" s="110">
        <v>0</v>
      </c>
      <c r="CF17" s="114">
        <v>2597622</v>
      </c>
      <c r="CG17" s="114">
        <v>2534091</v>
      </c>
      <c r="CH17" s="114">
        <v>2361479</v>
      </c>
      <c r="CI17" s="114">
        <v>2126561</v>
      </c>
      <c r="CJ17" s="114">
        <v>336732</v>
      </c>
      <c r="CK17" s="113">
        <v>9956485</v>
      </c>
      <c r="CL17" s="116">
        <v>10213240</v>
      </c>
      <c r="CM17" s="110">
        <v>0</v>
      </c>
      <c r="CN17" s="114">
        <v>0</v>
      </c>
      <c r="CO17" s="113">
        <v>0</v>
      </c>
      <c r="CP17" s="111">
        <v>0</v>
      </c>
      <c r="CQ17" s="114">
        <v>1732976</v>
      </c>
      <c r="CR17" s="114">
        <v>1701074</v>
      </c>
      <c r="CS17" s="114">
        <v>1928924</v>
      </c>
      <c r="CT17" s="114">
        <v>1185728</v>
      </c>
      <c r="CU17" s="114">
        <v>286084</v>
      </c>
      <c r="CV17" s="113">
        <v>6834786</v>
      </c>
      <c r="CW17" s="116">
        <v>6834786</v>
      </c>
      <c r="CX17" s="110">
        <v>143965</v>
      </c>
      <c r="CY17" s="114">
        <v>112790</v>
      </c>
      <c r="CZ17" s="113">
        <v>256755</v>
      </c>
      <c r="DA17" s="110">
        <v>0</v>
      </c>
      <c r="DB17" s="114">
        <v>864646</v>
      </c>
      <c r="DC17" s="114">
        <v>833017</v>
      </c>
      <c r="DD17" s="114">
        <v>432555</v>
      </c>
      <c r="DE17" s="114">
        <v>940833</v>
      </c>
      <c r="DF17" s="114">
        <v>50648</v>
      </c>
      <c r="DG17" s="113">
        <v>3121699</v>
      </c>
      <c r="DH17" s="116">
        <v>3378454</v>
      </c>
      <c r="DI17" s="110">
        <v>0</v>
      </c>
      <c r="DJ17" s="114">
        <v>0</v>
      </c>
      <c r="DK17" s="112">
        <v>0</v>
      </c>
      <c r="DL17" s="111">
        <v>0</v>
      </c>
      <c r="DM17" s="114">
        <v>240704</v>
      </c>
      <c r="DN17" s="114">
        <v>834184</v>
      </c>
      <c r="DO17" s="114">
        <v>621727</v>
      </c>
      <c r="DP17" s="114">
        <v>657190</v>
      </c>
      <c r="DQ17" s="114">
        <v>0</v>
      </c>
      <c r="DR17" s="113">
        <v>2353805</v>
      </c>
      <c r="DS17" s="116">
        <v>2353805</v>
      </c>
      <c r="DT17" s="110">
        <v>0</v>
      </c>
      <c r="DU17" s="114">
        <v>0</v>
      </c>
      <c r="DV17" s="113">
        <v>0</v>
      </c>
      <c r="DW17" s="110">
        <v>0</v>
      </c>
      <c r="DX17" s="114">
        <v>240704</v>
      </c>
      <c r="DY17" s="114">
        <v>704990</v>
      </c>
      <c r="DZ17" s="114">
        <v>601321</v>
      </c>
      <c r="EA17" s="114">
        <v>612155</v>
      </c>
      <c r="EB17" s="114">
        <v>0</v>
      </c>
      <c r="EC17" s="113">
        <v>2159170</v>
      </c>
      <c r="ED17" s="116">
        <v>2159170</v>
      </c>
      <c r="EE17" s="110">
        <v>0</v>
      </c>
      <c r="EF17" s="112">
        <v>0</v>
      </c>
      <c r="EG17" s="113">
        <v>0</v>
      </c>
      <c r="EH17" s="110">
        <v>0</v>
      </c>
      <c r="EI17" s="114">
        <v>0</v>
      </c>
      <c r="EJ17" s="114">
        <v>129194</v>
      </c>
      <c r="EK17" s="114">
        <v>20406</v>
      </c>
      <c r="EL17" s="114">
        <v>45035</v>
      </c>
      <c r="EM17" s="114">
        <v>0</v>
      </c>
      <c r="EN17" s="112">
        <v>194635</v>
      </c>
      <c r="EO17" s="116">
        <v>194635</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5"/>
      <c r="FE17" s="114">
        <v>0</v>
      </c>
      <c r="FF17" s="114">
        <v>0</v>
      </c>
      <c r="FG17" s="114">
        <v>0</v>
      </c>
      <c r="FH17" s="114">
        <v>0</v>
      </c>
      <c r="FI17" s="114">
        <v>0</v>
      </c>
      <c r="FJ17" s="113">
        <v>0</v>
      </c>
      <c r="FK17" s="116">
        <v>0</v>
      </c>
      <c r="FL17" s="110">
        <v>85440</v>
      </c>
      <c r="FM17" s="114">
        <v>195528</v>
      </c>
      <c r="FN17" s="113">
        <v>280968</v>
      </c>
      <c r="FO17" s="110">
        <v>0</v>
      </c>
      <c r="FP17" s="114">
        <v>534432</v>
      </c>
      <c r="FQ17" s="114">
        <v>801656</v>
      </c>
      <c r="FR17" s="114">
        <v>405976</v>
      </c>
      <c r="FS17" s="114">
        <v>613184</v>
      </c>
      <c r="FT17" s="114">
        <v>299640</v>
      </c>
      <c r="FU17" s="113">
        <v>2654888</v>
      </c>
      <c r="FV17" s="116">
        <v>2935856</v>
      </c>
      <c r="FW17" s="115">
        <v>60800</v>
      </c>
      <c r="FX17" s="114">
        <v>195528</v>
      </c>
      <c r="FY17" s="112">
        <v>256328</v>
      </c>
      <c r="FZ17" s="111">
        <v>0</v>
      </c>
      <c r="GA17" s="114">
        <v>285464</v>
      </c>
      <c r="GB17" s="114">
        <v>720080</v>
      </c>
      <c r="GC17" s="114">
        <v>387144</v>
      </c>
      <c r="GD17" s="114">
        <v>589952</v>
      </c>
      <c r="GE17" s="114">
        <v>299640</v>
      </c>
      <c r="GF17" s="113">
        <v>2282280</v>
      </c>
      <c r="GG17" s="316">
        <v>2538608</v>
      </c>
      <c r="GH17" s="115">
        <v>24640</v>
      </c>
      <c r="GI17" s="114">
        <v>0</v>
      </c>
      <c r="GJ17" s="112">
        <v>24640</v>
      </c>
      <c r="GK17" s="111">
        <v>0</v>
      </c>
      <c r="GL17" s="114">
        <v>0</v>
      </c>
      <c r="GM17" s="114">
        <v>81576</v>
      </c>
      <c r="GN17" s="114">
        <v>0</v>
      </c>
      <c r="GO17" s="114">
        <v>23232</v>
      </c>
      <c r="GP17" s="114">
        <v>0</v>
      </c>
      <c r="GQ17" s="113">
        <v>104808</v>
      </c>
      <c r="GR17" s="116">
        <v>129448</v>
      </c>
      <c r="GS17" s="110">
        <v>0</v>
      </c>
      <c r="GT17" s="114">
        <v>0</v>
      </c>
      <c r="GU17" s="113">
        <v>0</v>
      </c>
      <c r="GV17" s="110">
        <v>0</v>
      </c>
      <c r="GW17" s="114">
        <v>248968</v>
      </c>
      <c r="GX17" s="114">
        <v>0</v>
      </c>
      <c r="GY17" s="114">
        <v>18832</v>
      </c>
      <c r="GZ17" s="114">
        <v>0</v>
      </c>
      <c r="HA17" s="114">
        <v>0</v>
      </c>
      <c r="HB17" s="112">
        <v>267800</v>
      </c>
      <c r="HC17" s="116">
        <v>267800</v>
      </c>
      <c r="HD17" s="110">
        <v>59322</v>
      </c>
      <c r="HE17" s="114">
        <v>200328</v>
      </c>
      <c r="HF17" s="112">
        <v>259650</v>
      </c>
      <c r="HG17" s="111">
        <v>0</v>
      </c>
      <c r="HH17" s="114">
        <v>1942401</v>
      </c>
      <c r="HI17" s="114">
        <v>1868908</v>
      </c>
      <c r="HJ17" s="114">
        <v>1858676</v>
      </c>
      <c r="HK17" s="114">
        <v>2968661</v>
      </c>
      <c r="HL17" s="114">
        <v>1338228</v>
      </c>
      <c r="HM17" s="113">
        <v>9976874</v>
      </c>
      <c r="HN17" s="109">
        <v>10236524</v>
      </c>
      <c r="HO17" s="326"/>
      <c r="HP17" s="327"/>
      <c r="HQ17" s="328"/>
      <c r="HR17" s="329"/>
      <c r="HS17" s="327"/>
      <c r="HT17" s="327"/>
      <c r="HU17" s="327"/>
      <c r="HV17" s="327"/>
      <c r="HW17" s="327"/>
      <c r="HX17" s="330"/>
      <c r="HY17" s="331"/>
      <c r="HZ17" s="131">
        <v>21564</v>
      </c>
      <c r="IA17" s="132">
        <v>0</v>
      </c>
      <c r="IB17" s="133">
        <v>21564</v>
      </c>
      <c r="IC17" s="146">
        <v>0</v>
      </c>
      <c r="ID17" s="132">
        <v>1114756</v>
      </c>
      <c r="IE17" s="147">
        <v>2000253</v>
      </c>
      <c r="IF17" s="133">
        <v>1658785</v>
      </c>
      <c r="IG17" s="132">
        <v>1576587</v>
      </c>
      <c r="IH17" s="133">
        <v>853339</v>
      </c>
      <c r="II17" s="148">
        <v>7203720</v>
      </c>
      <c r="IJ17" s="139">
        <v>7225284</v>
      </c>
      <c r="IK17" s="232">
        <v>0</v>
      </c>
      <c r="IL17" s="236">
        <v>0</v>
      </c>
      <c r="IM17" s="237">
        <v>0</v>
      </c>
      <c r="IN17" s="140"/>
      <c r="IO17" s="119">
        <v>75430</v>
      </c>
      <c r="IP17" s="119">
        <v>124872</v>
      </c>
      <c r="IQ17" s="119">
        <v>150280</v>
      </c>
      <c r="IR17" s="119">
        <v>0</v>
      </c>
      <c r="IS17" s="119">
        <v>277180</v>
      </c>
      <c r="IT17" s="141">
        <v>627762</v>
      </c>
      <c r="IU17" s="318">
        <v>627762</v>
      </c>
      <c r="IV17" s="142">
        <v>0</v>
      </c>
      <c r="IW17" s="119">
        <v>0</v>
      </c>
      <c r="IX17" s="120">
        <v>0</v>
      </c>
      <c r="IY17" s="144"/>
      <c r="IZ17" s="119">
        <v>0</v>
      </c>
      <c r="JA17" s="119">
        <v>0</v>
      </c>
      <c r="JB17" s="119">
        <v>0</v>
      </c>
      <c r="JC17" s="119">
        <v>0</v>
      </c>
      <c r="JD17" s="119">
        <v>0</v>
      </c>
      <c r="JE17" s="120">
        <v>0</v>
      </c>
      <c r="JF17" s="121">
        <v>0</v>
      </c>
      <c r="JG17" s="142">
        <v>0</v>
      </c>
      <c r="JH17" s="119">
        <v>0</v>
      </c>
      <c r="JI17" s="141">
        <v>0</v>
      </c>
      <c r="JJ17" s="118">
        <v>0</v>
      </c>
      <c r="JK17" s="119">
        <v>691718</v>
      </c>
      <c r="JL17" s="119">
        <v>394658</v>
      </c>
      <c r="JM17" s="119">
        <v>325292</v>
      </c>
      <c r="JN17" s="119">
        <v>231988</v>
      </c>
      <c r="JO17" s="119">
        <v>302922</v>
      </c>
      <c r="JP17" s="120">
        <v>1946578</v>
      </c>
      <c r="JQ17" s="318">
        <v>1946578</v>
      </c>
      <c r="JR17" s="142">
        <v>21564</v>
      </c>
      <c r="JS17" s="119">
        <v>0</v>
      </c>
      <c r="JT17" s="141">
        <v>21564</v>
      </c>
      <c r="JU17" s="118">
        <v>0</v>
      </c>
      <c r="JV17" s="119">
        <v>0</v>
      </c>
      <c r="JW17" s="119">
        <v>291929</v>
      </c>
      <c r="JX17" s="119">
        <v>195098</v>
      </c>
      <c r="JY17" s="119">
        <v>11824</v>
      </c>
      <c r="JZ17" s="119">
        <v>0</v>
      </c>
      <c r="KA17" s="120">
        <v>498851</v>
      </c>
      <c r="KB17" s="318">
        <v>520415</v>
      </c>
      <c r="KC17" s="234">
        <v>0</v>
      </c>
      <c r="KD17" s="230">
        <v>0</v>
      </c>
      <c r="KE17" s="120">
        <v>0</v>
      </c>
      <c r="KF17" s="118">
        <v>0</v>
      </c>
      <c r="KG17" s="119">
        <v>212484</v>
      </c>
      <c r="KH17" s="119">
        <v>510271</v>
      </c>
      <c r="KI17" s="119">
        <v>578585</v>
      </c>
      <c r="KJ17" s="119">
        <v>0</v>
      </c>
      <c r="KK17" s="119">
        <v>0</v>
      </c>
      <c r="KL17" s="120">
        <v>1301340</v>
      </c>
      <c r="KM17" s="143">
        <v>1301340</v>
      </c>
      <c r="KN17" s="232">
        <v>0</v>
      </c>
      <c r="KO17" s="236">
        <v>0</v>
      </c>
      <c r="KP17" s="237">
        <v>0</v>
      </c>
      <c r="KQ17" s="140"/>
      <c r="KR17" s="119">
        <v>0</v>
      </c>
      <c r="KS17" s="119">
        <v>488590</v>
      </c>
      <c r="KT17" s="119">
        <v>409530</v>
      </c>
      <c r="KU17" s="119">
        <v>1051133</v>
      </c>
      <c r="KV17" s="119">
        <v>273237</v>
      </c>
      <c r="KW17" s="120">
        <v>2222490</v>
      </c>
      <c r="KX17" s="318">
        <v>2222490</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18">
        <v>0</v>
      </c>
      <c r="LU17" s="142">
        <v>0</v>
      </c>
      <c r="LV17" s="119">
        <v>0</v>
      </c>
      <c r="LW17" s="120">
        <v>0</v>
      </c>
      <c r="LX17" s="145"/>
      <c r="LY17" s="119">
        <v>135124</v>
      </c>
      <c r="LZ17" s="119">
        <v>189933</v>
      </c>
      <c r="MA17" s="119">
        <v>0</v>
      </c>
      <c r="MB17" s="119">
        <v>281642</v>
      </c>
      <c r="MC17" s="119">
        <v>0</v>
      </c>
      <c r="MD17" s="120">
        <v>606699</v>
      </c>
      <c r="ME17" s="121">
        <v>606699</v>
      </c>
      <c r="MF17" s="142">
        <v>0</v>
      </c>
      <c r="MG17" s="119">
        <v>0</v>
      </c>
      <c r="MH17" s="120">
        <v>0</v>
      </c>
      <c r="MI17" s="145"/>
      <c r="MJ17" s="119">
        <v>334900</v>
      </c>
      <c r="MK17" s="119">
        <v>253892</v>
      </c>
      <c r="ML17" s="119">
        <v>2964722</v>
      </c>
      <c r="MM17" s="119">
        <v>7032814</v>
      </c>
      <c r="MN17" s="119">
        <v>3524403</v>
      </c>
      <c r="MO17" s="120">
        <v>14110731</v>
      </c>
      <c r="MP17" s="143">
        <v>14110731</v>
      </c>
      <c r="MQ17" s="142">
        <v>0</v>
      </c>
      <c r="MR17" s="119">
        <v>0</v>
      </c>
      <c r="MS17" s="120">
        <v>0</v>
      </c>
      <c r="MT17" s="145"/>
      <c r="MU17" s="119">
        <v>0</v>
      </c>
      <c r="MV17" s="119">
        <v>0</v>
      </c>
      <c r="MW17" s="119">
        <v>1743398</v>
      </c>
      <c r="MX17" s="119">
        <v>5437269</v>
      </c>
      <c r="MY17" s="119">
        <v>1468116</v>
      </c>
      <c r="MZ17" s="120">
        <v>8648783</v>
      </c>
      <c r="NA17" s="143">
        <v>8648783</v>
      </c>
      <c r="NB17" s="142">
        <v>0</v>
      </c>
      <c r="NC17" s="119">
        <v>0</v>
      </c>
      <c r="ND17" s="120">
        <v>0</v>
      </c>
      <c r="NE17" s="145"/>
      <c r="NF17" s="119">
        <v>334900</v>
      </c>
      <c r="NG17" s="119">
        <v>253892</v>
      </c>
      <c r="NH17" s="119">
        <v>1221324</v>
      </c>
      <c r="NI17" s="119">
        <v>1243470</v>
      </c>
      <c r="NJ17" s="119">
        <v>2056287</v>
      </c>
      <c r="NK17" s="120">
        <v>5109873</v>
      </c>
      <c r="NL17" s="318">
        <v>5109873</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352075</v>
      </c>
      <c r="OF17" s="119">
        <v>0</v>
      </c>
      <c r="OG17" s="120">
        <v>352075</v>
      </c>
      <c r="OH17" s="121">
        <v>352075</v>
      </c>
      <c r="OI17" s="142">
        <v>479675</v>
      </c>
      <c r="OJ17" s="119">
        <v>748958</v>
      </c>
      <c r="OK17" s="141">
        <v>1228633</v>
      </c>
      <c r="OL17" s="118">
        <v>0</v>
      </c>
      <c r="OM17" s="119">
        <v>8004460</v>
      </c>
      <c r="ON17" s="119">
        <v>10255848</v>
      </c>
      <c r="OO17" s="119">
        <v>11577115</v>
      </c>
      <c r="OP17" s="119">
        <v>17413786</v>
      </c>
      <c r="OQ17" s="119">
        <v>8812097</v>
      </c>
      <c r="OR17" s="120">
        <v>56063306</v>
      </c>
      <c r="OS17" s="143">
        <v>57291939</v>
      </c>
    </row>
    <row r="18" spans="2:409" ht="21" customHeight="1" x14ac:dyDescent="0.2">
      <c r="B18" s="126" t="s">
        <v>12</v>
      </c>
      <c r="C18" s="110">
        <v>1039204</v>
      </c>
      <c r="D18" s="114">
        <v>1922379</v>
      </c>
      <c r="E18" s="113">
        <v>2961583</v>
      </c>
      <c r="F18" s="109">
        <v>0</v>
      </c>
      <c r="G18" s="114">
        <v>6704168</v>
      </c>
      <c r="H18" s="170">
        <v>8952525</v>
      </c>
      <c r="I18" s="170">
        <v>9153389</v>
      </c>
      <c r="J18" s="170">
        <v>10475986</v>
      </c>
      <c r="K18" s="170">
        <v>5019391</v>
      </c>
      <c r="L18" s="112">
        <v>40305459</v>
      </c>
      <c r="M18" s="116">
        <v>43267042</v>
      </c>
      <c r="N18" s="110">
        <v>243462</v>
      </c>
      <c r="O18" s="114">
        <v>518471</v>
      </c>
      <c r="P18" s="113">
        <v>761933</v>
      </c>
      <c r="Q18" s="110">
        <v>0</v>
      </c>
      <c r="R18" s="114">
        <v>2172204</v>
      </c>
      <c r="S18" s="114">
        <v>3095899</v>
      </c>
      <c r="T18" s="114">
        <v>3161671</v>
      </c>
      <c r="U18" s="114">
        <v>4373382</v>
      </c>
      <c r="V18" s="114">
        <v>2750137</v>
      </c>
      <c r="W18" s="113">
        <v>15553293</v>
      </c>
      <c r="X18" s="116">
        <v>16315226</v>
      </c>
      <c r="Y18" s="110">
        <v>0</v>
      </c>
      <c r="Z18" s="114">
        <v>0</v>
      </c>
      <c r="AA18" s="113">
        <v>0</v>
      </c>
      <c r="AB18" s="110">
        <v>0</v>
      </c>
      <c r="AC18" s="114">
        <v>1368865</v>
      </c>
      <c r="AD18" s="114">
        <v>1348848</v>
      </c>
      <c r="AE18" s="114">
        <v>1860199</v>
      </c>
      <c r="AF18" s="114">
        <v>2863333</v>
      </c>
      <c r="AG18" s="114">
        <v>1831844</v>
      </c>
      <c r="AH18" s="113">
        <v>9273089</v>
      </c>
      <c r="AI18" s="116">
        <v>9273089</v>
      </c>
      <c r="AJ18" s="110">
        <v>0</v>
      </c>
      <c r="AK18" s="114">
        <v>0</v>
      </c>
      <c r="AL18" s="113">
        <v>0</v>
      </c>
      <c r="AM18" s="110">
        <v>0</v>
      </c>
      <c r="AN18" s="114">
        <v>0</v>
      </c>
      <c r="AO18" s="114">
        <v>83699</v>
      </c>
      <c r="AP18" s="114">
        <v>107128</v>
      </c>
      <c r="AQ18" s="114">
        <v>334371</v>
      </c>
      <c r="AR18" s="114">
        <v>151990</v>
      </c>
      <c r="AS18" s="113">
        <v>677188</v>
      </c>
      <c r="AT18" s="116">
        <v>677188</v>
      </c>
      <c r="AU18" s="110">
        <v>194326</v>
      </c>
      <c r="AV18" s="114">
        <v>399447</v>
      </c>
      <c r="AW18" s="113">
        <v>593773</v>
      </c>
      <c r="AX18" s="110">
        <v>0</v>
      </c>
      <c r="AY18" s="114">
        <v>596915</v>
      </c>
      <c r="AZ18" s="114">
        <v>1173530</v>
      </c>
      <c r="BA18" s="114">
        <v>810668</v>
      </c>
      <c r="BB18" s="114">
        <v>700118</v>
      </c>
      <c r="BC18" s="114">
        <v>497897</v>
      </c>
      <c r="BD18" s="113">
        <v>3779128</v>
      </c>
      <c r="BE18" s="116">
        <v>4372901</v>
      </c>
      <c r="BF18" s="110">
        <v>0</v>
      </c>
      <c r="BG18" s="114">
        <v>36984</v>
      </c>
      <c r="BH18" s="112">
        <v>36984</v>
      </c>
      <c r="BI18" s="111">
        <v>0</v>
      </c>
      <c r="BJ18" s="114">
        <v>0</v>
      </c>
      <c r="BK18" s="114">
        <v>119838</v>
      </c>
      <c r="BL18" s="114">
        <v>54980</v>
      </c>
      <c r="BM18" s="114">
        <v>2784</v>
      </c>
      <c r="BN18" s="114">
        <v>48046</v>
      </c>
      <c r="BO18" s="113">
        <v>225648</v>
      </c>
      <c r="BP18" s="116">
        <v>262632</v>
      </c>
      <c r="BQ18" s="110">
        <v>49136</v>
      </c>
      <c r="BR18" s="114">
        <v>82040</v>
      </c>
      <c r="BS18" s="113">
        <v>131176</v>
      </c>
      <c r="BT18" s="110">
        <v>0</v>
      </c>
      <c r="BU18" s="114">
        <v>206424</v>
      </c>
      <c r="BV18" s="114">
        <v>369984</v>
      </c>
      <c r="BW18" s="114">
        <v>328696</v>
      </c>
      <c r="BX18" s="114">
        <v>472776</v>
      </c>
      <c r="BY18" s="114">
        <v>220360</v>
      </c>
      <c r="BZ18" s="113">
        <v>1598240</v>
      </c>
      <c r="CA18" s="116">
        <v>1729416</v>
      </c>
      <c r="CB18" s="110">
        <v>209666</v>
      </c>
      <c r="CC18" s="114">
        <v>309919</v>
      </c>
      <c r="CD18" s="113">
        <v>519585</v>
      </c>
      <c r="CE18" s="110">
        <v>0</v>
      </c>
      <c r="CF18" s="114">
        <v>2810535</v>
      </c>
      <c r="CG18" s="114">
        <v>2837189</v>
      </c>
      <c r="CH18" s="114">
        <v>2798319</v>
      </c>
      <c r="CI18" s="114">
        <v>1626371</v>
      </c>
      <c r="CJ18" s="114">
        <v>107744</v>
      </c>
      <c r="CK18" s="113">
        <v>10180158</v>
      </c>
      <c r="CL18" s="116">
        <v>10699743</v>
      </c>
      <c r="CM18" s="110">
        <v>0</v>
      </c>
      <c r="CN18" s="114">
        <v>0</v>
      </c>
      <c r="CO18" s="113">
        <v>0</v>
      </c>
      <c r="CP18" s="111">
        <v>0</v>
      </c>
      <c r="CQ18" s="114">
        <v>2547474</v>
      </c>
      <c r="CR18" s="114">
        <v>2059917</v>
      </c>
      <c r="CS18" s="114">
        <v>1774182</v>
      </c>
      <c r="CT18" s="114">
        <v>905996</v>
      </c>
      <c r="CU18" s="114">
        <v>0</v>
      </c>
      <c r="CV18" s="113">
        <v>7287569</v>
      </c>
      <c r="CW18" s="116">
        <v>7287569</v>
      </c>
      <c r="CX18" s="110">
        <v>209666</v>
      </c>
      <c r="CY18" s="114">
        <v>309919</v>
      </c>
      <c r="CZ18" s="113">
        <v>519585</v>
      </c>
      <c r="DA18" s="110">
        <v>0</v>
      </c>
      <c r="DB18" s="114">
        <v>263061</v>
      </c>
      <c r="DC18" s="114">
        <v>777272</v>
      </c>
      <c r="DD18" s="114">
        <v>1024137</v>
      </c>
      <c r="DE18" s="114">
        <v>720375</v>
      </c>
      <c r="DF18" s="114">
        <v>107744</v>
      </c>
      <c r="DG18" s="113">
        <v>2892589</v>
      </c>
      <c r="DH18" s="116">
        <v>3412174</v>
      </c>
      <c r="DI18" s="110">
        <v>24482</v>
      </c>
      <c r="DJ18" s="114">
        <v>114062</v>
      </c>
      <c r="DK18" s="112">
        <v>138544</v>
      </c>
      <c r="DL18" s="111">
        <v>0</v>
      </c>
      <c r="DM18" s="114">
        <v>431135</v>
      </c>
      <c r="DN18" s="114">
        <v>328778</v>
      </c>
      <c r="DO18" s="114">
        <v>340455</v>
      </c>
      <c r="DP18" s="114">
        <v>733949</v>
      </c>
      <c r="DQ18" s="114">
        <v>565991</v>
      </c>
      <c r="DR18" s="113">
        <v>2400308</v>
      </c>
      <c r="DS18" s="116">
        <v>2538852</v>
      </c>
      <c r="DT18" s="110">
        <v>24482</v>
      </c>
      <c r="DU18" s="114">
        <v>114062</v>
      </c>
      <c r="DV18" s="113">
        <v>138544</v>
      </c>
      <c r="DW18" s="110">
        <v>0</v>
      </c>
      <c r="DX18" s="114">
        <v>431135</v>
      </c>
      <c r="DY18" s="114">
        <v>286736</v>
      </c>
      <c r="DZ18" s="114">
        <v>232467</v>
      </c>
      <c r="EA18" s="114">
        <v>733949</v>
      </c>
      <c r="EB18" s="114">
        <v>565991</v>
      </c>
      <c r="EC18" s="113">
        <v>2250278</v>
      </c>
      <c r="ED18" s="116">
        <v>2388822</v>
      </c>
      <c r="EE18" s="110">
        <v>0</v>
      </c>
      <c r="EF18" s="112">
        <v>0</v>
      </c>
      <c r="EG18" s="113">
        <v>0</v>
      </c>
      <c r="EH18" s="110">
        <v>0</v>
      </c>
      <c r="EI18" s="114">
        <v>0</v>
      </c>
      <c r="EJ18" s="114">
        <v>42042</v>
      </c>
      <c r="EK18" s="114">
        <v>107988</v>
      </c>
      <c r="EL18" s="114">
        <v>0</v>
      </c>
      <c r="EM18" s="114">
        <v>0</v>
      </c>
      <c r="EN18" s="112">
        <v>150030</v>
      </c>
      <c r="EO18" s="116">
        <v>15003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5"/>
      <c r="FE18" s="114">
        <v>0</v>
      </c>
      <c r="FF18" s="114">
        <v>0</v>
      </c>
      <c r="FG18" s="114">
        <v>0</v>
      </c>
      <c r="FH18" s="114">
        <v>0</v>
      </c>
      <c r="FI18" s="114">
        <v>0</v>
      </c>
      <c r="FJ18" s="113">
        <v>0</v>
      </c>
      <c r="FK18" s="116">
        <v>0</v>
      </c>
      <c r="FL18" s="110">
        <v>451686</v>
      </c>
      <c r="FM18" s="114">
        <v>508728</v>
      </c>
      <c r="FN18" s="113">
        <v>960414</v>
      </c>
      <c r="FO18" s="110">
        <v>0</v>
      </c>
      <c r="FP18" s="114">
        <v>324856</v>
      </c>
      <c r="FQ18" s="114">
        <v>1079232</v>
      </c>
      <c r="FR18" s="114">
        <v>835696</v>
      </c>
      <c r="FS18" s="114">
        <v>914344</v>
      </c>
      <c r="FT18" s="114">
        <v>396137</v>
      </c>
      <c r="FU18" s="113">
        <v>3550265</v>
      </c>
      <c r="FV18" s="116">
        <v>4510679</v>
      </c>
      <c r="FW18" s="115">
        <v>62288</v>
      </c>
      <c r="FX18" s="114">
        <v>291928</v>
      </c>
      <c r="FY18" s="112">
        <v>354216</v>
      </c>
      <c r="FZ18" s="111">
        <v>0</v>
      </c>
      <c r="GA18" s="114">
        <v>227976</v>
      </c>
      <c r="GB18" s="114">
        <v>1079232</v>
      </c>
      <c r="GC18" s="114">
        <v>807976</v>
      </c>
      <c r="GD18" s="114">
        <v>831088</v>
      </c>
      <c r="GE18" s="114">
        <v>389872</v>
      </c>
      <c r="GF18" s="113">
        <v>3336144</v>
      </c>
      <c r="GG18" s="316">
        <v>3690360</v>
      </c>
      <c r="GH18" s="115">
        <v>0</v>
      </c>
      <c r="GI18" s="114">
        <v>0</v>
      </c>
      <c r="GJ18" s="112">
        <v>0</v>
      </c>
      <c r="GK18" s="111">
        <v>0</v>
      </c>
      <c r="GL18" s="114">
        <v>0</v>
      </c>
      <c r="GM18" s="114">
        <v>0</v>
      </c>
      <c r="GN18" s="114">
        <v>27720</v>
      </c>
      <c r="GO18" s="114">
        <v>50456</v>
      </c>
      <c r="GP18" s="114">
        <v>6265</v>
      </c>
      <c r="GQ18" s="113">
        <v>84441</v>
      </c>
      <c r="GR18" s="116">
        <v>84441</v>
      </c>
      <c r="GS18" s="110">
        <v>389398</v>
      </c>
      <c r="GT18" s="114">
        <v>216800</v>
      </c>
      <c r="GU18" s="113">
        <v>606198</v>
      </c>
      <c r="GV18" s="110">
        <v>0</v>
      </c>
      <c r="GW18" s="114">
        <v>96880</v>
      </c>
      <c r="GX18" s="114">
        <v>0</v>
      </c>
      <c r="GY18" s="114">
        <v>0</v>
      </c>
      <c r="GZ18" s="114">
        <v>32800</v>
      </c>
      <c r="HA18" s="114">
        <v>0</v>
      </c>
      <c r="HB18" s="112">
        <v>129680</v>
      </c>
      <c r="HC18" s="116">
        <v>735878</v>
      </c>
      <c r="HD18" s="110">
        <v>109908</v>
      </c>
      <c r="HE18" s="114">
        <v>471199</v>
      </c>
      <c r="HF18" s="112">
        <v>581107</v>
      </c>
      <c r="HG18" s="111">
        <v>0</v>
      </c>
      <c r="HH18" s="114">
        <v>965438</v>
      </c>
      <c r="HI18" s="114">
        <v>1611427</v>
      </c>
      <c r="HJ18" s="114">
        <v>2017248</v>
      </c>
      <c r="HK18" s="114">
        <v>2827940</v>
      </c>
      <c r="HL18" s="114">
        <v>1199382</v>
      </c>
      <c r="HM18" s="113">
        <v>8621435</v>
      </c>
      <c r="HN18" s="109">
        <v>9202542</v>
      </c>
      <c r="HO18" s="326"/>
      <c r="HP18" s="327"/>
      <c r="HQ18" s="328"/>
      <c r="HR18" s="329"/>
      <c r="HS18" s="327"/>
      <c r="HT18" s="327"/>
      <c r="HU18" s="327"/>
      <c r="HV18" s="327"/>
      <c r="HW18" s="327"/>
      <c r="HX18" s="330"/>
      <c r="HY18" s="331"/>
      <c r="HZ18" s="150">
        <v>0</v>
      </c>
      <c r="IA18" s="135">
        <v>0</v>
      </c>
      <c r="IB18" s="150">
        <v>0</v>
      </c>
      <c r="IC18" s="134">
        <v>0</v>
      </c>
      <c r="ID18" s="135">
        <v>2345912</v>
      </c>
      <c r="IE18" s="136">
        <v>1447736</v>
      </c>
      <c r="IF18" s="137">
        <v>2321527</v>
      </c>
      <c r="IG18" s="135">
        <v>2111055</v>
      </c>
      <c r="IH18" s="137">
        <v>1890585</v>
      </c>
      <c r="II18" s="138">
        <v>10116815</v>
      </c>
      <c r="IJ18" s="150">
        <v>10116815</v>
      </c>
      <c r="IK18" s="232">
        <v>0</v>
      </c>
      <c r="IL18" s="236">
        <v>0</v>
      </c>
      <c r="IM18" s="237">
        <v>0</v>
      </c>
      <c r="IN18" s="140"/>
      <c r="IO18" s="119">
        <v>72177</v>
      </c>
      <c r="IP18" s="119">
        <v>8936</v>
      </c>
      <c r="IQ18" s="119">
        <v>0</v>
      </c>
      <c r="IR18" s="119">
        <v>226052</v>
      </c>
      <c r="IS18" s="119">
        <v>0</v>
      </c>
      <c r="IT18" s="141">
        <v>307165</v>
      </c>
      <c r="IU18" s="318">
        <v>307165</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285251</v>
      </c>
      <c r="JL18" s="119">
        <v>381222</v>
      </c>
      <c r="JM18" s="119">
        <v>1089010</v>
      </c>
      <c r="JN18" s="119">
        <v>309560</v>
      </c>
      <c r="JO18" s="119">
        <v>225049</v>
      </c>
      <c r="JP18" s="120">
        <v>3290092</v>
      </c>
      <c r="JQ18" s="318">
        <v>3290092</v>
      </c>
      <c r="JR18" s="142">
        <v>0</v>
      </c>
      <c r="JS18" s="119">
        <v>0</v>
      </c>
      <c r="JT18" s="141">
        <v>0</v>
      </c>
      <c r="JU18" s="118">
        <v>0</v>
      </c>
      <c r="JV18" s="119">
        <v>0</v>
      </c>
      <c r="JW18" s="119">
        <v>0</v>
      </c>
      <c r="JX18" s="119">
        <v>0</v>
      </c>
      <c r="JY18" s="119">
        <v>0</v>
      </c>
      <c r="JZ18" s="119">
        <v>0</v>
      </c>
      <c r="KA18" s="120">
        <v>0</v>
      </c>
      <c r="KB18" s="318">
        <v>0</v>
      </c>
      <c r="KC18" s="234">
        <v>0</v>
      </c>
      <c r="KD18" s="230">
        <v>0</v>
      </c>
      <c r="KE18" s="120">
        <v>0</v>
      </c>
      <c r="KF18" s="118">
        <v>0</v>
      </c>
      <c r="KG18" s="119">
        <v>255942</v>
      </c>
      <c r="KH18" s="119">
        <v>0</v>
      </c>
      <c r="KI18" s="119">
        <v>722090</v>
      </c>
      <c r="KJ18" s="119">
        <v>799637</v>
      </c>
      <c r="KK18" s="119">
        <v>603104</v>
      </c>
      <c r="KL18" s="120">
        <v>2380773</v>
      </c>
      <c r="KM18" s="143">
        <v>2380773</v>
      </c>
      <c r="KN18" s="232">
        <v>0</v>
      </c>
      <c r="KO18" s="236">
        <v>0</v>
      </c>
      <c r="KP18" s="237">
        <v>0</v>
      </c>
      <c r="KQ18" s="140"/>
      <c r="KR18" s="119">
        <v>732542</v>
      </c>
      <c r="KS18" s="119">
        <v>500244</v>
      </c>
      <c r="KT18" s="119">
        <v>510427</v>
      </c>
      <c r="KU18" s="119">
        <v>554860</v>
      </c>
      <c r="KV18" s="119">
        <v>534713</v>
      </c>
      <c r="KW18" s="120">
        <v>2832786</v>
      </c>
      <c r="KX18" s="318">
        <v>2832786</v>
      </c>
      <c r="KY18" s="142">
        <v>0</v>
      </c>
      <c r="KZ18" s="119">
        <v>0</v>
      </c>
      <c r="LA18" s="120">
        <v>0</v>
      </c>
      <c r="LB18" s="145"/>
      <c r="LC18" s="119">
        <v>0</v>
      </c>
      <c r="LD18" s="119">
        <v>545763</v>
      </c>
      <c r="LE18" s="119">
        <v>0</v>
      </c>
      <c r="LF18" s="119">
        <v>220946</v>
      </c>
      <c r="LG18" s="119">
        <v>0</v>
      </c>
      <c r="LH18" s="120">
        <v>766709</v>
      </c>
      <c r="LI18" s="121">
        <v>766709</v>
      </c>
      <c r="LJ18" s="142">
        <v>0</v>
      </c>
      <c r="LK18" s="119">
        <v>0</v>
      </c>
      <c r="LL18" s="120">
        <v>0</v>
      </c>
      <c r="LM18" s="145"/>
      <c r="LN18" s="119">
        <v>0</v>
      </c>
      <c r="LO18" s="119">
        <v>0</v>
      </c>
      <c r="LP18" s="119">
        <v>0</v>
      </c>
      <c r="LQ18" s="119">
        <v>0</v>
      </c>
      <c r="LR18" s="119">
        <v>300549</v>
      </c>
      <c r="LS18" s="120">
        <v>300549</v>
      </c>
      <c r="LT18" s="318">
        <v>300549</v>
      </c>
      <c r="LU18" s="142">
        <v>0</v>
      </c>
      <c r="LV18" s="119">
        <v>0</v>
      </c>
      <c r="LW18" s="120">
        <v>0</v>
      </c>
      <c r="LX18" s="145"/>
      <c r="LY18" s="119">
        <v>0</v>
      </c>
      <c r="LZ18" s="119">
        <v>11571</v>
      </c>
      <c r="MA18" s="119">
        <v>0</v>
      </c>
      <c r="MB18" s="119">
        <v>0</v>
      </c>
      <c r="MC18" s="119">
        <v>227170</v>
      </c>
      <c r="MD18" s="120">
        <v>238741</v>
      </c>
      <c r="ME18" s="121">
        <v>238741</v>
      </c>
      <c r="MF18" s="142">
        <v>0</v>
      </c>
      <c r="MG18" s="119">
        <v>0</v>
      </c>
      <c r="MH18" s="120">
        <v>0</v>
      </c>
      <c r="MI18" s="145"/>
      <c r="MJ18" s="119">
        <v>526069</v>
      </c>
      <c r="MK18" s="119">
        <v>1318510</v>
      </c>
      <c r="ML18" s="119">
        <v>2921686</v>
      </c>
      <c r="MM18" s="119">
        <v>7786204</v>
      </c>
      <c r="MN18" s="119">
        <v>2645167</v>
      </c>
      <c r="MO18" s="120">
        <v>15197636</v>
      </c>
      <c r="MP18" s="143">
        <v>15197636</v>
      </c>
      <c r="MQ18" s="142">
        <v>0</v>
      </c>
      <c r="MR18" s="119">
        <v>0</v>
      </c>
      <c r="MS18" s="120">
        <v>0</v>
      </c>
      <c r="MT18" s="145"/>
      <c r="MU18" s="119">
        <v>0</v>
      </c>
      <c r="MV18" s="119">
        <v>0</v>
      </c>
      <c r="MW18" s="119">
        <v>1349057</v>
      </c>
      <c r="MX18" s="119">
        <v>4805913</v>
      </c>
      <c r="MY18" s="119">
        <v>1701012</v>
      </c>
      <c r="MZ18" s="120">
        <v>7855982</v>
      </c>
      <c r="NA18" s="143">
        <v>7855982</v>
      </c>
      <c r="NB18" s="142">
        <v>0</v>
      </c>
      <c r="NC18" s="119">
        <v>0</v>
      </c>
      <c r="ND18" s="120">
        <v>0</v>
      </c>
      <c r="NE18" s="145"/>
      <c r="NF18" s="119">
        <v>526069</v>
      </c>
      <c r="NG18" s="119">
        <v>1318510</v>
      </c>
      <c r="NH18" s="119">
        <v>1572629</v>
      </c>
      <c r="NI18" s="119">
        <v>2631031</v>
      </c>
      <c r="NJ18" s="119">
        <v>720478</v>
      </c>
      <c r="NK18" s="120">
        <v>6768717</v>
      </c>
      <c r="NL18" s="318">
        <v>6768717</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49260</v>
      </c>
      <c r="OF18" s="119">
        <v>223677</v>
      </c>
      <c r="OG18" s="120">
        <v>572937</v>
      </c>
      <c r="OH18" s="121">
        <v>572937</v>
      </c>
      <c r="OI18" s="142">
        <v>1039204</v>
      </c>
      <c r="OJ18" s="119">
        <v>1922379</v>
      </c>
      <c r="OK18" s="141">
        <v>2961583</v>
      </c>
      <c r="OL18" s="118">
        <v>0</v>
      </c>
      <c r="OM18" s="119">
        <v>9576149</v>
      </c>
      <c r="ON18" s="119">
        <v>11718771</v>
      </c>
      <c r="OO18" s="119">
        <v>14396602</v>
      </c>
      <c r="OP18" s="119">
        <v>20373245</v>
      </c>
      <c r="OQ18" s="119">
        <v>9555143</v>
      </c>
      <c r="OR18" s="120">
        <v>65619910</v>
      </c>
      <c r="OS18" s="143">
        <v>68581493</v>
      </c>
    </row>
    <row r="19" spans="2:409" ht="21" customHeight="1" x14ac:dyDescent="0.2">
      <c r="B19" s="126" t="s">
        <v>13</v>
      </c>
      <c r="C19" s="110">
        <v>162683</v>
      </c>
      <c r="D19" s="114">
        <v>185068</v>
      </c>
      <c r="E19" s="113">
        <v>347751</v>
      </c>
      <c r="F19" s="110">
        <v>0</v>
      </c>
      <c r="G19" s="170">
        <v>3425893</v>
      </c>
      <c r="H19" s="114">
        <v>4484821</v>
      </c>
      <c r="I19" s="114">
        <v>3860468</v>
      </c>
      <c r="J19" s="114">
        <v>5441931</v>
      </c>
      <c r="K19" s="114">
        <v>4038338</v>
      </c>
      <c r="L19" s="112">
        <v>21251451</v>
      </c>
      <c r="M19" s="116">
        <v>21599202</v>
      </c>
      <c r="N19" s="110">
        <v>44685</v>
      </c>
      <c r="O19" s="114">
        <v>111385</v>
      </c>
      <c r="P19" s="113">
        <v>156070</v>
      </c>
      <c r="Q19" s="110">
        <v>0</v>
      </c>
      <c r="R19" s="114">
        <v>1182774</v>
      </c>
      <c r="S19" s="114">
        <v>1125326</v>
      </c>
      <c r="T19" s="114">
        <v>1127303</v>
      </c>
      <c r="U19" s="114">
        <v>2721448</v>
      </c>
      <c r="V19" s="114">
        <v>2370757</v>
      </c>
      <c r="W19" s="113">
        <v>8527608</v>
      </c>
      <c r="X19" s="116">
        <v>8683678</v>
      </c>
      <c r="Y19" s="110">
        <v>0</v>
      </c>
      <c r="Z19" s="114">
        <v>0</v>
      </c>
      <c r="AA19" s="113">
        <v>0</v>
      </c>
      <c r="AB19" s="110">
        <v>0</v>
      </c>
      <c r="AC19" s="114">
        <v>508728</v>
      </c>
      <c r="AD19" s="114">
        <v>454710</v>
      </c>
      <c r="AE19" s="114">
        <v>499016</v>
      </c>
      <c r="AF19" s="114">
        <v>1669414</v>
      </c>
      <c r="AG19" s="114">
        <v>1135870</v>
      </c>
      <c r="AH19" s="113">
        <v>4267738</v>
      </c>
      <c r="AI19" s="116">
        <v>4267738</v>
      </c>
      <c r="AJ19" s="110">
        <v>0</v>
      </c>
      <c r="AK19" s="114">
        <v>0</v>
      </c>
      <c r="AL19" s="113">
        <v>0</v>
      </c>
      <c r="AM19" s="110">
        <v>0</v>
      </c>
      <c r="AN19" s="114">
        <v>0</v>
      </c>
      <c r="AO19" s="114">
        <v>0</v>
      </c>
      <c r="AP19" s="114">
        <v>0</v>
      </c>
      <c r="AQ19" s="114">
        <v>218868</v>
      </c>
      <c r="AR19" s="114">
        <v>441859</v>
      </c>
      <c r="AS19" s="113">
        <v>660727</v>
      </c>
      <c r="AT19" s="116">
        <v>660727</v>
      </c>
      <c r="AU19" s="110">
        <v>20013</v>
      </c>
      <c r="AV19" s="114">
        <v>79999</v>
      </c>
      <c r="AW19" s="113">
        <v>100012</v>
      </c>
      <c r="AX19" s="110">
        <v>0</v>
      </c>
      <c r="AY19" s="114">
        <v>385487</v>
      </c>
      <c r="AZ19" s="114">
        <v>376952</v>
      </c>
      <c r="BA19" s="114">
        <v>448895</v>
      </c>
      <c r="BB19" s="114">
        <v>460184</v>
      </c>
      <c r="BC19" s="114">
        <v>552431</v>
      </c>
      <c r="BD19" s="113">
        <v>2223949</v>
      </c>
      <c r="BE19" s="116">
        <v>2323961</v>
      </c>
      <c r="BF19" s="110">
        <v>0</v>
      </c>
      <c r="BG19" s="114">
        <v>21794</v>
      </c>
      <c r="BH19" s="112">
        <v>21794</v>
      </c>
      <c r="BI19" s="111">
        <v>0</v>
      </c>
      <c r="BJ19" s="114">
        <v>73183</v>
      </c>
      <c r="BK19" s="114">
        <v>0</v>
      </c>
      <c r="BL19" s="114">
        <v>0</v>
      </c>
      <c r="BM19" s="114">
        <v>71318</v>
      </c>
      <c r="BN19" s="114">
        <v>21933</v>
      </c>
      <c r="BO19" s="113">
        <v>166434</v>
      </c>
      <c r="BP19" s="116">
        <v>188228</v>
      </c>
      <c r="BQ19" s="110">
        <v>24672</v>
      </c>
      <c r="BR19" s="114">
        <v>9592</v>
      </c>
      <c r="BS19" s="113">
        <v>34264</v>
      </c>
      <c r="BT19" s="110">
        <v>0</v>
      </c>
      <c r="BU19" s="114">
        <v>215376</v>
      </c>
      <c r="BV19" s="114">
        <v>293664</v>
      </c>
      <c r="BW19" s="114">
        <v>179392</v>
      </c>
      <c r="BX19" s="114">
        <v>301664</v>
      </c>
      <c r="BY19" s="114">
        <v>218664</v>
      </c>
      <c r="BZ19" s="113">
        <v>1208760</v>
      </c>
      <c r="CA19" s="116">
        <v>1243024</v>
      </c>
      <c r="CB19" s="110">
        <v>0</v>
      </c>
      <c r="CC19" s="114">
        <v>40115</v>
      </c>
      <c r="CD19" s="113">
        <v>40115</v>
      </c>
      <c r="CE19" s="110">
        <v>0</v>
      </c>
      <c r="CF19" s="114">
        <v>654610</v>
      </c>
      <c r="CG19" s="114">
        <v>1129771</v>
      </c>
      <c r="CH19" s="114">
        <v>1186638</v>
      </c>
      <c r="CI19" s="114">
        <v>961538</v>
      </c>
      <c r="CJ19" s="114">
        <v>448300</v>
      </c>
      <c r="CK19" s="113">
        <v>4380857</v>
      </c>
      <c r="CL19" s="116">
        <v>4420972</v>
      </c>
      <c r="CM19" s="110">
        <v>0</v>
      </c>
      <c r="CN19" s="114">
        <v>0</v>
      </c>
      <c r="CO19" s="113">
        <v>0</v>
      </c>
      <c r="CP19" s="111">
        <v>0</v>
      </c>
      <c r="CQ19" s="114">
        <v>634058</v>
      </c>
      <c r="CR19" s="114">
        <v>796204</v>
      </c>
      <c r="CS19" s="114">
        <v>1021976</v>
      </c>
      <c r="CT19" s="114">
        <v>540325</v>
      </c>
      <c r="CU19" s="114">
        <v>303014</v>
      </c>
      <c r="CV19" s="113">
        <v>3295577</v>
      </c>
      <c r="CW19" s="116">
        <v>3295577</v>
      </c>
      <c r="CX19" s="110">
        <v>0</v>
      </c>
      <c r="CY19" s="114">
        <v>40115</v>
      </c>
      <c r="CZ19" s="113">
        <v>40115</v>
      </c>
      <c r="DA19" s="110">
        <v>0</v>
      </c>
      <c r="DB19" s="114">
        <v>20552</v>
      </c>
      <c r="DC19" s="114">
        <v>333567</v>
      </c>
      <c r="DD19" s="114">
        <v>164662</v>
      </c>
      <c r="DE19" s="114">
        <v>421213</v>
      </c>
      <c r="DF19" s="114">
        <v>145286</v>
      </c>
      <c r="DG19" s="113">
        <v>1085280</v>
      </c>
      <c r="DH19" s="116">
        <v>1125395</v>
      </c>
      <c r="DI19" s="110">
        <v>0</v>
      </c>
      <c r="DJ19" s="114">
        <v>0</v>
      </c>
      <c r="DK19" s="112">
        <v>0</v>
      </c>
      <c r="DL19" s="111">
        <v>0</v>
      </c>
      <c r="DM19" s="114">
        <v>53216</v>
      </c>
      <c r="DN19" s="114">
        <v>9840</v>
      </c>
      <c r="DO19" s="114">
        <v>264391</v>
      </c>
      <c r="DP19" s="114">
        <v>235404</v>
      </c>
      <c r="DQ19" s="114">
        <v>29651</v>
      </c>
      <c r="DR19" s="113">
        <v>592502</v>
      </c>
      <c r="DS19" s="116">
        <v>592502</v>
      </c>
      <c r="DT19" s="110">
        <v>0</v>
      </c>
      <c r="DU19" s="114">
        <v>0</v>
      </c>
      <c r="DV19" s="113">
        <v>0</v>
      </c>
      <c r="DW19" s="110">
        <v>0</v>
      </c>
      <c r="DX19" s="114">
        <v>53216</v>
      </c>
      <c r="DY19" s="114">
        <v>9840</v>
      </c>
      <c r="DZ19" s="114">
        <v>264391</v>
      </c>
      <c r="EA19" s="114">
        <v>235404</v>
      </c>
      <c r="EB19" s="114">
        <v>29651</v>
      </c>
      <c r="EC19" s="113">
        <v>592502</v>
      </c>
      <c r="ED19" s="116">
        <v>592502</v>
      </c>
      <c r="EE19" s="110">
        <v>0</v>
      </c>
      <c r="EF19" s="112">
        <v>0</v>
      </c>
      <c r="EG19" s="113">
        <v>0</v>
      </c>
      <c r="EH19" s="110">
        <v>0</v>
      </c>
      <c r="EI19" s="114">
        <v>0</v>
      </c>
      <c r="EJ19" s="114">
        <v>0</v>
      </c>
      <c r="EK19" s="114">
        <v>0</v>
      </c>
      <c r="EL19" s="114">
        <v>0</v>
      </c>
      <c r="EM19" s="114">
        <v>0</v>
      </c>
      <c r="EN19" s="112">
        <v>0</v>
      </c>
      <c r="EO19" s="116">
        <v>0</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5"/>
      <c r="FE19" s="114">
        <v>0</v>
      </c>
      <c r="FF19" s="114">
        <v>0</v>
      </c>
      <c r="FG19" s="114">
        <v>0</v>
      </c>
      <c r="FH19" s="114">
        <v>0</v>
      </c>
      <c r="FI19" s="114">
        <v>0</v>
      </c>
      <c r="FJ19" s="113">
        <v>0</v>
      </c>
      <c r="FK19" s="116">
        <v>0</v>
      </c>
      <c r="FL19" s="110">
        <v>11080</v>
      </c>
      <c r="FM19" s="114">
        <v>33568</v>
      </c>
      <c r="FN19" s="113">
        <v>44648</v>
      </c>
      <c r="FO19" s="110">
        <v>0</v>
      </c>
      <c r="FP19" s="114">
        <v>279120</v>
      </c>
      <c r="FQ19" s="114">
        <v>432624</v>
      </c>
      <c r="FR19" s="114">
        <v>275696</v>
      </c>
      <c r="FS19" s="114">
        <v>488448</v>
      </c>
      <c r="FT19" s="114">
        <v>304336</v>
      </c>
      <c r="FU19" s="113">
        <v>1780224</v>
      </c>
      <c r="FV19" s="116">
        <v>1824872</v>
      </c>
      <c r="FW19" s="115">
        <v>11080</v>
      </c>
      <c r="FX19" s="114">
        <v>33568</v>
      </c>
      <c r="FY19" s="112">
        <v>44648</v>
      </c>
      <c r="FZ19" s="111">
        <v>0</v>
      </c>
      <c r="GA19" s="114">
        <v>135120</v>
      </c>
      <c r="GB19" s="114">
        <v>336624</v>
      </c>
      <c r="GC19" s="114">
        <v>248496</v>
      </c>
      <c r="GD19" s="114">
        <v>432304</v>
      </c>
      <c r="GE19" s="114">
        <v>251136</v>
      </c>
      <c r="GF19" s="113">
        <v>1403680</v>
      </c>
      <c r="GG19" s="316">
        <v>1448328</v>
      </c>
      <c r="GH19" s="115">
        <v>0</v>
      </c>
      <c r="GI19" s="114">
        <v>0</v>
      </c>
      <c r="GJ19" s="112">
        <v>0</v>
      </c>
      <c r="GK19" s="111">
        <v>0</v>
      </c>
      <c r="GL19" s="114">
        <v>0</v>
      </c>
      <c r="GM19" s="114">
        <v>0</v>
      </c>
      <c r="GN19" s="114">
        <v>0</v>
      </c>
      <c r="GO19" s="114">
        <v>0</v>
      </c>
      <c r="GP19" s="114">
        <v>13200</v>
      </c>
      <c r="GQ19" s="113">
        <v>13200</v>
      </c>
      <c r="GR19" s="116">
        <v>13200</v>
      </c>
      <c r="GS19" s="110">
        <v>0</v>
      </c>
      <c r="GT19" s="114">
        <v>0</v>
      </c>
      <c r="GU19" s="113">
        <v>0</v>
      </c>
      <c r="GV19" s="110">
        <v>0</v>
      </c>
      <c r="GW19" s="114">
        <v>144000</v>
      </c>
      <c r="GX19" s="114">
        <v>96000</v>
      </c>
      <c r="GY19" s="114">
        <v>27200</v>
      </c>
      <c r="GZ19" s="114">
        <v>56144</v>
      </c>
      <c r="HA19" s="114">
        <v>40000</v>
      </c>
      <c r="HB19" s="112">
        <v>363344</v>
      </c>
      <c r="HC19" s="116">
        <v>363344</v>
      </c>
      <c r="HD19" s="110">
        <v>106918</v>
      </c>
      <c r="HE19" s="114">
        <v>0</v>
      </c>
      <c r="HF19" s="112">
        <v>106918</v>
      </c>
      <c r="HG19" s="111">
        <v>0</v>
      </c>
      <c r="HH19" s="114">
        <v>1256173</v>
      </c>
      <c r="HI19" s="114">
        <v>1787260</v>
      </c>
      <c r="HJ19" s="114">
        <v>1006440</v>
      </c>
      <c r="HK19" s="114">
        <v>1035093</v>
      </c>
      <c r="HL19" s="114">
        <v>885294</v>
      </c>
      <c r="HM19" s="113">
        <v>5970260</v>
      </c>
      <c r="HN19" s="109">
        <v>6077178</v>
      </c>
      <c r="HO19" s="326"/>
      <c r="HP19" s="327"/>
      <c r="HQ19" s="328"/>
      <c r="HR19" s="329"/>
      <c r="HS19" s="327"/>
      <c r="HT19" s="327"/>
      <c r="HU19" s="327"/>
      <c r="HV19" s="327"/>
      <c r="HW19" s="327"/>
      <c r="HX19" s="330"/>
      <c r="HY19" s="331"/>
      <c r="HZ19" s="131">
        <v>0</v>
      </c>
      <c r="IA19" s="132">
        <v>0</v>
      </c>
      <c r="IB19" s="133">
        <v>0</v>
      </c>
      <c r="IC19" s="146">
        <v>0</v>
      </c>
      <c r="ID19" s="132">
        <v>434120</v>
      </c>
      <c r="IE19" s="147">
        <v>1372056</v>
      </c>
      <c r="IF19" s="133">
        <v>727451</v>
      </c>
      <c r="IG19" s="132">
        <v>809787</v>
      </c>
      <c r="IH19" s="133">
        <v>248543</v>
      </c>
      <c r="II19" s="148">
        <v>3591957</v>
      </c>
      <c r="IJ19" s="139">
        <v>3591957</v>
      </c>
      <c r="IK19" s="232">
        <v>0</v>
      </c>
      <c r="IL19" s="236">
        <v>0</v>
      </c>
      <c r="IM19" s="237">
        <v>0</v>
      </c>
      <c r="IN19" s="140"/>
      <c r="IO19" s="119">
        <v>0</v>
      </c>
      <c r="IP19" s="119">
        <v>0</v>
      </c>
      <c r="IQ19" s="119">
        <v>0</v>
      </c>
      <c r="IR19" s="119">
        <v>0</v>
      </c>
      <c r="IS19" s="119">
        <v>0</v>
      </c>
      <c r="IT19" s="141">
        <v>0</v>
      </c>
      <c r="IU19" s="318">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45233</v>
      </c>
      <c r="JL19" s="119">
        <v>455066</v>
      </c>
      <c r="JM19" s="119">
        <v>514437</v>
      </c>
      <c r="JN19" s="119">
        <v>56500</v>
      </c>
      <c r="JO19" s="119">
        <v>192635</v>
      </c>
      <c r="JP19" s="120">
        <v>1563871</v>
      </c>
      <c r="JQ19" s="318">
        <v>1563871</v>
      </c>
      <c r="JR19" s="142">
        <v>0</v>
      </c>
      <c r="JS19" s="119">
        <v>0</v>
      </c>
      <c r="JT19" s="141">
        <v>0</v>
      </c>
      <c r="JU19" s="118">
        <v>0</v>
      </c>
      <c r="JV19" s="119">
        <v>0</v>
      </c>
      <c r="JW19" s="119">
        <v>116823</v>
      </c>
      <c r="JX19" s="119">
        <v>11862</v>
      </c>
      <c r="JY19" s="119">
        <v>53240</v>
      </c>
      <c r="JZ19" s="119">
        <v>55908</v>
      </c>
      <c r="KA19" s="120">
        <v>237833</v>
      </c>
      <c r="KB19" s="318">
        <v>237833</v>
      </c>
      <c r="KC19" s="234">
        <v>0</v>
      </c>
      <c r="KD19" s="230">
        <v>0</v>
      </c>
      <c r="KE19" s="120">
        <v>0</v>
      </c>
      <c r="KF19" s="118">
        <v>0</v>
      </c>
      <c r="KG19" s="119">
        <v>88887</v>
      </c>
      <c r="KH19" s="119">
        <v>308456</v>
      </c>
      <c r="KI19" s="119">
        <v>201152</v>
      </c>
      <c r="KJ19" s="119">
        <v>0</v>
      </c>
      <c r="KK19" s="119">
        <v>0</v>
      </c>
      <c r="KL19" s="120">
        <v>598495</v>
      </c>
      <c r="KM19" s="143">
        <v>598495</v>
      </c>
      <c r="KN19" s="232">
        <v>0</v>
      </c>
      <c r="KO19" s="236">
        <v>0</v>
      </c>
      <c r="KP19" s="237">
        <v>0</v>
      </c>
      <c r="KQ19" s="140"/>
      <c r="KR19" s="119">
        <v>0</v>
      </c>
      <c r="KS19" s="119">
        <v>491711</v>
      </c>
      <c r="KT19" s="119">
        <v>0</v>
      </c>
      <c r="KU19" s="119">
        <v>263727</v>
      </c>
      <c r="KV19" s="119">
        <v>0</v>
      </c>
      <c r="KW19" s="120">
        <v>755438</v>
      </c>
      <c r="KX19" s="318">
        <v>755438</v>
      </c>
      <c r="KY19" s="142">
        <v>0</v>
      </c>
      <c r="KZ19" s="119">
        <v>0</v>
      </c>
      <c r="LA19" s="120">
        <v>0</v>
      </c>
      <c r="LB19" s="145"/>
      <c r="LC19" s="119">
        <v>0</v>
      </c>
      <c r="LD19" s="119">
        <v>0</v>
      </c>
      <c r="LE19" s="119">
        <v>0</v>
      </c>
      <c r="LF19" s="119">
        <v>436320</v>
      </c>
      <c r="LG19" s="119">
        <v>0</v>
      </c>
      <c r="LH19" s="120">
        <v>436320</v>
      </c>
      <c r="LI19" s="121">
        <v>436320</v>
      </c>
      <c r="LJ19" s="142">
        <v>0</v>
      </c>
      <c r="LK19" s="119">
        <v>0</v>
      </c>
      <c r="LL19" s="120">
        <v>0</v>
      </c>
      <c r="LM19" s="145"/>
      <c r="LN19" s="119">
        <v>0</v>
      </c>
      <c r="LO19" s="119">
        <v>0</v>
      </c>
      <c r="LP19" s="119">
        <v>0</v>
      </c>
      <c r="LQ19" s="119">
        <v>0</v>
      </c>
      <c r="LR19" s="119">
        <v>0</v>
      </c>
      <c r="LS19" s="120">
        <v>0</v>
      </c>
      <c r="LT19" s="318">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855703</v>
      </c>
      <c r="MK19" s="119">
        <v>624283</v>
      </c>
      <c r="ML19" s="119">
        <v>2009660</v>
      </c>
      <c r="MM19" s="119">
        <v>3634228</v>
      </c>
      <c r="MN19" s="119">
        <v>2704892</v>
      </c>
      <c r="MO19" s="120">
        <v>9828766</v>
      </c>
      <c r="MP19" s="143">
        <v>9828766</v>
      </c>
      <c r="MQ19" s="142">
        <v>0</v>
      </c>
      <c r="MR19" s="119">
        <v>0</v>
      </c>
      <c r="MS19" s="120">
        <v>0</v>
      </c>
      <c r="MT19" s="145"/>
      <c r="MU19" s="119">
        <v>0</v>
      </c>
      <c r="MV19" s="119">
        <v>0</v>
      </c>
      <c r="MW19" s="119">
        <v>688656</v>
      </c>
      <c r="MX19" s="119">
        <v>3285000</v>
      </c>
      <c r="MY19" s="119">
        <v>1339374</v>
      </c>
      <c r="MZ19" s="120">
        <v>5313030</v>
      </c>
      <c r="NA19" s="143">
        <v>5313030</v>
      </c>
      <c r="NB19" s="142">
        <v>0</v>
      </c>
      <c r="NC19" s="119">
        <v>0</v>
      </c>
      <c r="ND19" s="120">
        <v>0</v>
      </c>
      <c r="NE19" s="145"/>
      <c r="NF19" s="119">
        <v>855703</v>
      </c>
      <c r="NG19" s="119">
        <v>624283</v>
      </c>
      <c r="NH19" s="119">
        <v>1321004</v>
      </c>
      <c r="NI19" s="119">
        <v>349228</v>
      </c>
      <c r="NJ19" s="119">
        <v>1365518</v>
      </c>
      <c r="NK19" s="120">
        <v>4515736</v>
      </c>
      <c r="NL19" s="318">
        <v>4515736</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62683</v>
      </c>
      <c r="OJ19" s="119">
        <v>185068</v>
      </c>
      <c r="OK19" s="141">
        <v>347751</v>
      </c>
      <c r="OL19" s="118">
        <v>0</v>
      </c>
      <c r="OM19" s="119">
        <v>4715716</v>
      </c>
      <c r="ON19" s="119">
        <v>6481160</v>
      </c>
      <c r="OO19" s="119">
        <v>6597579</v>
      </c>
      <c r="OP19" s="119">
        <v>9885946</v>
      </c>
      <c r="OQ19" s="119">
        <v>6991773</v>
      </c>
      <c r="OR19" s="120">
        <v>34672174</v>
      </c>
      <c r="OS19" s="143">
        <v>35019925</v>
      </c>
    </row>
    <row r="20" spans="2:409" ht="21" customHeight="1" x14ac:dyDescent="0.2">
      <c r="B20" s="126" t="s">
        <v>15</v>
      </c>
      <c r="C20" s="110">
        <v>123170</v>
      </c>
      <c r="D20" s="114">
        <v>360438</v>
      </c>
      <c r="E20" s="113">
        <v>483608</v>
      </c>
      <c r="F20" s="109">
        <v>0</v>
      </c>
      <c r="G20" s="114">
        <v>1817474</v>
      </c>
      <c r="H20" s="114">
        <v>2036647</v>
      </c>
      <c r="I20" s="114">
        <v>2553420</v>
      </c>
      <c r="J20" s="114">
        <v>1712154</v>
      </c>
      <c r="K20" s="114">
        <v>1441617</v>
      </c>
      <c r="L20" s="109">
        <v>9561312</v>
      </c>
      <c r="M20" s="116">
        <v>10044920</v>
      </c>
      <c r="N20" s="110">
        <v>0</v>
      </c>
      <c r="O20" s="114">
        <v>34708</v>
      </c>
      <c r="P20" s="113">
        <v>34708</v>
      </c>
      <c r="Q20" s="110">
        <v>0</v>
      </c>
      <c r="R20" s="114">
        <v>303564</v>
      </c>
      <c r="S20" s="114">
        <v>593081</v>
      </c>
      <c r="T20" s="114">
        <v>731620</v>
      </c>
      <c r="U20" s="114">
        <v>741913</v>
      </c>
      <c r="V20" s="114">
        <v>374957</v>
      </c>
      <c r="W20" s="113">
        <v>2745135</v>
      </c>
      <c r="X20" s="116">
        <v>2779843</v>
      </c>
      <c r="Y20" s="110">
        <v>0</v>
      </c>
      <c r="Z20" s="114">
        <v>0</v>
      </c>
      <c r="AA20" s="113">
        <v>0</v>
      </c>
      <c r="AB20" s="110">
        <v>0</v>
      </c>
      <c r="AC20" s="114">
        <v>21437</v>
      </c>
      <c r="AD20" s="114">
        <v>361787</v>
      </c>
      <c r="AE20" s="114">
        <v>448716</v>
      </c>
      <c r="AF20" s="114">
        <v>442726</v>
      </c>
      <c r="AG20" s="114">
        <v>289608</v>
      </c>
      <c r="AH20" s="113">
        <v>1564274</v>
      </c>
      <c r="AI20" s="116">
        <v>1564274</v>
      </c>
      <c r="AJ20" s="110">
        <v>0</v>
      </c>
      <c r="AK20" s="114">
        <v>0</v>
      </c>
      <c r="AL20" s="113">
        <v>0</v>
      </c>
      <c r="AM20" s="110">
        <v>0</v>
      </c>
      <c r="AN20" s="114">
        <v>0</v>
      </c>
      <c r="AO20" s="114">
        <v>0</v>
      </c>
      <c r="AP20" s="114">
        <v>0</v>
      </c>
      <c r="AQ20" s="114">
        <v>46763</v>
      </c>
      <c r="AR20" s="114">
        <v>0</v>
      </c>
      <c r="AS20" s="113">
        <v>46763</v>
      </c>
      <c r="AT20" s="116">
        <v>46763</v>
      </c>
      <c r="AU20" s="110">
        <v>0</v>
      </c>
      <c r="AV20" s="114">
        <v>23796</v>
      </c>
      <c r="AW20" s="113">
        <v>23796</v>
      </c>
      <c r="AX20" s="110">
        <v>0</v>
      </c>
      <c r="AY20" s="114">
        <v>135879</v>
      </c>
      <c r="AZ20" s="114">
        <v>139104</v>
      </c>
      <c r="BA20" s="114">
        <v>162008</v>
      </c>
      <c r="BB20" s="114">
        <v>181856</v>
      </c>
      <c r="BC20" s="114">
        <v>40094</v>
      </c>
      <c r="BD20" s="113">
        <v>658941</v>
      </c>
      <c r="BE20" s="116">
        <v>682737</v>
      </c>
      <c r="BF20" s="110">
        <v>0</v>
      </c>
      <c r="BG20" s="114">
        <v>0</v>
      </c>
      <c r="BH20" s="112">
        <v>0</v>
      </c>
      <c r="BI20" s="111">
        <v>0</v>
      </c>
      <c r="BJ20" s="114">
        <v>16280</v>
      </c>
      <c r="BK20" s="114">
        <v>46558</v>
      </c>
      <c r="BL20" s="114">
        <v>0</v>
      </c>
      <c r="BM20" s="114">
        <v>0</v>
      </c>
      <c r="BN20" s="114">
        <v>23279</v>
      </c>
      <c r="BO20" s="113">
        <v>86117</v>
      </c>
      <c r="BP20" s="116">
        <v>86117</v>
      </c>
      <c r="BQ20" s="110">
        <v>0</v>
      </c>
      <c r="BR20" s="114">
        <v>10912</v>
      </c>
      <c r="BS20" s="113">
        <v>10912</v>
      </c>
      <c r="BT20" s="110">
        <v>0</v>
      </c>
      <c r="BU20" s="114">
        <v>129968</v>
      </c>
      <c r="BV20" s="114">
        <v>45632</v>
      </c>
      <c r="BW20" s="114">
        <v>120896</v>
      </c>
      <c r="BX20" s="114">
        <v>70568</v>
      </c>
      <c r="BY20" s="114">
        <v>21976</v>
      </c>
      <c r="BZ20" s="113">
        <v>389040</v>
      </c>
      <c r="CA20" s="116">
        <v>399952</v>
      </c>
      <c r="CB20" s="110">
        <v>0</v>
      </c>
      <c r="CC20" s="114">
        <v>0</v>
      </c>
      <c r="CD20" s="113">
        <v>0</v>
      </c>
      <c r="CE20" s="110">
        <v>0</v>
      </c>
      <c r="CF20" s="114">
        <v>345319</v>
      </c>
      <c r="CG20" s="114">
        <v>332737</v>
      </c>
      <c r="CH20" s="114">
        <v>634862</v>
      </c>
      <c r="CI20" s="114">
        <v>187985</v>
      </c>
      <c r="CJ20" s="114">
        <v>31383</v>
      </c>
      <c r="CK20" s="113">
        <v>1532286</v>
      </c>
      <c r="CL20" s="116">
        <v>1532286</v>
      </c>
      <c r="CM20" s="110">
        <v>0</v>
      </c>
      <c r="CN20" s="114">
        <v>0</v>
      </c>
      <c r="CO20" s="113">
        <v>0</v>
      </c>
      <c r="CP20" s="111">
        <v>0</v>
      </c>
      <c r="CQ20" s="114">
        <v>258019</v>
      </c>
      <c r="CR20" s="114">
        <v>124198</v>
      </c>
      <c r="CS20" s="114">
        <v>399729</v>
      </c>
      <c r="CT20" s="114">
        <v>92462</v>
      </c>
      <c r="CU20" s="114">
        <v>31383</v>
      </c>
      <c r="CV20" s="113">
        <v>905791</v>
      </c>
      <c r="CW20" s="116">
        <v>905791</v>
      </c>
      <c r="CX20" s="110">
        <v>0</v>
      </c>
      <c r="CY20" s="114">
        <v>0</v>
      </c>
      <c r="CZ20" s="113">
        <v>0</v>
      </c>
      <c r="DA20" s="110">
        <v>0</v>
      </c>
      <c r="DB20" s="114">
        <v>87300</v>
      </c>
      <c r="DC20" s="114">
        <v>208539</v>
      </c>
      <c r="DD20" s="114">
        <v>235133</v>
      </c>
      <c r="DE20" s="114">
        <v>95523</v>
      </c>
      <c r="DF20" s="114">
        <v>0</v>
      </c>
      <c r="DG20" s="113">
        <v>626495</v>
      </c>
      <c r="DH20" s="116">
        <v>626495</v>
      </c>
      <c r="DI20" s="110">
        <v>0</v>
      </c>
      <c r="DJ20" s="114">
        <v>0</v>
      </c>
      <c r="DK20" s="112">
        <v>0</v>
      </c>
      <c r="DL20" s="111">
        <v>0</v>
      </c>
      <c r="DM20" s="114">
        <v>16312</v>
      </c>
      <c r="DN20" s="114">
        <v>87498</v>
      </c>
      <c r="DO20" s="114">
        <v>276768</v>
      </c>
      <c r="DP20" s="114">
        <v>255150</v>
      </c>
      <c r="DQ20" s="114">
        <v>736531</v>
      </c>
      <c r="DR20" s="113">
        <v>1372259</v>
      </c>
      <c r="DS20" s="116">
        <v>1372259</v>
      </c>
      <c r="DT20" s="110">
        <v>0</v>
      </c>
      <c r="DU20" s="114">
        <v>0</v>
      </c>
      <c r="DV20" s="113">
        <v>0</v>
      </c>
      <c r="DW20" s="110">
        <v>0</v>
      </c>
      <c r="DX20" s="114">
        <v>16312</v>
      </c>
      <c r="DY20" s="114">
        <v>87498</v>
      </c>
      <c r="DZ20" s="114">
        <v>276768</v>
      </c>
      <c r="EA20" s="114">
        <v>255150</v>
      </c>
      <c r="EB20" s="114">
        <v>736531</v>
      </c>
      <c r="EC20" s="113">
        <v>1372259</v>
      </c>
      <c r="ED20" s="116">
        <v>1372259</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5"/>
      <c r="FE20" s="114">
        <v>0</v>
      </c>
      <c r="FF20" s="114">
        <v>0</v>
      </c>
      <c r="FG20" s="114">
        <v>0</v>
      </c>
      <c r="FH20" s="114">
        <v>0</v>
      </c>
      <c r="FI20" s="114">
        <v>0</v>
      </c>
      <c r="FJ20" s="113">
        <v>0</v>
      </c>
      <c r="FK20" s="116">
        <v>0</v>
      </c>
      <c r="FL20" s="110">
        <v>1600</v>
      </c>
      <c r="FM20" s="114">
        <v>27520</v>
      </c>
      <c r="FN20" s="113">
        <v>29120</v>
      </c>
      <c r="FO20" s="110">
        <v>0</v>
      </c>
      <c r="FP20" s="114">
        <v>54820</v>
      </c>
      <c r="FQ20" s="114">
        <v>292504</v>
      </c>
      <c r="FR20" s="114">
        <v>107840</v>
      </c>
      <c r="FS20" s="114">
        <v>246384</v>
      </c>
      <c r="FT20" s="114">
        <v>54600</v>
      </c>
      <c r="FU20" s="113">
        <v>756148</v>
      </c>
      <c r="FV20" s="116">
        <v>785268</v>
      </c>
      <c r="FW20" s="115">
        <v>1600</v>
      </c>
      <c r="FX20" s="114">
        <v>27520</v>
      </c>
      <c r="FY20" s="112">
        <v>29120</v>
      </c>
      <c r="FZ20" s="111">
        <v>0</v>
      </c>
      <c r="GA20" s="114">
        <v>40960</v>
      </c>
      <c r="GB20" s="114">
        <v>132504</v>
      </c>
      <c r="GC20" s="114">
        <v>107840</v>
      </c>
      <c r="GD20" s="114">
        <v>172224</v>
      </c>
      <c r="GE20" s="114">
        <v>54600</v>
      </c>
      <c r="GF20" s="113">
        <v>508128</v>
      </c>
      <c r="GG20" s="316">
        <v>537248</v>
      </c>
      <c r="GH20" s="115">
        <v>0</v>
      </c>
      <c r="GI20" s="114">
        <v>0</v>
      </c>
      <c r="GJ20" s="112">
        <v>0</v>
      </c>
      <c r="GK20" s="111">
        <v>0</v>
      </c>
      <c r="GL20" s="114">
        <v>13860</v>
      </c>
      <c r="GM20" s="114">
        <v>0</v>
      </c>
      <c r="GN20" s="114">
        <v>0</v>
      </c>
      <c r="GO20" s="114">
        <v>0</v>
      </c>
      <c r="GP20" s="114">
        <v>0</v>
      </c>
      <c r="GQ20" s="113">
        <v>13860</v>
      </c>
      <c r="GR20" s="116">
        <v>13860</v>
      </c>
      <c r="GS20" s="110">
        <v>0</v>
      </c>
      <c r="GT20" s="114">
        <v>0</v>
      </c>
      <c r="GU20" s="113">
        <v>0</v>
      </c>
      <c r="GV20" s="110">
        <v>0</v>
      </c>
      <c r="GW20" s="114">
        <v>0</v>
      </c>
      <c r="GX20" s="114">
        <v>160000</v>
      </c>
      <c r="GY20" s="114">
        <v>0</v>
      </c>
      <c r="GZ20" s="114">
        <v>74160</v>
      </c>
      <c r="HA20" s="114">
        <v>0</v>
      </c>
      <c r="HB20" s="112">
        <v>234160</v>
      </c>
      <c r="HC20" s="116">
        <v>234160</v>
      </c>
      <c r="HD20" s="110">
        <v>121570</v>
      </c>
      <c r="HE20" s="114">
        <v>298210</v>
      </c>
      <c r="HF20" s="112">
        <v>419780</v>
      </c>
      <c r="HG20" s="111">
        <v>0</v>
      </c>
      <c r="HH20" s="114">
        <v>1097459</v>
      </c>
      <c r="HI20" s="114">
        <v>730827</v>
      </c>
      <c r="HJ20" s="114">
        <v>802330</v>
      </c>
      <c r="HK20" s="114">
        <v>280722</v>
      </c>
      <c r="HL20" s="114">
        <v>244146</v>
      </c>
      <c r="HM20" s="113">
        <v>3155484</v>
      </c>
      <c r="HN20" s="109">
        <v>3575264</v>
      </c>
      <c r="HO20" s="326"/>
      <c r="HP20" s="327"/>
      <c r="HQ20" s="328"/>
      <c r="HR20" s="329"/>
      <c r="HS20" s="327"/>
      <c r="HT20" s="327"/>
      <c r="HU20" s="327"/>
      <c r="HV20" s="327"/>
      <c r="HW20" s="327"/>
      <c r="HX20" s="330"/>
      <c r="HY20" s="331"/>
      <c r="HZ20" s="150">
        <v>0</v>
      </c>
      <c r="IA20" s="135">
        <v>0</v>
      </c>
      <c r="IB20" s="150">
        <v>0</v>
      </c>
      <c r="IC20" s="134">
        <v>0</v>
      </c>
      <c r="ID20" s="135">
        <v>887041</v>
      </c>
      <c r="IE20" s="136">
        <v>465584</v>
      </c>
      <c r="IF20" s="137">
        <v>608629</v>
      </c>
      <c r="IG20" s="135">
        <v>1217221</v>
      </c>
      <c r="IH20" s="137">
        <v>387578</v>
      </c>
      <c r="II20" s="138">
        <v>3566053</v>
      </c>
      <c r="IJ20" s="150">
        <v>3566053</v>
      </c>
      <c r="IK20" s="232">
        <v>0</v>
      </c>
      <c r="IL20" s="236">
        <v>0</v>
      </c>
      <c r="IM20" s="237">
        <v>0</v>
      </c>
      <c r="IN20" s="140"/>
      <c r="IO20" s="119">
        <v>100048</v>
      </c>
      <c r="IP20" s="119">
        <v>0</v>
      </c>
      <c r="IQ20" s="119">
        <v>0</v>
      </c>
      <c r="IR20" s="119">
        <v>0</v>
      </c>
      <c r="IS20" s="119">
        <v>0</v>
      </c>
      <c r="IT20" s="141">
        <v>100048</v>
      </c>
      <c r="IU20" s="318">
        <v>100048</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319570</v>
      </c>
      <c r="JL20" s="119">
        <v>314692</v>
      </c>
      <c r="JM20" s="119">
        <v>353309</v>
      </c>
      <c r="JN20" s="119">
        <v>127477</v>
      </c>
      <c r="JO20" s="119">
        <v>117297</v>
      </c>
      <c r="JP20" s="120">
        <v>1232345</v>
      </c>
      <c r="JQ20" s="318">
        <v>1232345</v>
      </c>
      <c r="JR20" s="142">
        <v>0</v>
      </c>
      <c r="JS20" s="119">
        <v>0</v>
      </c>
      <c r="JT20" s="141">
        <v>0</v>
      </c>
      <c r="JU20" s="118">
        <v>0</v>
      </c>
      <c r="JV20" s="119">
        <v>0</v>
      </c>
      <c r="JW20" s="119">
        <v>0</v>
      </c>
      <c r="JX20" s="119">
        <v>0</v>
      </c>
      <c r="JY20" s="119">
        <v>53203</v>
      </c>
      <c r="JZ20" s="119">
        <v>0</v>
      </c>
      <c r="KA20" s="120">
        <v>53203</v>
      </c>
      <c r="KB20" s="318">
        <v>53203</v>
      </c>
      <c r="KC20" s="234">
        <v>0</v>
      </c>
      <c r="KD20" s="230">
        <v>0</v>
      </c>
      <c r="KE20" s="120">
        <v>0</v>
      </c>
      <c r="KF20" s="118">
        <v>0</v>
      </c>
      <c r="KG20" s="119">
        <v>0</v>
      </c>
      <c r="KH20" s="119">
        <v>150892</v>
      </c>
      <c r="KI20" s="119">
        <v>0</v>
      </c>
      <c r="KJ20" s="119">
        <v>766317</v>
      </c>
      <c r="KK20" s="119">
        <v>270281</v>
      </c>
      <c r="KL20" s="120">
        <v>1187490</v>
      </c>
      <c r="KM20" s="143">
        <v>1187490</v>
      </c>
      <c r="KN20" s="232">
        <v>0</v>
      </c>
      <c r="KO20" s="236">
        <v>0</v>
      </c>
      <c r="KP20" s="237">
        <v>0</v>
      </c>
      <c r="KQ20" s="140"/>
      <c r="KR20" s="119">
        <v>467423</v>
      </c>
      <c r="KS20" s="119">
        <v>0</v>
      </c>
      <c r="KT20" s="119">
        <v>255320</v>
      </c>
      <c r="KU20" s="119">
        <v>0</v>
      </c>
      <c r="KV20" s="119">
        <v>0</v>
      </c>
      <c r="KW20" s="120">
        <v>722743</v>
      </c>
      <c r="KX20" s="318">
        <v>722743</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270224</v>
      </c>
      <c r="LR20" s="119">
        <v>0</v>
      </c>
      <c r="LS20" s="120">
        <v>270224</v>
      </c>
      <c r="LT20" s="318">
        <v>270224</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518108</v>
      </c>
      <c r="ML20" s="119">
        <v>511213</v>
      </c>
      <c r="MM20" s="119">
        <v>2973488</v>
      </c>
      <c r="MN20" s="119">
        <v>1059200</v>
      </c>
      <c r="MO20" s="120">
        <v>5062009</v>
      </c>
      <c r="MP20" s="143">
        <v>5062009</v>
      </c>
      <c r="MQ20" s="142">
        <v>0</v>
      </c>
      <c r="MR20" s="119">
        <v>0</v>
      </c>
      <c r="MS20" s="120">
        <v>0</v>
      </c>
      <c r="MT20" s="145"/>
      <c r="MU20" s="119">
        <v>0</v>
      </c>
      <c r="MV20" s="119">
        <v>0</v>
      </c>
      <c r="MW20" s="119">
        <v>259017</v>
      </c>
      <c r="MX20" s="119">
        <v>1748754</v>
      </c>
      <c r="MY20" s="119">
        <v>592340</v>
      </c>
      <c r="MZ20" s="120">
        <v>2600111</v>
      </c>
      <c r="NA20" s="143">
        <v>2600111</v>
      </c>
      <c r="NB20" s="142">
        <v>0</v>
      </c>
      <c r="NC20" s="119">
        <v>0</v>
      </c>
      <c r="ND20" s="120">
        <v>0</v>
      </c>
      <c r="NE20" s="145"/>
      <c r="NF20" s="119">
        <v>0</v>
      </c>
      <c r="NG20" s="119">
        <v>518108</v>
      </c>
      <c r="NH20" s="119">
        <v>252196</v>
      </c>
      <c r="NI20" s="119">
        <v>1224734</v>
      </c>
      <c r="NJ20" s="119">
        <v>466860</v>
      </c>
      <c r="NK20" s="120">
        <v>2461898</v>
      </c>
      <c r="NL20" s="318">
        <v>2461898</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123170</v>
      </c>
      <c r="OJ20" s="119">
        <v>360438</v>
      </c>
      <c r="OK20" s="141">
        <v>483608</v>
      </c>
      <c r="OL20" s="118">
        <v>0</v>
      </c>
      <c r="OM20" s="119">
        <v>2704515</v>
      </c>
      <c r="ON20" s="119">
        <v>3020339</v>
      </c>
      <c r="OO20" s="119">
        <v>3673262</v>
      </c>
      <c r="OP20" s="119">
        <v>5902863</v>
      </c>
      <c r="OQ20" s="119">
        <v>2888395</v>
      </c>
      <c r="OR20" s="120">
        <v>18189374</v>
      </c>
      <c r="OS20" s="143">
        <v>18672982</v>
      </c>
    </row>
    <row r="21" spans="2:409" ht="21" customHeight="1" x14ac:dyDescent="0.2">
      <c r="B21" s="126" t="s">
        <v>16</v>
      </c>
      <c r="C21" s="110">
        <v>365871</v>
      </c>
      <c r="D21" s="114">
        <v>610964</v>
      </c>
      <c r="E21" s="113">
        <v>976835</v>
      </c>
      <c r="F21" s="109">
        <v>0</v>
      </c>
      <c r="G21" s="114">
        <v>5392383</v>
      </c>
      <c r="H21" s="114">
        <v>6819698</v>
      </c>
      <c r="I21" s="114">
        <v>3546664</v>
      </c>
      <c r="J21" s="114">
        <v>7135553</v>
      </c>
      <c r="K21" s="114">
        <v>1853564</v>
      </c>
      <c r="L21" s="109">
        <v>24747862</v>
      </c>
      <c r="M21" s="116">
        <v>25724697</v>
      </c>
      <c r="N21" s="110">
        <v>114173</v>
      </c>
      <c r="O21" s="114">
        <v>268458</v>
      </c>
      <c r="P21" s="113">
        <v>382631</v>
      </c>
      <c r="Q21" s="110">
        <v>0</v>
      </c>
      <c r="R21" s="114">
        <v>1262886</v>
      </c>
      <c r="S21" s="114">
        <v>993362</v>
      </c>
      <c r="T21" s="114">
        <v>775155</v>
      </c>
      <c r="U21" s="114">
        <v>2065645</v>
      </c>
      <c r="V21" s="114">
        <v>802258</v>
      </c>
      <c r="W21" s="113">
        <v>5899306</v>
      </c>
      <c r="X21" s="116">
        <v>6281937</v>
      </c>
      <c r="Y21" s="110">
        <v>0</v>
      </c>
      <c r="Z21" s="114">
        <v>0</v>
      </c>
      <c r="AA21" s="113">
        <v>0</v>
      </c>
      <c r="AB21" s="110">
        <v>0</v>
      </c>
      <c r="AC21" s="114">
        <v>374614</v>
      </c>
      <c r="AD21" s="114">
        <v>307079</v>
      </c>
      <c r="AE21" s="114">
        <v>183391</v>
      </c>
      <c r="AF21" s="114">
        <v>420977</v>
      </c>
      <c r="AG21" s="114">
        <v>347342</v>
      </c>
      <c r="AH21" s="113">
        <v>1633403</v>
      </c>
      <c r="AI21" s="116">
        <v>1633403</v>
      </c>
      <c r="AJ21" s="110">
        <v>0</v>
      </c>
      <c r="AK21" s="114">
        <v>0</v>
      </c>
      <c r="AL21" s="113">
        <v>0</v>
      </c>
      <c r="AM21" s="110">
        <v>0</v>
      </c>
      <c r="AN21" s="114">
        <v>0</v>
      </c>
      <c r="AO21" s="114">
        <v>0</v>
      </c>
      <c r="AP21" s="114">
        <v>13195</v>
      </c>
      <c r="AQ21" s="114">
        <v>56926</v>
      </c>
      <c r="AR21" s="114">
        <v>148122</v>
      </c>
      <c r="AS21" s="113">
        <v>218243</v>
      </c>
      <c r="AT21" s="116">
        <v>218243</v>
      </c>
      <c r="AU21" s="110">
        <v>64117</v>
      </c>
      <c r="AV21" s="114">
        <v>195700</v>
      </c>
      <c r="AW21" s="113">
        <v>259817</v>
      </c>
      <c r="AX21" s="110">
        <v>0</v>
      </c>
      <c r="AY21" s="114">
        <v>644984</v>
      </c>
      <c r="AZ21" s="114">
        <v>391553</v>
      </c>
      <c r="BA21" s="114">
        <v>352737</v>
      </c>
      <c r="BB21" s="114">
        <v>1221270</v>
      </c>
      <c r="BC21" s="114">
        <v>145378</v>
      </c>
      <c r="BD21" s="113">
        <v>2755922</v>
      </c>
      <c r="BE21" s="116">
        <v>3015739</v>
      </c>
      <c r="BF21" s="110">
        <v>0</v>
      </c>
      <c r="BG21" s="114">
        <v>65606</v>
      </c>
      <c r="BH21" s="112">
        <v>65606</v>
      </c>
      <c r="BI21" s="111">
        <v>0</v>
      </c>
      <c r="BJ21" s="114">
        <v>0</v>
      </c>
      <c r="BK21" s="114">
        <v>94522</v>
      </c>
      <c r="BL21" s="114">
        <v>0</v>
      </c>
      <c r="BM21" s="114">
        <v>0</v>
      </c>
      <c r="BN21" s="114">
        <v>0</v>
      </c>
      <c r="BO21" s="113">
        <v>94522</v>
      </c>
      <c r="BP21" s="116">
        <v>160128</v>
      </c>
      <c r="BQ21" s="110">
        <v>50056</v>
      </c>
      <c r="BR21" s="114">
        <v>7152</v>
      </c>
      <c r="BS21" s="113">
        <v>57208</v>
      </c>
      <c r="BT21" s="110">
        <v>0</v>
      </c>
      <c r="BU21" s="114">
        <v>243288</v>
      </c>
      <c r="BV21" s="114">
        <v>200208</v>
      </c>
      <c r="BW21" s="114">
        <v>225832</v>
      </c>
      <c r="BX21" s="114">
        <v>366472</v>
      </c>
      <c r="BY21" s="114">
        <v>161416</v>
      </c>
      <c r="BZ21" s="113">
        <v>1197216</v>
      </c>
      <c r="CA21" s="116">
        <v>1254424</v>
      </c>
      <c r="CB21" s="110">
        <v>42145</v>
      </c>
      <c r="CC21" s="114">
        <v>153120</v>
      </c>
      <c r="CD21" s="113">
        <v>195265</v>
      </c>
      <c r="CE21" s="110">
        <v>0</v>
      </c>
      <c r="CF21" s="114">
        <v>2202865</v>
      </c>
      <c r="CG21" s="114">
        <v>3277621</v>
      </c>
      <c r="CH21" s="114">
        <v>726325</v>
      </c>
      <c r="CI21" s="114">
        <v>791389</v>
      </c>
      <c r="CJ21" s="114">
        <v>52796</v>
      </c>
      <c r="CK21" s="113">
        <v>7050996</v>
      </c>
      <c r="CL21" s="116">
        <v>7246261</v>
      </c>
      <c r="CM21" s="110">
        <v>0</v>
      </c>
      <c r="CN21" s="114">
        <v>0</v>
      </c>
      <c r="CO21" s="113">
        <v>0</v>
      </c>
      <c r="CP21" s="111">
        <v>0</v>
      </c>
      <c r="CQ21" s="114">
        <v>1163633</v>
      </c>
      <c r="CR21" s="114">
        <v>1435913</v>
      </c>
      <c r="CS21" s="114">
        <v>413974</v>
      </c>
      <c r="CT21" s="114">
        <v>594501</v>
      </c>
      <c r="CU21" s="114">
        <v>52796</v>
      </c>
      <c r="CV21" s="113">
        <v>3660817</v>
      </c>
      <c r="CW21" s="116">
        <v>3660817</v>
      </c>
      <c r="CX21" s="110">
        <v>42145</v>
      </c>
      <c r="CY21" s="114">
        <v>153120</v>
      </c>
      <c r="CZ21" s="113">
        <v>195265</v>
      </c>
      <c r="DA21" s="110">
        <v>0</v>
      </c>
      <c r="DB21" s="114">
        <v>1039232</v>
      </c>
      <c r="DC21" s="114">
        <v>1841708</v>
      </c>
      <c r="DD21" s="114">
        <v>312351</v>
      </c>
      <c r="DE21" s="114">
        <v>196888</v>
      </c>
      <c r="DF21" s="114">
        <v>0</v>
      </c>
      <c r="DG21" s="113">
        <v>3390179</v>
      </c>
      <c r="DH21" s="116">
        <v>3585444</v>
      </c>
      <c r="DI21" s="110">
        <v>0</v>
      </c>
      <c r="DJ21" s="114">
        <v>0</v>
      </c>
      <c r="DK21" s="112">
        <v>0</v>
      </c>
      <c r="DL21" s="111">
        <v>0</v>
      </c>
      <c r="DM21" s="114">
        <v>48943</v>
      </c>
      <c r="DN21" s="114">
        <v>189817</v>
      </c>
      <c r="DO21" s="114">
        <v>174617</v>
      </c>
      <c r="DP21" s="114">
        <v>531530</v>
      </c>
      <c r="DQ21" s="114">
        <v>0</v>
      </c>
      <c r="DR21" s="113">
        <v>944907</v>
      </c>
      <c r="DS21" s="116">
        <v>944907</v>
      </c>
      <c r="DT21" s="110">
        <v>0</v>
      </c>
      <c r="DU21" s="114">
        <v>0</v>
      </c>
      <c r="DV21" s="113">
        <v>0</v>
      </c>
      <c r="DW21" s="110">
        <v>0</v>
      </c>
      <c r="DX21" s="114">
        <v>30080</v>
      </c>
      <c r="DY21" s="114">
        <v>118965</v>
      </c>
      <c r="DZ21" s="114">
        <v>174617</v>
      </c>
      <c r="EA21" s="114">
        <v>498002</v>
      </c>
      <c r="EB21" s="114">
        <v>0</v>
      </c>
      <c r="EC21" s="113">
        <v>821664</v>
      </c>
      <c r="ED21" s="116">
        <v>821664</v>
      </c>
      <c r="EE21" s="110">
        <v>0</v>
      </c>
      <c r="EF21" s="112">
        <v>0</v>
      </c>
      <c r="EG21" s="113">
        <v>0</v>
      </c>
      <c r="EH21" s="110">
        <v>0</v>
      </c>
      <c r="EI21" s="114">
        <v>18863</v>
      </c>
      <c r="EJ21" s="114">
        <v>70852</v>
      </c>
      <c r="EK21" s="114">
        <v>0</v>
      </c>
      <c r="EL21" s="114">
        <v>33528</v>
      </c>
      <c r="EM21" s="114">
        <v>0</v>
      </c>
      <c r="EN21" s="112">
        <v>123243</v>
      </c>
      <c r="EO21" s="116">
        <v>123243</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5"/>
      <c r="FE21" s="114">
        <v>0</v>
      </c>
      <c r="FF21" s="114">
        <v>0</v>
      </c>
      <c r="FG21" s="114">
        <v>0</v>
      </c>
      <c r="FH21" s="114">
        <v>0</v>
      </c>
      <c r="FI21" s="114">
        <v>0</v>
      </c>
      <c r="FJ21" s="113">
        <v>0</v>
      </c>
      <c r="FK21" s="116">
        <v>0</v>
      </c>
      <c r="FL21" s="110">
        <v>37992</v>
      </c>
      <c r="FM21" s="114">
        <v>93440</v>
      </c>
      <c r="FN21" s="113">
        <v>131432</v>
      </c>
      <c r="FO21" s="110">
        <v>0</v>
      </c>
      <c r="FP21" s="114">
        <v>146400</v>
      </c>
      <c r="FQ21" s="114">
        <v>531408</v>
      </c>
      <c r="FR21" s="114">
        <v>284768</v>
      </c>
      <c r="FS21" s="114">
        <v>493112</v>
      </c>
      <c r="FT21" s="114">
        <v>131166</v>
      </c>
      <c r="FU21" s="113">
        <v>1586854</v>
      </c>
      <c r="FV21" s="116">
        <v>1718286</v>
      </c>
      <c r="FW21" s="115">
        <v>37992</v>
      </c>
      <c r="FX21" s="114">
        <v>93440</v>
      </c>
      <c r="FY21" s="112">
        <v>131432</v>
      </c>
      <c r="FZ21" s="111">
        <v>0</v>
      </c>
      <c r="GA21" s="114">
        <v>146400</v>
      </c>
      <c r="GB21" s="114">
        <v>477008</v>
      </c>
      <c r="GC21" s="114">
        <v>258368</v>
      </c>
      <c r="GD21" s="114">
        <v>442600</v>
      </c>
      <c r="GE21" s="114">
        <v>121392</v>
      </c>
      <c r="GF21" s="113">
        <v>1445768</v>
      </c>
      <c r="GG21" s="316">
        <v>1577200</v>
      </c>
      <c r="GH21" s="115">
        <v>0</v>
      </c>
      <c r="GI21" s="114">
        <v>0</v>
      </c>
      <c r="GJ21" s="112">
        <v>0</v>
      </c>
      <c r="GK21" s="111">
        <v>0</v>
      </c>
      <c r="GL21" s="114">
        <v>0</v>
      </c>
      <c r="GM21" s="114">
        <v>0</v>
      </c>
      <c r="GN21" s="114">
        <v>26400</v>
      </c>
      <c r="GO21" s="114">
        <v>50512</v>
      </c>
      <c r="GP21" s="114">
        <v>0</v>
      </c>
      <c r="GQ21" s="113">
        <v>76912</v>
      </c>
      <c r="GR21" s="116">
        <v>76912</v>
      </c>
      <c r="GS21" s="110">
        <v>0</v>
      </c>
      <c r="GT21" s="114">
        <v>0</v>
      </c>
      <c r="GU21" s="113">
        <v>0</v>
      </c>
      <c r="GV21" s="110">
        <v>0</v>
      </c>
      <c r="GW21" s="114">
        <v>0</v>
      </c>
      <c r="GX21" s="114">
        <v>54400</v>
      </c>
      <c r="GY21" s="114">
        <v>0</v>
      </c>
      <c r="GZ21" s="114">
        <v>0</v>
      </c>
      <c r="HA21" s="114">
        <v>9774</v>
      </c>
      <c r="HB21" s="112">
        <v>64174</v>
      </c>
      <c r="HC21" s="116">
        <v>64174</v>
      </c>
      <c r="HD21" s="110">
        <v>171561</v>
      </c>
      <c r="HE21" s="114">
        <v>95946</v>
      </c>
      <c r="HF21" s="112">
        <v>267507</v>
      </c>
      <c r="HG21" s="111">
        <v>0</v>
      </c>
      <c r="HH21" s="114">
        <v>1731289</v>
      </c>
      <c r="HI21" s="114">
        <v>1827490</v>
      </c>
      <c r="HJ21" s="114">
        <v>1585799</v>
      </c>
      <c r="HK21" s="114">
        <v>3253877</v>
      </c>
      <c r="HL21" s="114">
        <v>867344</v>
      </c>
      <c r="HM21" s="113">
        <v>9265799</v>
      </c>
      <c r="HN21" s="109">
        <v>9533306</v>
      </c>
      <c r="HO21" s="326"/>
      <c r="HP21" s="327"/>
      <c r="HQ21" s="328"/>
      <c r="HR21" s="329"/>
      <c r="HS21" s="327"/>
      <c r="HT21" s="327"/>
      <c r="HU21" s="327"/>
      <c r="HV21" s="327"/>
      <c r="HW21" s="327"/>
      <c r="HX21" s="330"/>
      <c r="HY21" s="331"/>
      <c r="HZ21" s="131">
        <v>0</v>
      </c>
      <c r="IA21" s="132">
        <v>0</v>
      </c>
      <c r="IB21" s="133">
        <v>0</v>
      </c>
      <c r="IC21" s="146">
        <v>0</v>
      </c>
      <c r="ID21" s="132">
        <v>407995</v>
      </c>
      <c r="IE21" s="147">
        <v>1144055</v>
      </c>
      <c r="IF21" s="133">
        <v>1720031</v>
      </c>
      <c r="IG21" s="132">
        <v>847337</v>
      </c>
      <c r="IH21" s="133">
        <v>524401</v>
      </c>
      <c r="II21" s="148">
        <v>4643819</v>
      </c>
      <c r="IJ21" s="139">
        <v>4643819</v>
      </c>
      <c r="IK21" s="232">
        <v>0</v>
      </c>
      <c r="IL21" s="236">
        <v>0</v>
      </c>
      <c r="IM21" s="237">
        <v>0</v>
      </c>
      <c r="IN21" s="140"/>
      <c r="IO21" s="119">
        <v>0</v>
      </c>
      <c r="IP21" s="119">
        <v>0</v>
      </c>
      <c r="IQ21" s="119">
        <v>150280</v>
      </c>
      <c r="IR21" s="119">
        <v>0</v>
      </c>
      <c r="IS21" s="119">
        <v>0</v>
      </c>
      <c r="IT21" s="141">
        <v>150280</v>
      </c>
      <c r="IU21" s="318">
        <v>150280</v>
      </c>
      <c r="IV21" s="142">
        <v>0</v>
      </c>
      <c r="IW21" s="119">
        <v>0</v>
      </c>
      <c r="IX21" s="120">
        <v>0</v>
      </c>
      <c r="IY21" s="144"/>
      <c r="IZ21" s="119">
        <v>0</v>
      </c>
      <c r="JA21" s="119">
        <v>0</v>
      </c>
      <c r="JB21" s="119">
        <v>16396</v>
      </c>
      <c r="JC21" s="119">
        <v>0</v>
      </c>
      <c r="JD21" s="119">
        <v>0</v>
      </c>
      <c r="JE21" s="120">
        <v>16396</v>
      </c>
      <c r="JF21" s="121">
        <v>16396</v>
      </c>
      <c r="JG21" s="142">
        <v>0</v>
      </c>
      <c r="JH21" s="119">
        <v>0</v>
      </c>
      <c r="JI21" s="141">
        <v>0</v>
      </c>
      <c r="JJ21" s="118">
        <v>0</v>
      </c>
      <c r="JK21" s="119">
        <v>407995</v>
      </c>
      <c r="JL21" s="119">
        <v>488130</v>
      </c>
      <c r="JM21" s="119">
        <v>472906</v>
      </c>
      <c r="JN21" s="119">
        <v>74715</v>
      </c>
      <c r="JO21" s="119">
        <v>0</v>
      </c>
      <c r="JP21" s="120">
        <v>1443746</v>
      </c>
      <c r="JQ21" s="318">
        <v>1443746</v>
      </c>
      <c r="JR21" s="142">
        <v>0</v>
      </c>
      <c r="JS21" s="119">
        <v>0</v>
      </c>
      <c r="JT21" s="141">
        <v>0</v>
      </c>
      <c r="JU21" s="118">
        <v>0</v>
      </c>
      <c r="JV21" s="119">
        <v>0</v>
      </c>
      <c r="JW21" s="119">
        <v>0</v>
      </c>
      <c r="JX21" s="119">
        <v>105340</v>
      </c>
      <c r="JY21" s="119">
        <v>0</v>
      </c>
      <c r="JZ21" s="119">
        <v>0</v>
      </c>
      <c r="KA21" s="120">
        <v>105340</v>
      </c>
      <c r="KB21" s="318">
        <v>105340</v>
      </c>
      <c r="KC21" s="234">
        <v>0</v>
      </c>
      <c r="KD21" s="230">
        <v>0</v>
      </c>
      <c r="KE21" s="120">
        <v>0</v>
      </c>
      <c r="KF21" s="118">
        <v>0</v>
      </c>
      <c r="KG21" s="119">
        <v>0</v>
      </c>
      <c r="KH21" s="119">
        <v>0</v>
      </c>
      <c r="KI21" s="119">
        <v>222987</v>
      </c>
      <c r="KJ21" s="119">
        <v>251745</v>
      </c>
      <c r="KK21" s="119">
        <v>0</v>
      </c>
      <c r="KL21" s="120">
        <v>474732</v>
      </c>
      <c r="KM21" s="143">
        <v>474732</v>
      </c>
      <c r="KN21" s="232">
        <v>0</v>
      </c>
      <c r="KO21" s="236">
        <v>0</v>
      </c>
      <c r="KP21" s="237">
        <v>0</v>
      </c>
      <c r="KQ21" s="140"/>
      <c r="KR21" s="119">
        <v>0</v>
      </c>
      <c r="KS21" s="119">
        <v>487167</v>
      </c>
      <c r="KT21" s="119">
        <v>752122</v>
      </c>
      <c r="KU21" s="119">
        <v>520877</v>
      </c>
      <c r="KV21" s="119">
        <v>524401</v>
      </c>
      <c r="KW21" s="120">
        <v>2284567</v>
      </c>
      <c r="KX21" s="318">
        <v>2284567</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18">
        <v>0</v>
      </c>
      <c r="LU21" s="142">
        <v>0</v>
      </c>
      <c r="LV21" s="119">
        <v>0</v>
      </c>
      <c r="LW21" s="120">
        <v>0</v>
      </c>
      <c r="LX21" s="145"/>
      <c r="LY21" s="119">
        <v>0</v>
      </c>
      <c r="LZ21" s="119">
        <v>168758</v>
      </c>
      <c r="MA21" s="119">
        <v>0</v>
      </c>
      <c r="MB21" s="119">
        <v>0</v>
      </c>
      <c r="MC21" s="119">
        <v>0</v>
      </c>
      <c r="MD21" s="120">
        <v>168758</v>
      </c>
      <c r="ME21" s="121">
        <v>168758</v>
      </c>
      <c r="MF21" s="142">
        <v>0</v>
      </c>
      <c r="MG21" s="119">
        <v>0</v>
      </c>
      <c r="MH21" s="120">
        <v>0</v>
      </c>
      <c r="MI21" s="145"/>
      <c r="MJ21" s="119">
        <v>0</v>
      </c>
      <c r="MK21" s="119">
        <v>1184703</v>
      </c>
      <c r="ML21" s="119">
        <v>2827196</v>
      </c>
      <c r="MM21" s="119">
        <v>5044557</v>
      </c>
      <c r="MN21" s="119">
        <v>1668635</v>
      </c>
      <c r="MO21" s="120">
        <v>10725091</v>
      </c>
      <c r="MP21" s="143">
        <v>10725091</v>
      </c>
      <c r="MQ21" s="142">
        <v>0</v>
      </c>
      <c r="MR21" s="119">
        <v>0</v>
      </c>
      <c r="MS21" s="120">
        <v>0</v>
      </c>
      <c r="MT21" s="145"/>
      <c r="MU21" s="119">
        <v>0</v>
      </c>
      <c r="MV21" s="119">
        <v>212013</v>
      </c>
      <c r="MW21" s="119">
        <v>1440232</v>
      </c>
      <c r="MX21" s="119">
        <v>3180202</v>
      </c>
      <c r="MY21" s="119">
        <v>765040</v>
      </c>
      <c r="MZ21" s="120">
        <v>5597487</v>
      </c>
      <c r="NA21" s="143">
        <v>5597487</v>
      </c>
      <c r="NB21" s="142">
        <v>0</v>
      </c>
      <c r="NC21" s="119">
        <v>0</v>
      </c>
      <c r="ND21" s="120">
        <v>0</v>
      </c>
      <c r="NE21" s="145"/>
      <c r="NF21" s="119">
        <v>0</v>
      </c>
      <c r="NG21" s="119">
        <v>972690</v>
      </c>
      <c r="NH21" s="119">
        <v>1386964</v>
      </c>
      <c r="NI21" s="119">
        <v>1864355</v>
      </c>
      <c r="NJ21" s="119">
        <v>499684</v>
      </c>
      <c r="NK21" s="120">
        <v>4723693</v>
      </c>
      <c r="NL21" s="318">
        <v>4723693</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403911</v>
      </c>
      <c r="OG21" s="120">
        <v>403911</v>
      </c>
      <c r="OH21" s="121">
        <v>403911</v>
      </c>
      <c r="OI21" s="142">
        <v>365871</v>
      </c>
      <c r="OJ21" s="119">
        <v>610964</v>
      </c>
      <c r="OK21" s="141">
        <v>976835</v>
      </c>
      <c r="OL21" s="118">
        <v>0</v>
      </c>
      <c r="OM21" s="119">
        <v>5800378</v>
      </c>
      <c r="ON21" s="119">
        <v>9148456</v>
      </c>
      <c r="OO21" s="119">
        <v>8093891</v>
      </c>
      <c r="OP21" s="119">
        <v>13027447</v>
      </c>
      <c r="OQ21" s="119">
        <v>4046600</v>
      </c>
      <c r="OR21" s="120">
        <v>40116772</v>
      </c>
      <c r="OS21" s="143">
        <v>41093607</v>
      </c>
    </row>
    <row r="22" spans="2:409" ht="21" customHeight="1" x14ac:dyDescent="0.2">
      <c r="B22" s="126" t="s">
        <v>17</v>
      </c>
      <c r="C22" s="110">
        <v>711754</v>
      </c>
      <c r="D22" s="114">
        <v>663087</v>
      </c>
      <c r="E22" s="113">
        <v>1374841</v>
      </c>
      <c r="F22" s="109">
        <v>0</v>
      </c>
      <c r="G22" s="114">
        <v>2919335</v>
      </c>
      <c r="H22" s="114">
        <v>7019769</v>
      </c>
      <c r="I22" s="114">
        <v>5290250</v>
      </c>
      <c r="J22" s="114">
        <v>4864184</v>
      </c>
      <c r="K22" s="114">
        <v>4023114</v>
      </c>
      <c r="L22" s="109">
        <v>24116652</v>
      </c>
      <c r="M22" s="116">
        <v>25491493</v>
      </c>
      <c r="N22" s="110">
        <v>103009</v>
      </c>
      <c r="O22" s="114">
        <v>221494</v>
      </c>
      <c r="P22" s="113">
        <v>324503</v>
      </c>
      <c r="Q22" s="110">
        <v>0</v>
      </c>
      <c r="R22" s="114">
        <v>551995</v>
      </c>
      <c r="S22" s="114">
        <v>1559910</v>
      </c>
      <c r="T22" s="114">
        <v>1711030</v>
      </c>
      <c r="U22" s="114">
        <v>996691</v>
      </c>
      <c r="V22" s="114">
        <v>2429067</v>
      </c>
      <c r="W22" s="113">
        <v>7248693</v>
      </c>
      <c r="X22" s="116">
        <v>7573196</v>
      </c>
      <c r="Y22" s="110">
        <v>0</v>
      </c>
      <c r="Z22" s="114">
        <v>0</v>
      </c>
      <c r="AA22" s="113">
        <v>0</v>
      </c>
      <c r="AB22" s="110">
        <v>0</v>
      </c>
      <c r="AC22" s="114">
        <v>202039</v>
      </c>
      <c r="AD22" s="114">
        <v>654312</v>
      </c>
      <c r="AE22" s="114">
        <v>1129575</v>
      </c>
      <c r="AF22" s="114">
        <v>638948</v>
      </c>
      <c r="AG22" s="114">
        <v>1591855</v>
      </c>
      <c r="AH22" s="113">
        <v>4216729</v>
      </c>
      <c r="AI22" s="116">
        <v>4216729</v>
      </c>
      <c r="AJ22" s="110">
        <v>0</v>
      </c>
      <c r="AK22" s="114">
        <v>0</v>
      </c>
      <c r="AL22" s="113">
        <v>0</v>
      </c>
      <c r="AM22" s="110">
        <v>0</v>
      </c>
      <c r="AN22" s="114">
        <v>0</v>
      </c>
      <c r="AO22" s="114">
        <v>0</v>
      </c>
      <c r="AP22" s="114">
        <v>0</v>
      </c>
      <c r="AQ22" s="114">
        <v>0</v>
      </c>
      <c r="AR22" s="114">
        <v>189288</v>
      </c>
      <c r="AS22" s="113">
        <v>189288</v>
      </c>
      <c r="AT22" s="116">
        <v>189288</v>
      </c>
      <c r="AU22" s="110">
        <v>15817</v>
      </c>
      <c r="AV22" s="114">
        <v>90212</v>
      </c>
      <c r="AW22" s="113">
        <v>106029</v>
      </c>
      <c r="AX22" s="110">
        <v>0</v>
      </c>
      <c r="AY22" s="114">
        <v>230260</v>
      </c>
      <c r="AZ22" s="114">
        <v>486096</v>
      </c>
      <c r="BA22" s="114">
        <v>322351</v>
      </c>
      <c r="BB22" s="114">
        <v>154551</v>
      </c>
      <c r="BC22" s="114">
        <v>430140</v>
      </c>
      <c r="BD22" s="113">
        <v>1623398</v>
      </c>
      <c r="BE22" s="116">
        <v>1729427</v>
      </c>
      <c r="BF22" s="110">
        <v>0</v>
      </c>
      <c r="BG22" s="114">
        <v>99690</v>
      </c>
      <c r="BH22" s="112">
        <v>99690</v>
      </c>
      <c r="BI22" s="111">
        <v>0</v>
      </c>
      <c r="BJ22" s="114">
        <v>0</v>
      </c>
      <c r="BK22" s="114">
        <v>103886</v>
      </c>
      <c r="BL22" s="114">
        <v>0</v>
      </c>
      <c r="BM22" s="114">
        <v>0</v>
      </c>
      <c r="BN22" s="114">
        <v>0</v>
      </c>
      <c r="BO22" s="113">
        <v>103886</v>
      </c>
      <c r="BP22" s="116">
        <v>203576</v>
      </c>
      <c r="BQ22" s="110">
        <v>87192</v>
      </c>
      <c r="BR22" s="114">
        <v>31592</v>
      </c>
      <c r="BS22" s="113">
        <v>118784</v>
      </c>
      <c r="BT22" s="110">
        <v>0</v>
      </c>
      <c r="BU22" s="114">
        <v>119696</v>
      </c>
      <c r="BV22" s="114">
        <v>315616</v>
      </c>
      <c r="BW22" s="114">
        <v>259104</v>
      </c>
      <c r="BX22" s="114">
        <v>203192</v>
      </c>
      <c r="BY22" s="114">
        <v>217784</v>
      </c>
      <c r="BZ22" s="113">
        <v>1115392</v>
      </c>
      <c r="CA22" s="116">
        <v>1234176</v>
      </c>
      <c r="CB22" s="110">
        <v>89388</v>
      </c>
      <c r="CC22" s="114">
        <v>149408</v>
      </c>
      <c r="CD22" s="113">
        <v>238796</v>
      </c>
      <c r="CE22" s="110">
        <v>0</v>
      </c>
      <c r="CF22" s="114">
        <v>1165993</v>
      </c>
      <c r="CG22" s="114">
        <v>2913496</v>
      </c>
      <c r="CH22" s="114">
        <v>1051691</v>
      </c>
      <c r="CI22" s="114">
        <v>856584</v>
      </c>
      <c r="CJ22" s="114">
        <v>465398</v>
      </c>
      <c r="CK22" s="113">
        <v>6453162</v>
      </c>
      <c r="CL22" s="116">
        <v>6691958</v>
      </c>
      <c r="CM22" s="110">
        <v>0</v>
      </c>
      <c r="CN22" s="114">
        <v>0</v>
      </c>
      <c r="CO22" s="113">
        <v>0</v>
      </c>
      <c r="CP22" s="111">
        <v>0</v>
      </c>
      <c r="CQ22" s="114">
        <v>1165993</v>
      </c>
      <c r="CR22" s="114">
        <v>2029006</v>
      </c>
      <c r="CS22" s="114">
        <v>777987</v>
      </c>
      <c r="CT22" s="114">
        <v>794049</v>
      </c>
      <c r="CU22" s="114">
        <v>345897</v>
      </c>
      <c r="CV22" s="113">
        <v>5112932</v>
      </c>
      <c r="CW22" s="116">
        <v>5112932</v>
      </c>
      <c r="CX22" s="110">
        <v>89388</v>
      </c>
      <c r="CY22" s="114">
        <v>149408</v>
      </c>
      <c r="CZ22" s="113">
        <v>238796</v>
      </c>
      <c r="DA22" s="110">
        <v>0</v>
      </c>
      <c r="DB22" s="114">
        <v>0</v>
      </c>
      <c r="DC22" s="114">
        <v>884490</v>
      </c>
      <c r="DD22" s="114">
        <v>273704</v>
      </c>
      <c r="DE22" s="114">
        <v>62535</v>
      </c>
      <c r="DF22" s="114">
        <v>119501</v>
      </c>
      <c r="DG22" s="113">
        <v>1340230</v>
      </c>
      <c r="DH22" s="116">
        <v>1579026</v>
      </c>
      <c r="DI22" s="110">
        <v>0</v>
      </c>
      <c r="DJ22" s="114">
        <v>0</v>
      </c>
      <c r="DK22" s="112">
        <v>0</v>
      </c>
      <c r="DL22" s="111">
        <v>0</v>
      </c>
      <c r="DM22" s="114">
        <v>71905</v>
      </c>
      <c r="DN22" s="114">
        <v>395056</v>
      </c>
      <c r="DO22" s="114">
        <v>494762</v>
      </c>
      <c r="DP22" s="114">
        <v>1250654</v>
      </c>
      <c r="DQ22" s="114">
        <v>227330</v>
      </c>
      <c r="DR22" s="113">
        <v>2439707</v>
      </c>
      <c r="DS22" s="116">
        <v>2439707</v>
      </c>
      <c r="DT22" s="110">
        <v>0</v>
      </c>
      <c r="DU22" s="114">
        <v>0</v>
      </c>
      <c r="DV22" s="113">
        <v>0</v>
      </c>
      <c r="DW22" s="110">
        <v>0</v>
      </c>
      <c r="DX22" s="114">
        <v>71905</v>
      </c>
      <c r="DY22" s="114">
        <v>342802</v>
      </c>
      <c r="DZ22" s="114">
        <v>457114</v>
      </c>
      <c r="EA22" s="114">
        <v>1218554</v>
      </c>
      <c r="EB22" s="114">
        <v>227330</v>
      </c>
      <c r="EC22" s="113">
        <v>2317705</v>
      </c>
      <c r="ED22" s="116">
        <v>2317705</v>
      </c>
      <c r="EE22" s="110">
        <v>0</v>
      </c>
      <c r="EF22" s="112">
        <v>0</v>
      </c>
      <c r="EG22" s="113">
        <v>0</v>
      </c>
      <c r="EH22" s="110">
        <v>0</v>
      </c>
      <c r="EI22" s="114">
        <v>0</v>
      </c>
      <c r="EJ22" s="114">
        <v>52254</v>
      </c>
      <c r="EK22" s="114">
        <v>37648</v>
      </c>
      <c r="EL22" s="114">
        <v>32100</v>
      </c>
      <c r="EM22" s="114">
        <v>0</v>
      </c>
      <c r="EN22" s="112">
        <v>122002</v>
      </c>
      <c r="EO22" s="116">
        <v>122002</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5"/>
      <c r="FE22" s="114">
        <v>0</v>
      </c>
      <c r="FF22" s="114">
        <v>0</v>
      </c>
      <c r="FG22" s="114">
        <v>0</v>
      </c>
      <c r="FH22" s="114">
        <v>0</v>
      </c>
      <c r="FI22" s="114">
        <v>0</v>
      </c>
      <c r="FJ22" s="113">
        <v>0</v>
      </c>
      <c r="FK22" s="116">
        <v>0</v>
      </c>
      <c r="FL22" s="110">
        <v>233547</v>
      </c>
      <c r="FM22" s="114">
        <v>104280</v>
      </c>
      <c r="FN22" s="113">
        <v>337827</v>
      </c>
      <c r="FO22" s="110">
        <v>0</v>
      </c>
      <c r="FP22" s="114">
        <v>156480</v>
      </c>
      <c r="FQ22" s="114">
        <v>1072304</v>
      </c>
      <c r="FR22" s="114">
        <v>630552</v>
      </c>
      <c r="FS22" s="114">
        <v>417824</v>
      </c>
      <c r="FT22" s="114">
        <v>414128</v>
      </c>
      <c r="FU22" s="113">
        <v>2691288</v>
      </c>
      <c r="FV22" s="116">
        <v>3029115</v>
      </c>
      <c r="FW22" s="115">
        <v>49584</v>
      </c>
      <c r="FX22" s="114">
        <v>104280</v>
      </c>
      <c r="FY22" s="112">
        <v>153864</v>
      </c>
      <c r="FZ22" s="111">
        <v>0</v>
      </c>
      <c r="GA22" s="114">
        <v>156480</v>
      </c>
      <c r="GB22" s="114">
        <v>710672</v>
      </c>
      <c r="GC22" s="114">
        <v>596552</v>
      </c>
      <c r="GD22" s="114">
        <v>362912</v>
      </c>
      <c r="GE22" s="114">
        <v>390896</v>
      </c>
      <c r="GF22" s="113">
        <v>2217512</v>
      </c>
      <c r="GG22" s="316">
        <v>2371376</v>
      </c>
      <c r="GH22" s="115">
        <v>0</v>
      </c>
      <c r="GI22" s="114">
        <v>0</v>
      </c>
      <c r="GJ22" s="112">
        <v>0</v>
      </c>
      <c r="GK22" s="111">
        <v>0</v>
      </c>
      <c r="GL22" s="114">
        <v>0</v>
      </c>
      <c r="GM22" s="114">
        <v>25600</v>
      </c>
      <c r="GN22" s="114">
        <v>34000</v>
      </c>
      <c r="GO22" s="114">
        <v>54912</v>
      </c>
      <c r="GP22" s="114">
        <v>23232</v>
      </c>
      <c r="GQ22" s="113">
        <v>137744</v>
      </c>
      <c r="GR22" s="116">
        <v>137744</v>
      </c>
      <c r="GS22" s="110">
        <v>183963</v>
      </c>
      <c r="GT22" s="114">
        <v>0</v>
      </c>
      <c r="GU22" s="113">
        <v>183963</v>
      </c>
      <c r="GV22" s="110">
        <v>0</v>
      </c>
      <c r="GW22" s="114">
        <v>0</v>
      </c>
      <c r="GX22" s="114">
        <v>336032</v>
      </c>
      <c r="GY22" s="114">
        <v>0</v>
      </c>
      <c r="GZ22" s="114">
        <v>0</v>
      </c>
      <c r="HA22" s="114">
        <v>0</v>
      </c>
      <c r="HB22" s="112">
        <v>336032</v>
      </c>
      <c r="HC22" s="116">
        <v>519995</v>
      </c>
      <c r="HD22" s="110">
        <v>285810</v>
      </c>
      <c r="HE22" s="114">
        <v>187905</v>
      </c>
      <c r="HF22" s="112">
        <v>473715</v>
      </c>
      <c r="HG22" s="111">
        <v>0</v>
      </c>
      <c r="HH22" s="114">
        <v>972962</v>
      </c>
      <c r="HI22" s="114">
        <v>1079003</v>
      </c>
      <c r="HJ22" s="114">
        <v>1402215</v>
      </c>
      <c r="HK22" s="114">
        <v>1342431</v>
      </c>
      <c r="HL22" s="114">
        <v>487191</v>
      </c>
      <c r="HM22" s="113">
        <v>5283802</v>
      </c>
      <c r="HN22" s="109">
        <v>5757517</v>
      </c>
      <c r="HO22" s="326"/>
      <c r="HP22" s="327"/>
      <c r="HQ22" s="328"/>
      <c r="HR22" s="329"/>
      <c r="HS22" s="327"/>
      <c r="HT22" s="327"/>
      <c r="HU22" s="327"/>
      <c r="HV22" s="327"/>
      <c r="HW22" s="327"/>
      <c r="HX22" s="330"/>
      <c r="HY22" s="331"/>
      <c r="HZ22" s="150">
        <v>0</v>
      </c>
      <c r="IA22" s="135">
        <v>0</v>
      </c>
      <c r="IB22" s="150">
        <v>0</v>
      </c>
      <c r="IC22" s="134">
        <v>0</v>
      </c>
      <c r="ID22" s="135">
        <v>2296738</v>
      </c>
      <c r="IE22" s="136">
        <v>2682441</v>
      </c>
      <c r="IF22" s="137">
        <v>3270707</v>
      </c>
      <c r="IG22" s="135">
        <v>1792856</v>
      </c>
      <c r="IH22" s="137">
        <v>1399887</v>
      </c>
      <c r="II22" s="138">
        <v>11442629</v>
      </c>
      <c r="IJ22" s="150">
        <v>11442629</v>
      </c>
      <c r="IK22" s="232">
        <v>0</v>
      </c>
      <c r="IL22" s="236">
        <v>0</v>
      </c>
      <c r="IM22" s="237">
        <v>0</v>
      </c>
      <c r="IN22" s="140"/>
      <c r="IO22" s="119">
        <v>0</v>
      </c>
      <c r="IP22" s="119">
        <v>0</v>
      </c>
      <c r="IQ22" s="119">
        <v>0</v>
      </c>
      <c r="IR22" s="119">
        <v>0</v>
      </c>
      <c r="IS22" s="119">
        <v>239936</v>
      </c>
      <c r="IT22" s="141">
        <v>239936</v>
      </c>
      <c r="IU22" s="318">
        <v>239936</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709071</v>
      </c>
      <c r="JL22" s="119">
        <v>777437</v>
      </c>
      <c r="JM22" s="119">
        <v>826803</v>
      </c>
      <c r="JN22" s="119">
        <v>204719</v>
      </c>
      <c r="JO22" s="119">
        <v>801017</v>
      </c>
      <c r="JP22" s="120">
        <v>3319047</v>
      </c>
      <c r="JQ22" s="318">
        <v>3319047</v>
      </c>
      <c r="JR22" s="142">
        <v>0</v>
      </c>
      <c r="JS22" s="119">
        <v>0</v>
      </c>
      <c r="JT22" s="141">
        <v>0</v>
      </c>
      <c r="JU22" s="118">
        <v>0</v>
      </c>
      <c r="JV22" s="119">
        <v>232693</v>
      </c>
      <c r="JW22" s="119">
        <v>66782</v>
      </c>
      <c r="JX22" s="119">
        <v>109874</v>
      </c>
      <c r="JY22" s="119">
        <v>0</v>
      </c>
      <c r="JZ22" s="119">
        <v>0</v>
      </c>
      <c r="KA22" s="120">
        <v>409349</v>
      </c>
      <c r="KB22" s="318">
        <v>409349</v>
      </c>
      <c r="KC22" s="234">
        <v>0</v>
      </c>
      <c r="KD22" s="230">
        <v>0</v>
      </c>
      <c r="KE22" s="120">
        <v>0</v>
      </c>
      <c r="KF22" s="118">
        <v>0</v>
      </c>
      <c r="KG22" s="119">
        <v>637302</v>
      </c>
      <c r="KH22" s="119">
        <v>170892</v>
      </c>
      <c r="KI22" s="119">
        <v>737738</v>
      </c>
      <c r="KJ22" s="119">
        <v>781146</v>
      </c>
      <c r="KK22" s="119">
        <v>0</v>
      </c>
      <c r="KL22" s="120">
        <v>2327078</v>
      </c>
      <c r="KM22" s="143">
        <v>2327078</v>
      </c>
      <c r="KN22" s="232">
        <v>0</v>
      </c>
      <c r="KO22" s="236">
        <v>0</v>
      </c>
      <c r="KP22" s="237">
        <v>0</v>
      </c>
      <c r="KQ22" s="140"/>
      <c r="KR22" s="119">
        <v>717672</v>
      </c>
      <c r="KS22" s="119">
        <v>1458267</v>
      </c>
      <c r="KT22" s="119">
        <v>1064064</v>
      </c>
      <c r="KU22" s="119">
        <v>264629</v>
      </c>
      <c r="KV22" s="119">
        <v>0</v>
      </c>
      <c r="KW22" s="120">
        <v>3504632</v>
      </c>
      <c r="KX22" s="318">
        <v>3504632</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245936</v>
      </c>
      <c r="LQ22" s="119">
        <v>542362</v>
      </c>
      <c r="LR22" s="119">
        <v>0</v>
      </c>
      <c r="LS22" s="120">
        <v>788298</v>
      </c>
      <c r="LT22" s="318">
        <v>788298</v>
      </c>
      <c r="LU22" s="142">
        <v>0</v>
      </c>
      <c r="LV22" s="119">
        <v>0</v>
      </c>
      <c r="LW22" s="120">
        <v>0</v>
      </c>
      <c r="LX22" s="145"/>
      <c r="LY22" s="119">
        <v>0</v>
      </c>
      <c r="LZ22" s="119">
        <v>209063</v>
      </c>
      <c r="MA22" s="119">
        <v>286292</v>
      </c>
      <c r="MB22" s="119">
        <v>0</v>
      </c>
      <c r="MC22" s="119">
        <v>358934</v>
      </c>
      <c r="MD22" s="120">
        <v>854289</v>
      </c>
      <c r="ME22" s="121">
        <v>854289</v>
      </c>
      <c r="MF22" s="142">
        <v>0</v>
      </c>
      <c r="MG22" s="119">
        <v>0</v>
      </c>
      <c r="MH22" s="120">
        <v>0</v>
      </c>
      <c r="MI22" s="145"/>
      <c r="MJ22" s="119">
        <v>950714</v>
      </c>
      <c r="MK22" s="119">
        <v>680377</v>
      </c>
      <c r="ML22" s="119">
        <v>4849010</v>
      </c>
      <c r="MM22" s="119">
        <v>4502431</v>
      </c>
      <c r="MN22" s="119">
        <v>5013756</v>
      </c>
      <c r="MO22" s="120">
        <v>15996288</v>
      </c>
      <c r="MP22" s="143">
        <v>15996288</v>
      </c>
      <c r="MQ22" s="142">
        <v>0</v>
      </c>
      <c r="MR22" s="119">
        <v>0</v>
      </c>
      <c r="MS22" s="120">
        <v>0</v>
      </c>
      <c r="MT22" s="145"/>
      <c r="MU22" s="119">
        <v>0</v>
      </c>
      <c r="MV22" s="119">
        <v>92085</v>
      </c>
      <c r="MW22" s="119">
        <v>1975648</v>
      </c>
      <c r="MX22" s="119">
        <v>3168434</v>
      </c>
      <c r="MY22" s="119">
        <v>2581165</v>
      </c>
      <c r="MZ22" s="120">
        <v>7817332</v>
      </c>
      <c r="NA22" s="143">
        <v>7817332</v>
      </c>
      <c r="NB22" s="142">
        <v>0</v>
      </c>
      <c r="NC22" s="119">
        <v>0</v>
      </c>
      <c r="ND22" s="120">
        <v>0</v>
      </c>
      <c r="NE22" s="145"/>
      <c r="NF22" s="119">
        <v>950714</v>
      </c>
      <c r="NG22" s="119">
        <v>588292</v>
      </c>
      <c r="NH22" s="119">
        <v>2873362</v>
      </c>
      <c r="NI22" s="119">
        <v>1333997</v>
      </c>
      <c r="NJ22" s="119">
        <v>2432591</v>
      </c>
      <c r="NK22" s="120">
        <v>8178956</v>
      </c>
      <c r="NL22" s="318">
        <v>8178956</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711754</v>
      </c>
      <c r="OJ22" s="119">
        <v>663087</v>
      </c>
      <c r="OK22" s="141">
        <v>1374841</v>
      </c>
      <c r="OL22" s="118">
        <v>0</v>
      </c>
      <c r="OM22" s="119">
        <v>6166787</v>
      </c>
      <c r="ON22" s="119">
        <v>10382587</v>
      </c>
      <c r="OO22" s="119">
        <v>13409967</v>
      </c>
      <c r="OP22" s="119">
        <v>11159471</v>
      </c>
      <c r="OQ22" s="119">
        <v>10436757</v>
      </c>
      <c r="OR22" s="120">
        <v>51555569</v>
      </c>
      <c r="OS22" s="143">
        <v>52930410</v>
      </c>
    </row>
    <row r="23" spans="2:409" ht="21" customHeight="1" x14ac:dyDescent="0.2">
      <c r="B23" s="126" t="s">
        <v>18</v>
      </c>
      <c r="C23" s="110">
        <v>458846</v>
      </c>
      <c r="D23" s="114">
        <v>753157</v>
      </c>
      <c r="E23" s="113">
        <v>1212003</v>
      </c>
      <c r="F23" s="109">
        <v>0</v>
      </c>
      <c r="G23" s="114">
        <v>6345293</v>
      </c>
      <c r="H23" s="114">
        <v>7859810</v>
      </c>
      <c r="I23" s="114">
        <v>9328364</v>
      </c>
      <c r="J23" s="114">
        <v>6464672</v>
      </c>
      <c r="K23" s="114">
        <v>2901112</v>
      </c>
      <c r="L23" s="109">
        <v>32899251</v>
      </c>
      <c r="M23" s="116">
        <v>34111254</v>
      </c>
      <c r="N23" s="110">
        <v>126969</v>
      </c>
      <c r="O23" s="114">
        <v>190934</v>
      </c>
      <c r="P23" s="113">
        <v>317903</v>
      </c>
      <c r="Q23" s="110">
        <v>0</v>
      </c>
      <c r="R23" s="114">
        <v>2000342</v>
      </c>
      <c r="S23" s="114">
        <v>2059775</v>
      </c>
      <c r="T23" s="114">
        <v>2070181</v>
      </c>
      <c r="U23" s="114">
        <v>1663748</v>
      </c>
      <c r="V23" s="114">
        <v>788292</v>
      </c>
      <c r="W23" s="113">
        <v>8582338</v>
      </c>
      <c r="X23" s="116">
        <v>8900241</v>
      </c>
      <c r="Y23" s="110">
        <v>0</v>
      </c>
      <c r="Z23" s="114">
        <v>0</v>
      </c>
      <c r="AA23" s="113">
        <v>0</v>
      </c>
      <c r="AB23" s="110">
        <v>0</v>
      </c>
      <c r="AC23" s="114">
        <v>833088</v>
      </c>
      <c r="AD23" s="114">
        <v>790771</v>
      </c>
      <c r="AE23" s="114">
        <v>1229037</v>
      </c>
      <c r="AF23" s="114">
        <v>1012196</v>
      </c>
      <c r="AG23" s="114">
        <v>327183</v>
      </c>
      <c r="AH23" s="113">
        <v>4192275</v>
      </c>
      <c r="AI23" s="116">
        <v>4192275</v>
      </c>
      <c r="AJ23" s="110">
        <v>0</v>
      </c>
      <c r="AK23" s="114">
        <v>0</v>
      </c>
      <c r="AL23" s="113">
        <v>0</v>
      </c>
      <c r="AM23" s="110">
        <v>0</v>
      </c>
      <c r="AN23" s="114">
        <v>0</v>
      </c>
      <c r="AO23" s="114">
        <v>0</v>
      </c>
      <c r="AP23" s="114">
        <v>23060</v>
      </c>
      <c r="AQ23" s="114">
        <v>118143</v>
      </c>
      <c r="AR23" s="114">
        <v>131887</v>
      </c>
      <c r="AS23" s="113">
        <v>273090</v>
      </c>
      <c r="AT23" s="116">
        <v>273090</v>
      </c>
      <c r="AU23" s="110">
        <v>81985</v>
      </c>
      <c r="AV23" s="114">
        <v>111651</v>
      </c>
      <c r="AW23" s="113">
        <v>193636</v>
      </c>
      <c r="AX23" s="110">
        <v>0</v>
      </c>
      <c r="AY23" s="114">
        <v>793535</v>
      </c>
      <c r="AZ23" s="114">
        <v>564101</v>
      </c>
      <c r="BA23" s="114">
        <v>372151</v>
      </c>
      <c r="BB23" s="114">
        <v>138464</v>
      </c>
      <c r="BC23" s="114">
        <v>189190</v>
      </c>
      <c r="BD23" s="113">
        <v>2057441</v>
      </c>
      <c r="BE23" s="116">
        <v>2251077</v>
      </c>
      <c r="BF23" s="110">
        <v>0</v>
      </c>
      <c r="BG23" s="114">
        <v>48563</v>
      </c>
      <c r="BH23" s="112">
        <v>48563</v>
      </c>
      <c r="BI23" s="111">
        <v>0</v>
      </c>
      <c r="BJ23" s="114">
        <v>52191</v>
      </c>
      <c r="BK23" s="114">
        <v>221927</v>
      </c>
      <c r="BL23" s="114">
        <v>5181</v>
      </c>
      <c r="BM23" s="114">
        <v>87809</v>
      </c>
      <c r="BN23" s="114">
        <v>0</v>
      </c>
      <c r="BO23" s="113">
        <v>367108</v>
      </c>
      <c r="BP23" s="116">
        <v>415671</v>
      </c>
      <c r="BQ23" s="110">
        <v>44984</v>
      </c>
      <c r="BR23" s="114">
        <v>30720</v>
      </c>
      <c r="BS23" s="113">
        <v>75704</v>
      </c>
      <c r="BT23" s="110">
        <v>0</v>
      </c>
      <c r="BU23" s="114">
        <v>321528</v>
      </c>
      <c r="BV23" s="114">
        <v>482976</v>
      </c>
      <c r="BW23" s="114">
        <v>440752</v>
      </c>
      <c r="BX23" s="114">
        <v>307136</v>
      </c>
      <c r="BY23" s="114">
        <v>140032</v>
      </c>
      <c r="BZ23" s="113">
        <v>1692424</v>
      </c>
      <c r="CA23" s="116">
        <v>1768128</v>
      </c>
      <c r="CB23" s="110">
        <v>19766</v>
      </c>
      <c r="CC23" s="114">
        <v>346935</v>
      </c>
      <c r="CD23" s="113">
        <v>366701</v>
      </c>
      <c r="CE23" s="110">
        <v>0</v>
      </c>
      <c r="CF23" s="114">
        <v>2466580</v>
      </c>
      <c r="CG23" s="114">
        <v>2881478</v>
      </c>
      <c r="CH23" s="114">
        <v>2772322</v>
      </c>
      <c r="CI23" s="114">
        <v>1636031</v>
      </c>
      <c r="CJ23" s="114">
        <v>620839</v>
      </c>
      <c r="CK23" s="113">
        <v>10377250</v>
      </c>
      <c r="CL23" s="116">
        <v>10743951</v>
      </c>
      <c r="CM23" s="110">
        <v>0</v>
      </c>
      <c r="CN23" s="114">
        <v>0</v>
      </c>
      <c r="CO23" s="113">
        <v>0</v>
      </c>
      <c r="CP23" s="111">
        <v>0</v>
      </c>
      <c r="CQ23" s="114">
        <v>1856134</v>
      </c>
      <c r="CR23" s="114">
        <v>2188658</v>
      </c>
      <c r="CS23" s="114">
        <v>2110758</v>
      </c>
      <c r="CT23" s="114">
        <v>1558975</v>
      </c>
      <c r="CU23" s="114">
        <v>450075</v>
      </c>
      <c r="CV23" s="113">
        <v>8164600</v>
      </c>
      <c r="CW23" s="116">
        <v>8164600</v>
      </c>
      <c r="CX23" s="110">
        <v>19766</v>
      </c>
      <c r="CY23" s="114">
        <v>346935</v>
      </c>
      <c r="CZ23" s="113">
        <v>366701</v>
      </c>
      <c r="DA23" s="110">
        <v>0</v>
      </c>
      <c r="DB23" s="114">
        <v>610446</v>
      </c>
      <c r="DC23" s="114">
        <v>692820</v>
      </c>
      <c r="DD23" s="114">
        <v>661564</v>
      </c>
      <c r="DE23" s="114">
        <v>77056</v>
      </c>
      <c r="DF23" s="114">
        <v>170764</v>
      </c>
      <c r="DG23" s="113">
        <v>2212650</v>
      </c>
      <c r="DH23" s="116">
        <v>2579351</v>
      </c>
      <c r="DI23" s="110">
        <v>0</v>
      </c>
      <c r="DJ23" s="114">
        <v>20728</v>
      </c>
      <c r="DK23" s="112">
        <v>20728</v>
      </c>
      <c r="DL23" s="111">
        <v>0</v>
      </c>
      <c r="DM23" s="114">
        <v>0</v>
      </c>
      <c r="DN23" s="114">
        <v>204076</v>
      </c>
      <c r="DO23" s="114">
        <v>1694108</v>
      </c>
      <c r="DP23" s="114">
        <v>311322</v>
      </c>
      <c r="DQ23" s="114">
        <v>836061</v>
      </c>
      <c r="DR23" s="113">
        <v>3045567</v>
      </c>
      <c r="DS23" s="116">
        <v>3066295</v>
      </c>
      <c r="DT23" s="110">
        <v>0</v>
      </c>
      <c r="DU23" s="114">
        <v>20728</v>
      </c>
      <c r="DV23" s="113">
        <v>20728</v>
      </c>
      <c r="DW23" s="110">
        <v>0</v>
      </c>
      <c r="DX23" s="114">
        <v>0</v>
      </c>
      <c r="DY23" s="114">
        <v>204076</v>
      </c>
      <c r="DZ23" s="114">
        <v>1694108</v>
      </c>
      <c r="EA23" s="114">
        <v>311322</v>
      </c>
      <c r="EB23" s="114">
        <v>836061</v>
      </c>
      <c r="EC23" s="113">
        <v>3045567</v>
      </c>
      <c r="ED23" s="116">
        <v>3066295</v>
      </c>
      <c r="EE23" s="110">
        <v>0</v>
      </c>
      <c r="EF23" s="112">
        <v>0</v>
      </c>
      <c r="EG23" s="113">
        <v>0</v>
      </c>
      <c r="EH23" s="110">
        <v>0</v>
      </c>
      <c r="EI23" s="114">
        <v>0</v>
      </c>
      <c r="EJ23" s="114">
        <v>0</v>
      </c>
      <c r="EK23" s="114">
        <v>0</v>
      </c>
      <c r="EL23" s="114">
        <v>0</v>
      </c>
      <c r="EM23" s="114">
        <v>0</v>
      </c>
      <c r="EN23" s="112">
        <v>0</v>
      </c>
      <c r="EO23" s="116">
        <v>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5"/>
      <c r="FE23" s="114">
        <v>0</v>
      </c>
      <c r="FF23" s="114">
        <v>0</v>
      </c>
      <c r="FG23" s="114">
        <v>0</v>
      </c>
      <c r="FH23" s="114">
        <v>0</v>
      </c>
      <c r="FI23" s="114">
        <v>0</v>
      </c>
      <c r="FJ23" s="113">
        <v>0</v>
      </c>
      <c r="FK23" s="116">
        <v>0</v>
      </c>
      <c r="FL23" s="110">
        <v>200800</v>
      </c>
      <c r="FM23" s="114">
        <v>194560</v>
      </c>
      <c r="FN23" s="113">
        <v>395360</v>
      </c>
      <c r="FO23" s="110">
        <v>0</v>
      </c>
      <c r="FP23" s="114">
        <v>262512</v>
      </c>
      <c r="FQ23" s="114">
        <v>631064</v>
      </c>
      <c r="FR23" s="114">
        <v>649104</v>
      </c>
      <c r="FS23" s="114">
        <v>454144</v>
      </c>
      <c r="FT23" s="114">
        <v>223888</v>
      </c>
      <c r="FU23" s="113">
        <v>2220712</v>
      </c>
      <c r="FV23" s="116">
        <v>2616072</v>
      </c>
      <c r="FW23" s="115">
        <v>41040</v>
      </c>
      <c r="FX23" s="114">
        <v>152160</v>
      </c>
      <c r="FY23" s="112">
        <v>193200</v>
      </c>
      <c r="FZ23" s="111">
        <v>0</v>
      </c>
      <c r="GA23" s="114">
        <v>247992</v>
      </c>
      <c r="GB23" s="114">
        <v>631064</v>
      </c>
      <c r="GC23" s="114">
        <v>523504</v>
      </c>
      <c r="GD23" s="114">
        <v>374144</v>
      </c>
      <c r="GE23" s="114">
        <v>205408</v>
      </c>
      <c r="GF23" s="113">
        <v>1982112</v>
      </c>
      <c r="GG23" s="316">
        <v>2175312</v>
      </c>
      <c r="GH23" s="115">
        <v>0</v>
      </c>
      <c r="GI23" s="114">
        <v>26400</v>
      </c>
      <c r="GJ23" s="112">
        <v>26400</v>
      </c>
      <c r="GK23" s="111">
        <v>0</v>
      </c>
      <c r="GL23" s="114">
        <v>14520</v>
      </c>
      <c r="GM23" s="114">
        <v>0</v>
      </c>
      <c r="GN23" s="114">
        <v>61600</v>
      </c>
      <c r="GO23" s="114">
        <v>80000</v>
      </c>
      <c r="GP23" s="114">
        <v>18480</v>
      </c>
      <c r="GQ23" s="113">
        <v>174600</v>
      </c>
      <c r="GR23" s="116">
        <v>201000</v>
      </c>
      <c r="GS23" s="110">
        <v>159760</v>
      </c>
      <c r="GT23" s="114">
        <v>16000</v>
      </c>
      <c r="GU23" s="113">
        <v>175760</v>
      </c>
      <c r="GV23" s="110">
        <v>0</v>
      </c>
      <c r="GW23" s="114">
        <v>0</v>
      </c>
      <c r="GX23" s="114">
        <v>0</v>
      </c>
      <c r="GY23" s="114">
        <v>64000</v>
      </c>
      <c r="GZ23" s="114">
        <v>0</v>
      </c>
      <c r="HA23" s="114">
        <v>0</v>
      </c>
      <c r="HB23" s="112">
        <v>64000</v>
      </c>
      <c r="HC23" s="116">
        <v>239760</v>
      </c>
      <c r="HD23" s="110">
        <v>111311</v>
      </c>
      <c r="HE23" s="114">
        <v>0</v>
      </c>
      <c r="HF23" s="112">
        <v>111311</v>
      </c>
      <c r="HG23" s="111">
        <v>0</v>
      </c>
      <c r="HH23" s="114">
        <v>1615859</v>
      </c>
      <c r="HI23" s="114">
        <v>2083417</v>
      </c>
      <c r="HJ23" s="114">
        <v>2142649</v>
      </c>
      <c r="HK23" s="114">
        <v>2399427</v>
      </c>
      <c r="HL23" s="114">
        <v>432032</v>
      </c>
      <c r="HM23" s="113">
        <v>8673384</v>
      </c>
      <c r="HN23" s="109">
        <v>8784695</v>
      </c>
      <c r="HO23" s="326"/>
      <c r="HP23" s="327"/>
      <c r="HQ23" s="328"/>
      <c r="HR23" s="329"/>
      <c r="HS23" s="327"/>
      <c r="HT23" s="327"/>
      <c r="HU23" s="327"/>
      <c r="HV23" s="327"/>
      <c r="HW23" s="327"/>
      <c r="HX23" s="330"/>
      <c r="HY23" s="331"/>
      <c r="HZ23" s="131">
        <v>46082</v>
      </c>
      <c r="IA23" s="132">
        <v>0</v>
      </c>
      <c r="IB23" s="133">
        <v>46082</v>
      </c>
      <c r="IC23" s="146">
        <v>0</v>
      </c>
      <c r="ID23" s="132">
        <v>1947316</v>
      </c>
      <c r="IE23" s="147">
        <v>2349425</v>
      </c>
      <c r="IF23" s="133">
        <v>3460076</v>
      </c>
      <c r="IG23" s="132">
        <v>1719948</v>
      </c>
      <c r="IH23" s="133">
        <v>956933</v>
      </c>
      <c r="II23" s="148">
        <v>10433698</v>
      </c>
      <c r="IJ23" s="139">
        <v>10479780</v>
      </c>
      <c r="IK23" s="232">
        <v>0</v>
      </c>
      <c r="IL23" s="236">
        <v>0</v>
      </c>
      <c r="IM23" s="237">
        <v>0</v>
      </c>
      <c r="IN23" s="140"/>
      <c r="IO23" s="119">
        <v>0</v>
      </c>
      <c r="IP23" s="119">
        <v>0</v>
      </c>
      <c r="IQ23" s="119">
        <v>0</v>
      </c>
      <c r="IR23" s="119">
        <v>0</v>
      </c>
      <c r="IS23" s="119">
        <v>0</v>
      </c>
      <c r="IT23" s="141">
        <v>0</v>
      </c>
      <c r="IU23" s="318">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902885</v>
      </c>
      <c r="JL23" s="119">
        <v>841943</v>
      </c>
      <c r="JM23" s="119">
        <v>431604</v>
      </c>
      <c r="JN23" s="119">
        <v>49824</v>
      </c>
      <c r="JO23" s="119">
        <v>0</v>
      </c>
      <c r="JP23" s="120">
        <v>2226256</v>
      </c>
      <c r="JQ23" s="318">
        <v>2226256</v>
      </c>
      <c r="JR23" s="142">
        <v>0</v>
      </c>
      <c r="JS23" s="119">
        <v>0</v>
      </c>
      <c r="JT23" s="141">
        <v>0</v>
      </c>
      <c r="JU23" s="118">
        <v>0</v>
      </c>
      <c r="JV23" s="119">
        <v>175272</v>
      </c>
      <c r="JW23" s="119">
        <v>0</v>
      </c>
      <c r="JX23" s="119">
        <v>552371</v>
      </c>
      <c r="JY23" s="119">
        <v>0</v>
      </c>
      <c r="JZ23" s="119">
        <v>26155</v>
      </c>
      <c r="KA23" s="120">
        <v>753798</v>
      </c>
      <c r="KB23" s="318">
        <v>753798</v>
      </c>
      <c r="KC23" s="234">
        <v>46082</v>
      </c>
      <c r="KD23" s="230">
        <v>0</v>
      </c>
      <c r="KE23" s="120">
        <v>46082</v>
      </c>
      <c r="KF23" s="118">
        <v>0</v>
      </c>
      <c r="KG23" s="119">
        <v>629503</v>
      </c>
      <c r="KH23" s="119">
        <v>531330</v>
      </c>
      <c r="KI23" s="119">
        <v>1174514</v>
      </c>
      <c r="KJ23" s="119">
        <v>400527</v>
      </c>
      <c r="KK23" s="119">
        <v>0</v>
      </c>
      <c r="KL23" s="120">
        <v>2735874</v>
      </c>
      <c r="KM23" s="143">
        <v>2781956</v>
      </c>
      <c r="KN23" s="232">
        <v>0</v>
      </c>
      <c r="KO23" s="236">
        <v>0</v>
      </c>
      <c r="KP23" s="237">
        <v>0</v>
      </c>
      <c r="KQ23" s="140"/>
      <c r="KR23" s="119">
        <v>239656</v>
      </c>
      <c r="KS23" s="119">
        <v>976152</v>
      </c>
      <c r="KT23" s="119">
        <v>1027591</v>
      </c>
      <c r="KU23" s="119">
        <v>662025</v>
      </c>
      <c r="KV23" s="119">
        <v>537462</v>
      </c>
      <c r="KW23" s="120">
        <v>3442886</v>
      </c>
      <c r="KX23" s="318">
        <v>3442886</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286262</v>
      </c>
      <c r="LR23" s="119">
        <v>40128</v>
      </c>
      <c r="LS23" s="120">
        <v>326390</v>
      </c>
      <c r="LT23" s="318">
        <v>326390</v>
      </c>
      <c r="LU23" s="142">
        <v>0</v>
      </c>
      <c r="LV23" s="119">
        <v>0</v>
      </c>
      <c r="LW23" s="120">
        <v>0</v>
      </c>
      <c r="LX23" s="145"/>
      <c r="LY23" s="119">
        <v>0</v>
      </c>
      <c r="LZ23" s="119">
        <v>0</v>
      </c>
      <c r="MA23" s="119">
        <v>273996</v>
      </c>
      <c r="MB23" s="119">
        <v>321310</v>
      </c>
      <c r="MC23" s="119">
        <v>353188</v>
      </c>
      <c r="MD23" s="120">
        <v>948494</v>
      </c>
      <c r="ME23" s="121">
        <v>948494</v>
      </c>
      <c r="MF23" s="142">
        <v>0</v>
      </c>
      <c r="MG23" s="119">
        <v>0</v>
      </c>
      <c r="MH23" s="120">
        <v>0</v>
      </c>
      <c r="MI23" s="145"/>
      <c r="MJ23" s="119">
        <v>269333</v>
      </c>
      <c r="MK23" s="119">
        <v>1079438</v>
      </c>
      <c r="ML23" s="119">
        <v>2304742</v>
      </c>
      <c r="MM23" s="119">
        <v>7759818</v>
      </c>
      <c r="MN23" s="119">
        <v>2207803</v>
      </c>
      <c r="MO23" s="120">
        <v>13621134</v>
      </c>
      <c r="MP23" s="143">
        <v>13621134</v>
      </c>
      <c r="MQ23" s="142">
        <v>0</v>
      </c>
      <c r="MR23" s="119">
        <v>0</v>
      </c>
      <c r="MS23" s="120">
        <v>0</v>
      </c>
      <c r="MT23" s="145"/>
      <c r="MU23" s="119">
        <v>0</v>
      </c>
      <c r="MV23" s="119">
        <v>0</v>
      </c>
      <c r="MW23" s="119">
        <v>1126003</v>
      </c>
      <c r="MX23" s="119">
        <v>6224376</v>
      </c>
      <c r="MY23" s="119">
        <v>1289468</v>
      </c>
      <c r="MZ23" s="120">
        <v>8639847</v>
      </c>
      <c r="NA23" s="143">
        <v>8639847</v>
      </c>
      <c r="NB23" s="142">
        <v>0</v>
      </c>
      <c r="NC23" s="119">
        <v>0</v>
      </c>
      <c r="ND23" s="120">
        <v>0</v>
      </c>
      <c r="NE23" s="145"/>
      <c r="NF23" s="119">
        <v>269333</v>
      </c>
      <c r="NG23" s="119">
        <v>1079438</v>
      </c>
      <c r="NH23" s="119">
        <v>1178739</v>
      </c>
      <c r="NI23" s="119">
        <v>1535442</v>
      </c>
      <c r="NJ23" s="119">
        <v>918335</v>
      </c>
      <c r="NK23" s="120">
        <v>4981287</v>
      </c>
      <c r="NL23" s="318">
        <v>4981287</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0</v>
      </c>
      <c r="OG23" s="120">
        <v>0</v>
      </c>
      <c r="OH23" s="121">
        <v>0</v>
      </c>
      <c r="OI23" s="142">
        <v>504928</v>
      </c>
      <c r="OJ23" s="119">
        <v>753157</v>
      </c>
      <c r="OK23" s="141">
        <v>1258085</v>
      </c>
      <c r="OL23" s="118">
        <v>0</v>
      </c>
      <c r="OM23" s="119">
        <v>8561942</v>
      </c>
      <c r="ON23" s="119">
        <v>11288673</v>
      </c>
      <c r="OO23" s="119">
        <v>15093182</v>
      </c>
      <c r="OP23" s="119">
        <v>15944438</v>
      </c>
      <c r="OQ23" s="119">
        <v>6065848</v>
      </c>
      <c r="OR23" s="120">
        <v>56954083</v>
      </c>
      <c r="OS23" s="143">
        <v>58212168</v>
      </c>
    </row>
    <row r="24" spans="2:409" ht="21" customHeight="1" x14ac:dyDescent="0.2">
      <c r="B24" s="126" t="s">
        <v>19</v>
      </c>
      <c r="C24" s="110">
        <v>200156</v>
      </c>
      <c r="D24" s="114">
        <v>345309</v>
      </c>
      <c r="E24" s="113">
        <v>545465</v>
      </c>
      <c r="F24" s="109">
        <v>0</v>
      </c>
      <c r="G24" s="114">
        <v>3859384</v>
      </c>
      <c r="H24" s="114">
        <v>3821755</v>
      </c>
      <c r="I24" s="114">
        <v>3158313</v>
      </c>
      <c r="J24" s="114">
        <v>1863251</v>
      </c>
      <c r="K24" s="114">
        <v>1872215</v>
      </c>
      <c r="L24" s="109">
        <v>14574918</v>
      </c>
      <c r="M24" s="116">
        <v>15120383</v>
      </c>
      <c r="N24" s="110">
        <v>92728</v>
      </c>
      <c r="O24" s="114">
        <v>31920</v>
      </c>
      <c r="P24" s="113">
        <v>124648</v>
      </c>
      <c r="Q24" s="110">
        <v>0</v>
      </c>
      <c r="R24" s="114">
        <v>1084734</v>
      </c>
      <c r="S24" s="114">
        <v>1057148</v>
      </c>
      <c r="T24" s="114">
        <v>1073640</v>
      </c>
      <c r="U24" s="114">
        <v>885005</v>
      </c>
      <c r="V24" s="114">
        <v>1133541</v>
      </c>
      <c r="W24" s="113">
        <v>5234068</v>
      </c>
      <c r="X24" s="116">
        <v>5358716</v>
      </c>
      <c r="Y24" s="110">
        <v>0</v>
      </c>
      <c r="Z24" s="114">
        <v>0</v>
      </c>
      <c r="AA24" s="113">
        <v>0</v>
      </c>
      <c r="AB24" s="110">
        <v>0</v>
      </c>
      <c r="AC24" s="114">
        <v>353484</v>
      </c>
      <c r="AD24" s="114">
        <v>375069</v>
      </c>
      <c r="AE24" s="114">
        <v>286284</v>
      </c>
      <c r="AF24" s="114">
        <v>546564</v>
      </c>
      <c r="AG24" s="114">
        <v>519600</v>
      </c>
      <c r="AH24" s="113">
        <v>2081001</v>
      </c>
      <c r="AI24" s="116">
        <v>2081001</v>
      </c>
      <c r="AJ24" s="110">
        <v>0</v>
      </c>
      <c r="AK24" s="114">
        <v>0</v>
      </c>
      <c r="AL24" s="113">
        <v>0</v>
      </c>
      <c r="AM24" s="110">
        <v>0</v>
      </c>
      <c r="AN24" s="114">
        <v>0</v>
      </c>
      <c r="AO24" s="114">
        <v>13652</v>
      </c>
      <c r="AP24" s="114">
        <v>224669</v>
      </c>
      <c r="AQ24" s="114">
        <v>11680</v>
      </c>
      <c r="AR24" s="114">
        <v>213150</v>
      </c>
      <c r="AS24" s="113">
        <v>463151</v>
      </c>
      <c r="AT24" s="116">
        <v>463151</v>
      </c>
      <c r="AU24" s="110">
        <v>41120</v>
      </c>
      <c r="AV24" s="114">
        <v>12720</v>
      </c>
      <c r="AW24" s="113">
        <v>53840</v>
      </c>
      <c r="AX24" s="110">
        <v>0</v>
      </c>
      <c r="AY24" s="114">
        <v>433716</v>
      </c>
      <c r="AZ24" s="114">
        <v>372488</v>
      </c>
      <c r="BA24" s="114">
        <v>360231</v>
      </c>
      <c r="BB24" s="114">
        <v>144707</v>
      </c>
      <c r="BC24" s="114">
        <v>300167</v>
      </c>
      <c r="BD24" s="113">
        <v>1611309</v>
      </c>
      <c r="BE24" s="116">
        <v>1665149</v>
      </c>
      <c r="BF24" s="110">
        <v>0</v>
      </c>
      <c r="BG24" s="114">
        <v>0</v>
      </c>
      <c r="BH24" s="112">
        <v>0</v>
      </c>
      <c r="BI24" s="111">
        <v>0</v>
      </c>
      <c r="BJ24" s="114">
        <v>25294</v>
      </c>
      <c r="BK24" s="114">
        <v>79131</v>
      </c>
      <c r="BL24" s="114">
        <v>0</v>
      </c>
      <c r="BM24" s="114">
        <v>26590</v>
      </c>
      <c r="BN24" s="114">
        <v>0</v>
      </c>
      <c r="BO24" s="113">
        <v>131015</v>
      </c>
      <c r="BP24" s="116">
        <v>131015</v>
      </c>
      <c r="BQ24" s="110">
        <v>51608</v>
      </c>
      <c r="BR24" s="114">
        <v>19200</v>
      </c>
      <c r="BS24" s="113">
        <v>70808</v>
      </c>
      <c r="BT24" s="110">
        <v>0</v>
      </c>
      <c r="BU24" s="114">
        <v>272240</v>
      </c>
      <c r="BV24" s="114">
        <v>216808</v>
      </c>
      <c r="BW24" s="114">
        <v>202456</v>
      </c>
      <c r="BX24" s="114">
        <v>155464</v>
      </c>
      <c r="BY24" s="114">
        <v>100624</v>
      </c>
      <c r="BZ24" s="113">
        <v>947592</v>
      </c>
      <c r="CA24" s="116">
        <v>1018400</v>
      </c>
      <c r="CB24" s="110">
        <v>21504</v>
      </c>
      <c r="CC24" s="114">
        <v>76883</v>
      </c>
      <c r="CD24" s="113">
        <v>98387</v>
      </c>
      <c r="CE24" s="110">
        <v>0</v>
      </c>
      <c r="CF24" s="114">
        <v>1475824</v>
      </c>
      <c r="CG24" s="114">
        <v>1278079</v>
      </c>
      <c r="CH24" s="114">
        <v>848551</v>
      </c>
      <c r="CI24" s="114">
        <v>320816</v>
      </c>
      <c r="CJ24" s="114">
        <v>0</v>
      </c>
      <c r="CK24" s="113">
        <v>3923270</v>
      </c>
      <c r="CL24" s="116">
        <v>4021657</v>
      </c>
      <c r="CM24" s="110">
        <v>0</v>
      </c>
      <c r="CN24" s="114">
        <v>0</v>
      </c>
      <c r="CO24" s="113">
        <v>0</v>
      </c>
      <c r="CP24" s="111">
        <v>0</v>
      </c>
      <c r="CQ24" s="114">
        <v>1011112</v>
      </c>
      <c r="CR24" s="114">
        <v>895411</v>
      </c>
      <c r="CS24" s="114">
        <v>659673</v>
      </c>
      <c r="CT24" s="114">
        <v>0</v>
      </c>
      <c r="CU24" s="114">
        <v>0</v>
      </c>
      <c r="CV24" s="113">
        <v>2566196</v>
      </c>
      <c r="CW24" s="116">
        <v>2566196</v>
      </c>
      <c r="CX24" s="110">
        <v>21504</v>
      </c>
      <c r="CY24" s="114">
        <v>76883</v>
      </c>
      <c r="CZ24" s="113">
        <v>98387</v>
      </c>
      <c r="DA24" s="110">
        <v>0</v>
      </c>
      <c r="DB24" s="114">
        <v>464712</v>
      </c>
      <c r="DC24" s="114">
        <v>382668</v>
      </c>
      <c r="DD24" s="114">
        <v>188878</v>
      </c>
      <c r="DE24" s="114">
        <v>320816</v>
      </c>
      <c r="DF24" s="114">
        <v>0</v>
      </c>
      <c r="DG24" s="113">
        <v>1357074</v>
      </c>
      <c r="DH24" s="116">
        <v>1455461</v>
      </c>
      <c r="DI24" s="110">
        <v>0</v>
      </c>
      <c r="DJ24" s="114">
        <v>0</v>
      </c>
      <c r="DK24" s="112">
        <v>0</v>
      </c>
      <c r="DL24" s="111">
        <v>0</v>
      </c>
      <c r="DM24" s="114">
        <v>62109</v>
      </c>
      <c r="DN24" s="114">
        <v>136575</v>
      </c>
      <c r="DO24" s="114">
        <v>67136</v>
      </c>
      <c r="DP24" s="114">
        <v>0</v>
      </c>
      <c r="DQ24" s="114">
        <v>560650</v>
      </c>
      <c r="DR24" s="113">
        <v>826470</v>
      </c>
      <c r="DS24" s="116">
        <v>826470</v>
      </c>
      <c r="DT24" s="110">
        <v>0</v>
      </c>
      <c r="DU24" s="114">
        <v>0</v>
      </c>
      <c r="DV24" s="113">
        <v>0</v>
      </c>
      <c r="DW24" s="110">
        <v>0</v>
      </c>
      <c r="DX24" s="114">
        <v>62109</v>
      </c>
      <c r="DY24" s="114">
        <v>136575</v>
      </c>
      <c r="DZ24" s="114">
        <v>67136</v>
      </c>
      <c r="EA24" s="114">
        <v>0</v>
      </c>
      <c r="EB24" s="114">
        <v>499714</v>
      </c>
      <c r="EC24" s="113">
        <v>765534</v>
      </c>
      <c r="ED24" s="116">
        <v>765534</v>
      </c>
      <c r="EE24" s="110">
        <v>0</v>
      </c>
      <c r="EF24" s="112">
        <v>0</v>
      </c>
      <c r="EG24" s="113">
        <v>0</v>
      </c>
      <c r="EH24" s="110">
        <v>0</v>
      </c>
      <c r="EI24" s="114">
        <v>0</v>
      </c>
      <c r="EJ24" s="114">
        <v>0</v>
      </c>
      <c r="EK24" s="114">
        <v>0</v>
      </c>
      <c r="EL24" s="114">
        <v>0</v>
      </c>
      <c r="EM24" s="114">
        <v>60936</v>
      </c>
      <c r="EN24" s="112">
        <v>60936</v>
      </c>
      <c r="EO24" s="116">
        <v>60936</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5"/>
      <c r="FE24" s="114">
        <v>0</v>
      </c>
      <c r="FF24" s="114">
        <v>0</v>
      </c>
      <c r="FG24" s="114">
        <v>0</v>
      </c>
      <c r="FH24" s="114">
        <v>0</v>
      </c>
      <c r="FI24" s="114">
        <v>0</v>
      </c>
      <c r="FJ24" s="113">
        <v>0</v>
      </c>
      <c r="FK24" s="116">
        <v>0</v>
      </c>
      <c r="FL24" s="110">
        <v>22120</v>
      </c>
      <c r="FM24" s="114">
        <v>49360</v>
      </c>
      <c r="FN24" s="113">
        <v>71480</v>
      </c>
      <c r="FO24" s="110">
        <v>0</v>
      </c>
      <c r="FP24" s="114">
        <v>302056</v>
      </c>
      <c r="FQ24" s="114">
        <v>450054</v>
      </c>
      <c r="FR24" s="114">
        <v>171968</v>
      </c>
      <c r="FS24" s="114">
        <v>226768</v>
      </c>
      <c r="FT24" s="114">
        <v>178024</v>
      </c>
      <c r="FU24" s="113">
        <v>1328870</v>
      </c>
      <c r="FV24" s="116">
        <v>1400350</v>
      </c>
      <c r="FW24" s="115">
        <v>22120</v>
      </c>
      <c r="FX24" s="114">
        <v>49360</v>
      </c>
      <c r="FY24" s="112">
        <v>71480</v>
      </c>
      <c r="FZ24" s="111">
        <v>0</v>
      </c>
      <c r="GA24" s="114">
        <v>225256</v>
      </c>
      <c r="GB24" s="114">
        <v>328672</v>
      </c>
      <c r="GC24" s="114">
        <v>171968</v>
      </c>
      <c r="GD24" s="114">
        <v>167760</v>
      </c>
      <c r="GE24" s="114">
        <v>178024</v>
      </c>
      <c r="GF24" s="113">
        <v>1071680</v>
      </c>
      <c r="GG24" s="316">
        <v>1143160</v>
      </c>
      <c r="GH24" s="115">
        <v>0</v>
      </c>
      <c r="GI24" s="114">
        <v>0</v>
      </c>
      <c r="GJ24" s="112">
        <v>0</v>
      </c>
      <c r="GK24" s="111">
        <v>0</v>
      </c>
      <c r="GL24" s="114">
        <v>0</v>
      </c>
      <c r="GM24" s="114">
        <v>12038</v>
      </c>
      <c r="GN24" s="114">
        <v>0</v>
      </c>
      <c r="GO24" s="114">
        <v>0</v>
      </c>
      <c r="GP24" s="114">
        <v>0</v>
      </c>
      <c r="GQ24" s="113">
        <v>12038</v>
      </c>
      <c r="GR24" s="116">
        <v>12038</v>
      </c>
      <c r="GS24" s="110">
        <v>0</v>
      </c>
      <c r="GT24" s="114">
        <v>0</v>
      </c>
      <c r="GU24" s="113">
        <v>0</v>
      </c>
      <c r="GV24" s="110">
        <v>0</v>
      </c>
      <c r="GW24" s="114">
        <v>76800</v>
      </c>
      <c r="GX24" s="114">
        <v>109344</v>
      </c>
      <c r="GY24" s="114">
        <v>0</v>
      </c>
      <c r="GZ24" s="114">
        <v>59008</v>
      </c>
      <c r="HA24" s="114">
        <v>0</v>
      </c>
      <c r="HB24" s="112">
        <v>245152</v>
      </c>
      <c r="HC24" s="116">
        <v>245152</v>
      </c>
      <c r="HD24" s="110">
        <v>63804</v>
      </c>
      <c r="HE24" s="114">
        <v>187146</v>
      </c>
      <c r="HF24" s="112">
        <v>250950</v>
      </c>
      <c r="HG24" s="111">
        <v>0</v>
      </c>
      <c r="HH24" s="114">
        <v>934661</v>
      </c>
      <c r="HI24" s="114">
        <v>899899</v>
      </c>
      <c r="HJ24" s="114">
        <v>997018</v>
      </c>
      <c r="HK24" s="114">
        <v>430662</v>
      </c>
      <c r="HL24" s="114">
        <v>0</v>
      </c>
      <c r="HM24" s="113">
        <v>3262240</v>
      </c>
      <c r="HN24" s="109">
        <v>3513190</v>
      </c>
      <c r="HO24" s="326"/>
      <c r="HP24" s="327"/>
      <c r="HQ24" s="328"/>
      <c r="HR24" s="329"/>
      <c r="HS24" s="327"/>
      <c r="HT24" s="327"/>
      <c r="HU24" s="327"/>
      <c r="HV24" s="327"/>
      <c r="HW24" s="327"/>
      <c r="HX24" s="330"/>
      <c r="HY24" s="331"/>
      <c r="HZ24" s="150">
        <v>0</v>
      </c>
      <c r="IA24" s="135">
        <v>0</v>
      </c>
      <c r="IB24" s="150">
        <v>0</v>
      </c>
      <c r="IC24" s="134">
        <v>0</v>
      </c>
      <c r="ID24" s="135">
        <v>1338098</v>
      </c>
      <c r="IE24" s="136">
        <v>1560898</v>
      </c>
      <c r="IF24" s="137">
        <v>721578</v>
      </c>
      <c r="IG24" s="135">
        <v>312245</v>
      </c>
      <c r="IH24" s="137">
        <v>369080</v>
      </c>
      <c r="II24" s="138">
        <v>4301899</v>
      </c>
      <c r="IJ24" s="150">
        <v>4301899</v>
      </c>
      <c r="IK24" s="232">
        <v>0</v>
      </c>
      <c r="IL24" s="236">
        <v>0</v>
      </c>
      <c r="IM24" s="237">
        <v>0</v>
      </c>
      <c r="IN24" s="140"/>
      <c r="IO24" s="119">
        <v>52917</v>
      </c>
      <c r="IP24" s="119">
        <v>0</v>
      </c>
      <c r="IQ24" s="119">
        <v>0</v>
      </c>
      <c r="IR24" s="119">
        <v>0</v>
      </c>
      <c r="IS24" s="119">
        <v>0</v>
      </c>
      <c r="IT24" s="141">
        <v>52917</v>
      </c>
      <c r="IU24" s="318">
        <v>52917</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39866</v>
      </c>
      <c r="JL24" s="119">
        <v>425166</v>
      </c>
      <c r="JM24" s="119">
        <v>0</v>
      </c>
      <c r="JN24" s="119">
        <v>0</v>
      </c>
      <c r="JO24" s="119">
        <v>0</v>
      </c>
      <c r="JP24" s="120">
        <v>465032</v>
      </c>
      <c r="JQ24" s="318">
        <v>465032</v>
      </c>
      <c r="JR24" s="142">
        <v>0</v>
      </c>
      <c r="JS24" s="119">
        <v>0</v>
      </c>
      <c r="JT24" s="141">
        <v>0</v>
      </c>
      <c r="JU24" s="118">
        <v>0</v>
      </c>
      <c r="JV24" s="119">
        <v>58455</v>
      </c>
      <c r="JW24" s="119">
        <v>428021</v>
      </c>
      <c r="JX24" s="119">
        <v>40486</v>
      </c>
      <c r="JY24" s="119">
        <v>0</v>
      </c>
      <c r="JZ24" s="119">
        <v>0</v>
      </c>
      <c r="KA24" s="120">
        <v>526962</v>
      </c>
      <c r="KB24" s="318">
        <v>526962</v>
      </c>
      <c r="KC24" s="234">
        <v>0</v>
      </c>
      <c r="KD24" s="230">
        <v>0</v>
      </c>
      <c r="KE24" s="120">
        <v>0</v>
      </c>
      <c r="KF24" s="118">
        <v>0</v>
      </c>
      <c r="KG24" s="119">
        <v>708535</v>
      </c>
      <c r="KH24" s="119">
        <v>179898</v>
      </c>
      <c r="KI24" s="119">
        <v>421323</v>
      </c>
      <c r="KJ24" s="119">
        <v>0</v>
      </c>
      <c r="KK24" s="119">
        <v>0</v>
      </c>
      <c r="KL24" s="120">
        <v>1309756</v>
      </c>
      <c r="KM24" s="143">
        <v>1309756</v>
      </c>
      <c r="KN24" s="232">
        <v>0</v>
      </c>
      <c r="KO24" s="236">
        <v>0</v>
      </c>
      <c r="KP24" s="237">
        <v>0</v>
      </c>
      <c r="KQ24" s="140"/>
      <c r="KR24" s="119">
        <v>478325</v>
      </c>
      <c r="KS24" s="119">
        <v>496130</v>
      </c>
      <c r="KT24" s="119">
        <v>259769</v>
      </c>
      <c r="KU24" s="119">
        <v>0</v>
      </c>
      <c r="KV24" s="119">
        <v>0</v>
      </c>
      <c r="KW24" s="120">
        <v>1234224</v>
      </c>
      <c r="KX24" s="318">
        <v>1234224</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18">
        <v>0</v>
      </c>
      <c r="LU24" s="142">
        <v>0</v>
      </c>
      <c r="LV24" s="119">
        <v>0</v>
      </c>
      <c r="LW24" s="120">
        <v>0</v>
      </c>
      <c r="LX24" s="145"/>
      <c r="LY24" s="119">
        <v>0</v>
      </c>
      <c r="LZ24" s="119">
        <v>31683</v>
      </c>
      <c r="MA24" s="119">
        <v>0</v>
      </c>
      <c r="MB24" s="119">
        <v>312245</v>
      </c>
      <c r="MC24" s="119">
        <v>369080</v>
      </c>
      <c r="MD24" s="120">
        <v>713008</v>
      </c>
      <c r="ME24" s="121">
        <v>713008</v>
      </c>
      <c r="MF24" s="142">
        <v>0</v>
      </c>
      <c r="MG24" s="119">
        <v>0</v>
      </c>
      <c r="MH24" s="120">
        <v>0</v>
      </c>
      <c r="MI24" s="145"/>
      <c r="MJ24" s="119">
        <v>0</v>
      </c>
      <c r="MK24" s="119">
        <v>515709</v>
      </c>
      <c r="ML24" s="119">
        <v>2314691</v>
      </c>
      <c r="MM24" s="119">
        <v>1901821</v>
      </c>
      <c r="MN24" s="119">
        <v>2022162</v>
      </c>
      <c r="MO24" s="120">
        <v>6754383</v>
      </c>
      <c r="MP24" s="143">
        <v>6754383</v>
      </c>
      <c r="MQ24" s="142">
        <v>0</v>
      </c>
      <c r="MR24" s="119">
        <v>0</v>
      </c>
      <c r="MS24" s="120">
        <v>0</v>
      </c>
      <c r="MT24" s="145"/>
      <c r="MU24" s="119">
        <v>0</v>
      </c>
      <c r="MV24" s="119">
        <v>0</v>
      </c>
      <c r="MW24" s="119">
        <v>1239066</v>
      </c>
      <c r="MX24" s="119">
        <v>986067</v>
      </c>
      <c r="MY24" s="119">
        <v>1701165</v>
      </c>
      <c r="MZ24" s="120">
        <v>3926298</v>
      </c>
      <c r="NA24" s="143">
        <v>3926298</v>
      </c>
      <c r="NB24" s="142">
        <v>0</v>
      </c>
      <c r="NC24" s="119">
        <v>0</v>
      </c>
      <c r="ND24" s="120">
        <v>0</v>
      </c>
      <c r="NE24" s="145"/>
      <c r="NF24" s="119">
        <v>0</v>
      </c>
      <c r="NG24" s="119">
        <v>515709</v>
      </c>
      <c r="NH24" s="119">
        <v>1075625</v>
      </c>
      <c r="NI24" s="119">
        <v>915754</v>
      </c>
      <c r="NJ24" s="119">
        <v>320997</v>
      </c>
      <c r="NK24" s="120">
        <v>2828085</v>
      </c>
      <c r="NL24" s="318">
        <v>2828085</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200156</v>
      </c>
      <c r="OJ24" s="119">
        <v>345309</v>
      </c>
      <c r="OK24" s="141">
        <v>545465</v>
      </c>
      <c r="OL24" s="118">
        <v>0</v>
      </c>
      <c r="OM24" s="119">
        <v>5197482</v>
      </c>
      <c r="ON24" s="119">
        <v>5898362</v>
      </c>
      <c r="OO24" s="119">
        <v>6194582</v>
      </c>
      <c r="OP24" s="119">
        <v>4077317</v>
      </c>
      <c r="OQ24" s="119">
        <v>4263457</v>
      </c>
      <c r="OR24" s="120">
        <v>25631200</v>
      </c>
      <c r="OS24" s="143">
        <v>26176665</v>
      </c>
    </row>
    <row r="25" spans="2:409" ht="21" customHeight="1" x14ac:dyDescent="0.2">
      <c r="B25" s="126" t="s">
        <v>20</v>
      </c>
      <c r="C25" s="110">
        <v>502699</v>
      </c>
      <c r="D25" s="114">
        <v>736636</v>
      </c>
      <c r="E25" s="113">
        <v>1239335</v>
      </c>
      <c r="F25" s="110">
        <v>0</v>
      </c>
      <c r="G25" s="114">
        <v>5549953</v>
      </c>
      <c r="H25" s="114">
        <v>5878571</v>
      </c>
      <c r="I25" s="114">
        <v>5405247</v>
      </c>
      <c r="J25" s="114">
        <v>6599253</v>
      </c>
      <c r="K25" s="114">
        <v>3261992</v>
      </c>
      <c r="L25" s="173">
        <v>26695016</v>
      </c>
      <c r="M25" s="116">
        <v>27934351</v>
      </c>
      <c r="N25" s="110">
        <v>161692</v>
      </c>
      <c r="O25" s="114">
        <v>142476</v>
      </c>
      <c r="P25" s="113">
        <v>304168</v>
      </c>
      <c r="Q25" s="110">
        <v>0</v>
      </c>
      <c r="R25" s="114">
        <v>2165647</v>
      </c>
      <c r="S25" s="114">
        <v>2278844</v>
      </c>
      <c r="T25" s="114">
        <v>1608755</v>
      </c>
      <c r="U25" s="114">
        <v>1074912</v>
      </c>
      <c r="V25" s="114">
        <v>1801964</v>
      </c>
      <c r="W25" s="113">
        <v>8930122</v>
      </c>
      <c r="X25" s="116">
        <v>9234290</v>
      </c>
      <c r="Y25" s="110">
        <v>0</v>
      </c>
      <c r="Z25" s="114">
        <v>0</v>
      </c>
      <c r="AA25" s="113">
        <v>0</v>
      </c>
      <c r="AB25" s="110">
        <v>0</v>
      </c>
      <c r="AC25" s="114">
        <v>796519</v>
      </c>
      <c r="AD25" s="114">
        <v>847872</v>
      </c>
      <c r="AE25" s="114">
        <v>693391</v>
      </c>
      <c r="AF25" s="114">
        <v>404401</v>
      </c>
      <c r="AG25" s="114">
        <v>1055997</v>
      </c>
      <c r="AH25" s="113">
        <v>3798180</v>
      </c>
      <c r="AI25" s="116">
        <v>3798180</v>
      </c>
      <c r="AJ25" s="110">
        <v>0</v>
      </c>
      <c r="AK25" s="114">
        <v>0</v>
      </c>
      <c r="AL25" s="113">
        <v>0</v>
      </c>
      <c r="AM25" s="110">
        <v>0</v>
      </c>
      <c r="AN25" s="114">
        <v>106604</v>
      </c>
      <c r="AO25" s="114">
        <v>0</v>
      </c>
      <c r="AP25" s="114">
        <v>72940</v>
      </c>
      <c r="AQ25" s="114">
        <v>61217</v>
      </c>
      <c r="AR25" s="114">
        <v>164628</v>
      </c>
      <c r="AS25" s="113">
        <v>405389</v>
      </c>
      <c r="AT25" s="116">
        <v>405389</v>
      </c>
      <c r="AU25" s="110">
        <v>100286</v>
      </c>
      <c r="AV25" s="114">
        <v>23333</v>
      </c>
      <c r="AW25" s="113">
        <v>123619</v>
      </c>
      <c r="AX25" s="110">
        <v>0</v>
      </c>
      <c r="AY25" s="114">
        <v>833863</v>
      </c>
      <c r="AZ25" s="114">
        <v>910137</v>
      </c>
      <c r="BA25" s="114">
        <v>391589</v>
      </c>
      <c r="BB25" s="114">
        <v>230669</v>
      </c>
      <c r="BC25" s="114">
        <v>419675</v>
      </c>
      <c r="BD25" s="113">
        <v>2785933</v>
      </c>
      <c r="BE25" s="116">
        <v>2909552</v>
      </c>
      <c r="BF25" s="110">
        <v>39414</v>
      </c>
      <c r="BG25" s="114">
        <v>71447</v>
      </c>
      <c r="BH25" s="112">
        <v>110861</v>
      </c>
      <c r="BI25" s="111">
        <v>0</v>
      </c>
      <c r="BJ25" s="114">
        <v>156117</v>
      </c>
      <c r="BK25" s="114">
        <v>284667</v>
      </c>
      <c r="BL25" s="114">
        <v>93763</v>
      </c>
      <c r="BM25" s="114">
        <v>62121</v>
      </c>
      <c r="BN25" s="114">
        <v>0</v>
      </c>
      <c r="BO25" s="113">
        <v>596668</v>
      </c>
      <c r="BP25" s="116">
        <v>707529</v>
      </c>
      <c r="BQ25" s="110">
        <v>21992</v>
      </c>
      <c r="BR25" s="114">
        <v>47696</v>
      </c>
      <c r="BS25" s="113">
        <v>69688</v>
      </c>
      <c r="BT25" s="110">
        <v>0</v>
      </c>
      <c r="BU25" s="114">
        <v>272544</v>
      </c>
      <c r="BV25" s="114">
        <v>236168</v>
      </c>
      <c r="BW25" s="114">
        <v>357072</v>
      </c>
      <c r="BX25" s="114">
        <v>316504</v>
      </c>
      <c r="BY25" s="114">
        <v>161664</v>
      </c>
      <c r="BZ25" s="113">
        <v>1343952</v>
      </c>
      <c r="CA25" s="116">
        <v>1413640</v>
      </c>
      <c r="CB25" s="110">
        <v>40515</v>
      </c>
      <c r="CC25" s="114">
        <v>183840</v>
      </c>
      <c r="CD25" s="113">
        <v>224355</v>
      </c>
      <c r="CE25" s="110">
        <v>0</v>
      </c>
      <c r="CF25" s="114">
        <v>1808209</v>
      </c>
      <c r="CG25" s="114">
        <v>1975287</v>
      </c>
      <c r="CH25" s="114">
        <v>1273015</v>
      </c>
      <c r="CI25" s="114">
        <v>1278631</v>
      </c>
      <c r="CJ25" s="114">
        <v>14624</v>
      </c>
      <c r="CK25" s="113">
        <v>6349766</v>
      </c>
      <c r="CL25" s="116">
        <v>6574121</v>
      </c>
      <c r="CM25" s="110">
        <v>0</v>
      </c>
      <c r="CN25" s="114">
        <v>0</v>
      </c>
      <c r="CO25" s="113">
        <v>0</v>
      </c>
      <c r="CP25" s="111">
        <v>0</v>
      </c>
      <c r="CQ25" s="114">
        <v>1421146</v>
      </c>
      <c r="CR25" s="114">
        <v>1265266</v>
      </c>
      <c r="CS25" s="114">
        <v>714045</v>
      </c>
      <c r="CT25" s="114">
        <v>703487</v>
      </c>
      <c r="CU25" s="114">
        <v>0</v>
      </c>
      <c r="CV25" s="113">
        <v>4103944</v>
      </c>
      <c r="CW25" s="116">
        <v>4103944</v>
      </c>
      <c r="CX25" s="110">
        <v>40515</v>
      </c>
      <c r="CY25" s="114">
        <v>183840</v>
      </c>
      <c r="CZ25" s="113">
        <v>224355</v>
      </c>
      <c r="DA25" s="110">
        <v>0</v>
      </c>
      <c r="DB25" s="114">
        <v>387063</v>
      </c>
      <c r="DC25" s="114">
        <v>710021</v>
      </c>
      <c r="DD25" s="114">
        <v>558970</v>
      </c>
      <c r="DE25" s="114">
        <v>575144</v>
      </c>
      <c r="DF25" s="114">
        <v>14624</v>
      </c>
      <c r="DG25" s="113">
        <v>2245822</v>
      </c>
      <c r="DH25" s="116">
        <v>2470177</v>
      </c>
      <c r="DI25" s="110">
        <v>36780</v>
      </c>
      <c r="DJ25" s="114">
        <v>0</v>
      </c>
      <c r="DK25" s="112">
        <v>36780</v>
      </c>
      <c r="DL25" s="111">
        <v>0</v>
      </c>
      <c r="DM25" s="114">
        <v>195272</v>
      </c>
      <c r="DN25" s="114">
        <v>265302</v>
      </c>
      <c r="DO25" s="114">
        <v>313306</v>
      </c>
      <c r="DP25" s="114">
        <v>2744169</v>
      </c>
      <c r="DQ25" s="114">
        <v>0</v>
      </c>
      <c r="DR25" s="113">
        <v>3518049</v>
      </c>
      <c r="DS25" s="116">
        <v>3554829</v>
      </c>
      <c r="DT25" s="110">
        <v>36780</v>
      </c>
      <c r="DU25" s="114">
        <v>0</v>
      </c>
      <c r="DV25" s="113">
        <v>36780</v>
      </c>
      <c r="DW25" s="110">
        <v>0</v>
      </c>
      <c r="DX25" s="114">
        <v>195272</v>
      </c>
      <c r="DY25" s="114">
        <v>265302</v>
      </c>
      <c r="DZ25" s="114">
        <v>254089</v>
      </c>
      <c r="EA25" s="114">
        <v>2604462</v>
      </c>
      <c r="EB25" s="114">
        <v>0</v>
      </c>
      <c r="EC25" s="113">
        <v>3319125</v>
      </c>
      <c r="ED25" s="116">
        <v>3355905</v>
      </c>
      <c r="EE25" s="110">
        <v>0</v>
      </c>
      <c r="EF25" s="112">
        <v>0</v>
      </c>
      <c r="EG25" s="113">
        <v>0</v>
      </c>
      <c r="EH25" s="110">
        <v>0</v>
      </c>
      <c r="EI25" s="114">
        <v>0</v>
      </c>
      <c r="EJ25" s="114">
        <v>0</v>
      </c>
      <c r="EK25" s="114">
        <v>59217</v>
      </c>
      <c r="EL25" s="114">
        <v>139707</v>
      </c>
      <c r="EM25" s="114">
        <v>0</v>
      </c>
      <c r="EN25" s="112">
        <v>198924</v>
      </c>
      <c r="EO25" s="116">
        <v>198924</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5"/>
      <c r="FE25" s="114">
        <v>0</v>
      </c>
      <c r="FF25" s="114">
        <v>0</v>
      </c>
      <c r="FG25" s="114">
        <v>0</v>
      </c>
      <c r="FH25" s="114">
        <v>0</v>
      </c>
      <c r="FI25" s="114">
        <v>0</v>
      </c>
      <c r="FJ25" s="113">
        <v>0</v>
      </c>
      <c r="FK25" s="116">
        <v>0</v>
      </c>
      <c r="FL25" s="110">
        <v>210008</v>
      </c>
      <c r="FM25" s="114">
        <v>223536</v>
      </c>
      <c r="FN25" s="113">
        <v>433544</v>
      </c>
      <c r="FO25" s="110">
        <v>0</v>
      </c>
      <c r="FP25" s="114">
        <v>411712</v>
      </c>
      <c r="FQ25" s="114">
        <v>649840</v>
      </c>
      <c r="FR25" s="114">
        <v>429144</v>
      </c>
      <c r="FS25" s="114">
        <v>392064</v>
      </c>
      <c r="FT25" s="114">
        <v>244384</v>
      </c>
      <c r="FU25" s="113">
        <v>2127144</v>
      </c>
      <c r="FV25" s="116">
        <v>2560688</v>
      </c>
      <c r="FW25" s="115">
        <v>53632</v>
      </c>
      <c r="FX25" s="114">
        <v>103856</v>
      </c>
      <c r="FY25" s="112">
        <v>157488</v>
      </c>
      <c r="FZ25" s="111">
        <v>0</v>
      </c>
      <c r="GA25" s="114">
        <v>311312</v>
      </c>
      <c r="GB25" s="114">
        <v>577680</v>
      </c>
      <c r="GC25" s="114">
        <v>429144</v>
      </c>
      <c r="GD25" s="114">
        <v>392064</v>
      </c>
      <c r="GE25" s="114">
        <v>244384</v>
      </c>
      <c r="GF25" s="113">
        <v>1954584</v>
      </c>
      <c r="GG25" s="316">
        <v>2112072</v>
      </c>
      <c r="GH25" s="115">
        <v>0</v>
      </c>
      <c r="GI25" s="114">
        <v>22880</v>
      </c>
      <c r="GJ25" s="112">
        <v>22880</v>
      </c>
      <c r="GK25" s="111">
        <v>0</v>
      </c>
      <c r="GL25" s="114">
        <v>26400</v>
      </c>
      <c r="GM25" s="114">
        <v>72160</v>
      </c>
      <c r="GN25" s="114">
        <v>0</v>
      </c>
      <c r="GO25" s="114">
        <v>0</v>
      </c>
      <c r="GP25" s="114">
        <v>0</v>
      </c>
      <c r="GQ25" s="113">
        <v>98560</v>
      </c>
      <c r="GR25" s="116">
        <v>121440</v>
      </c>
      <c r="GS25" s="110">
        <v>156376</v>
      </c>
      <c r="GT25" s="114">
        <v>96800</v>
      </c>
      <c r="GU25" s="113">
        <v>253176</v>
      </c>
      <c r="GV25" s="110">
        <v>0</v>
      </c>
      <c r="GW25" s="114">
        <v>74000</v>
      </c>
      <c r="GX25" s="114">
        <v>0</v>
      </c>
      <c r="GY25" s="114">
        <v>0</v>
      </c>
      <c r="GZ25" s="114">
        <v>0</v>
      </c>
      <c r="HA25" s="114">
        <v>0</v>
      </c>
      <c r="HB25" s="112">
        <v>74000</v>
      </c>
      <c r="HC25" s="116">
        <v>327176</v>
      </c>
      <c r="HD25" s="110">
        <v>53704</v>
      </c>
      <c r="HE25" s="114">
        <v>186784</v>
      </c>
      <c r="HF25" s="112">
        <v>240488</v>
      </c>
      <c r="HG25" s="111">
        <v>0</v>
      </c>
      <c r="HH25" s="114">
        <v>969113</v>
      </c>
      <c r="HI25" s="114">
        <v>709298</v>
      </c>
      <c r="HJ25" s="114">
        <v>1781027</v>
      </c>
      <c r="HK25" s="114">
        <v>1109477</v>
      </c>
      <c r="HL25" s="114">
        <v>1201020</v>
      </c>
      <c r="HM25" s="113">
        <v>5769935</v>
      </c>
      <c r="HN25" s="109">
        <v>6010423</v>
      </c>
      <c r="HO25" s="326"/>
      <c r="HP25" s="327"/>
      <c r="HQ25" s="328"/>
      <c r="HR25" s="329"/>
      <c r="HS25" s="327"/>
      <c r="HT25" s="327"/>
      <c r="HU25" s="327"/>
      <c r="HV25" s="327"/>
      <c r="HW25" s="327"/>
      <c r="HX25" s="330"/>
      <c r="HY25" s="331"/>
      <c r="HZ25" s="131">
        <v>0</v>
      </c>
      <c r="IA25" s="132">
        <v>0</v>
      </c>
      <c r="IB25" s="133">
        <v>0</v>
      </c>
      <c r="IC25" s="146">
        <v>0</v>
      </c>
      <c r="ID25" s="132">
        <v>368908</v>
      </c>
      <c r="IE25" s="147">
        <v>413095</v>
      </c>
      <c r="IF25" s="133">
        <v>1583373</v>
      </c>
      <c r="IG25" s="132">
        <v>738057</v>
      </c>
      <c r="IH25" s="133">
        <v>10590</v>
      </c>
      <c r="II25" s="148">
        <v>3114023</v>
      </c>
      <c r="IJ25" s="139">
        <v>3114023</v>
      </c>
      <c r="IK25" s="232">
        <v>0</v>
      </c>
      <c r="IL25" s="236">
        <v>0</v>
      </c>
      <c r="IM25" s="237">
        <v>0</v>
      </c>
      <c r="IN25" s="140"/>
      <c r="IO25" s="119">
        <v>0</v>
      </c>
      <c r="IP25" s="119">
        <v>0</v>
      </c>
      <c r="IQ25" s="119">
        <v>0</v>
      </c>
      <c r="IR25" s="119">
        <v>0</v>
      </c>
      <c r="IS25" s="119">
        <v>0</v>
      </c>
      <c r="IT25" s="141">
        <v>0</v>
      </c>
      <c r="IU25" s="318">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368908</v>
      </c>
      <c r="JL25" s="119">
        <v>155683</v>
      </c>
      <c r="JM25" s="119">
        <v>565183</v>
      </c>
      <c r="JN25" s="119">
        <v>177382</v>
      </c>
      <c r="JO25" s="119">
        <v>10590</v>
      </c>
      <c r="JP25" s="120">
        <v>1277746</v>
      </c>
      <c r="JQ25" s="318">
        <v>1277746</v>
      </c>
      <c r="JR25" s="142">
        <v>0</v>
      </c>
      <c r="JS25" s="119">
        <v>0</v>
      </c>
      <c r="JT25" s="141">
        <v>0</v>
      </c>
      <c r="JU25" s="118">
        <v>0</v>
      </c>
      <c r="JV25" s="119">
        <v>0</v>
      </c>
      <c r="JW25" s="119">
        <v>0</v>
      </c>
      <c r="JX25" s="119">
        <v>0</v>
      </c>
      <c r="JY25" s="119">
        <v>0</v>
      </c>
      <c r="JZ25" s="119">
        <v>0</v>
      </c>
      <c r="KA25" s="120">
        <v>0</v>
      </c>
      <c r="KB25" s="318">
        <v>0</v>
      </c>
      <c r="KC25" s="234">
        <v>0</v>
      </c>
      <c r="KD25" s="230">
        <v>0</v>
      </c>
      <c r="KE25" s="120">
        <v>0</v>
      </c>
      <c r="KF25" s="118">
        <v>0</v>
      </c>
      <c r="KG25" s="119">
        <v>0</v>
      </c>
      <c r="KH25" s="119">
        <v>0</v>
      </c>
      <c r="KI25" s="119">
        <v>229590</v>
      </c>
      <c r="KJ25" s="119">
        <v>0</v>
      </c>
      <c r="KK25" s="119">
        <v>0</v>
      </c>
      <c r="KL25" s="120">
        <v>229590</v>
      </c>
      <c r="KM25" s="143">
        <v>229590</v>
      </c>
      <c r="KN25" s="232">
        <v>0</v>
      </c>
      <c r="KO25" s="236">
        <v>0</v>
      </c>
      <c r="KP25" s="237">
        <v>0</v>
      </c>
      <c r="KQ25" s="140"/>
      <c r="KR25" s="119">
        <v>0</v>
      </c>
      <c r="KS25" s="119">
        <v>257412</v>
      </c>
      <c r="KT25" s="119">
        <v>788600</v>
      </c>
      <c r="KU25" s="119">
        <v>560675</v>
      </c>
      <c r="KV25" s="119">
        <v>0</v>
      </c>
      <c r="KW25" s="120">
        <v>1606687</v>
      </c>
      <c r="KX25" s="318">
        <v>1606687</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18">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364653</v>
      </c>
      <c r="MK25" s="119">
        <v>470268</v>
      </c>
      <c r="ML25" s="119">
        <v>3024736</v>
      </c>
      <c r="MM25" s="119">
        <v>4158336</v>
      </c>
      <c r="MN25" s="119">
        <v>1865331</v>
      </c>
      <c r="MO25" s="120">
        <v>9883324</v>
      </c>
      <c r="MP25" s="143">
        <v>9883324</v>
      </c>
      <c r="MQ25" s="142">
        <v>0</v>
      </c>
      <c r="MR25" s="119">
        <v>0</v>
      </c>
      <c r="MS25" s="120">
        <v>0</v>
      </c>
      <c r="MT25" s="145"/>
      <c r="MU25" s="119">
        <v>0</v>
      </c>
      <c r="MV25" s="119">
        <v>241104</v>
      </c>
      <c r="MW25" s="119">
        <v>2733424</v>
      </c>
      <c r="MX25" s="119">
        <v>3486189</v>
      </c>
      <c r="MY25" s="119">
        <v>1323711</v>
      </c>
      <c r="MZ25" s="120">
        <v>7784428</v>
      </c>
      <c r="NA25" s="143">
        <v>7784428</v>
      </c>
      <c r="NB25" s="142">
        <v>0</v>
      </c>
      <c r="NC25" s="119">
        <v>0</v>
      </c>
      <c r="ND25" s="120">
        <v>0</v>
      </c>
      <c r="NE25" s="145"/>
      <c r="NF25" s="119">
        <v>364653</v>
      </c>
      <c r="NG25" s="119">
        <v>229164</v>
      </c>
      <c r="NH25" s="119">
        <v>291312</v>
      </c>
      <c r="NI25" s="119">
        <v>672147</v>
      </c>
      <c r="NJ25" s="119">
        <v>541620</v>
      </c>
      <c r="NK25" s="120">
        <v>2098896</v>
      </c>
      <c r="NL25" s="318">
        <v>2098896</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502699</v>
      </c>
      <c r="OJ25" s="119">
        <v>736636</v>
      </c>
      <c r="OK25" s="141">
        <v>1239335</v>
      </c>
      <c r="OL25" s="118">
        <v>0</v>
      </c>
      <c r="OM25" s="119">
        <v>6283514</v>
      </c>
      <c r="ON25" s="119">
        <v>6761934</v>
      </c>
      <c r="OO25" s="119">
        <v>10013356</v>
      </c>
      <c r="OP25" s="119">
        <v>11495646</v>
      </c>
      <c r="OQ25" s="119">
        <v>5137913</v>
      </c>
      <c r="OR25" s="120">
        <v>39692363</v>
      </c>
      <c r="OS25" s="143">
        <v>40931698</v>
      </c>
    </row>
    <row r="26" spans="2:409" ht="21" customHeight="1" x14ac:dyDescent="0.2">
      <c r="B26" s="126" t="s">
        <v>21</v>
      </c>
      <c r="C26" s="110">
        <v>189358</v>
      </c>
      <c r="D26" s="114">
        <v>446840</v>
      </c>
      <c r="E26" s="113">
        <v>636198</v>
      </c>
      <c r="F26" s="109">
        <v>0</v>
      </c>
      <c r="G26" s="114">
        <v>2776831</v>
      </c>
      <c r="H26" s="114">
        <v>4727081</v>
      </c>
      <c r="I26" s="114">
        <v>3425143</v>
      </c>
      <c r="J26" s="114">
        <v>4304374</v>
      </c>
      <c r="K26" s="114">
        <v>2849712</v>
      </c>
      <c r="L26" s="173">
        <v>18083141</v>
      </c>
      <c r="M26" s="116">
        <v>18719339</v>
      </c>
      <c r="N26" s="110">
        <v>83312</v>
      </c>
      <c r="O26" s="114">
        <v>239116</v>
      </c>
      <c r="P26" s="113">
        <v>322428</v>
      </c>
      <c r="Q26" s="110">
        <v>0</v>
      </c>
      <c r="R26" s="114">
        <v>916680</v>
      </c>
      <c r="S26" s="114">
        <v>1825958</v>
      </c>
      <c r="T26" s="114">
        <v>620623</v>
      </c>
      <c r="U26" s="114">
        <v>1906264</v>
      </c>
      <c r="V26" s="114">
        <v>1529889</v>
      </c>
      <c r="W26" s="113">
        <v>6799414</v>
      </c>
      <c r="X26" s="116">
        <v>7121842</v>
      </c>
      <c r="Y26" s="110">
        <v>0</v>
      </c>
      <c r="Z26" s="114">
        <v>0</v>
      </c>
      <c r="AA26" s="113">
        <v>0</v>
      </c>
      <c r="AB26" s="110">
        <v>0</v>
      </c>
      <c r="AC26" s="114">
        <v>267250</v>
      </c>
      <c r="AD26" s="114">
        <v>555355</v>
      </c>
      <c r="AE26" s="114">
        <v>184659</v>
      </c>
      <c r="AF26" s="114">
        <v>991220</v>
      </c>
      <c r="AG26" s="114">
        <v>512399</v>
      </c>
      <c r="AH26" s="113">
        <v>2510883</v>
      </c>
      <c r="AI26" s="116">
        <v>2510883</v>
      </c>
      <c r="AJ26" s="110">
        <v>0</v>
      </c>
      <c r="AK26" s="114">
        <v>0</v>
      </c>
      <c r="AL26" s="113">
        <v>0</v>
      </c>
      <c r="AM26" s="110">
        <v>0</v>
      </c>
      <c r="AN26" s="114">
        <v>0</v>
      </c>
      <c r="AO26" s="114">
        <v>0</v>
      </c>
      <c r="AP26" s="114">
        <v>0</v>
      </c>
      <c r="AQ26" s="114">
        <v>11845</v>
      </c>
      <c r="AR26" s="114">
        <v>200120</v>
      </c>
      <c r="AS26" s="113">
        <v>211965</v>
      </c>
      <c r="AT26" s="116">
        <v>211965</v>
      </c>
      <c r="AU26" s="110">
        <v>61304</v>
      </c>
      <c r="AV26" s="114">
        <v>146930</v>
      </c>
      <c r="AW26" s="113">
        <v>208234</v>
      </c>
      <c r="AX26" s="110">
        <v>0</v>
      </c>
      <c r="AY26" s="114">
        <v>473911</v>
      </c>
      <c r="AZ26" s="114">
        <v>998751</v>
      </c>
      <c r="BA26" s="114">
        <v>277303</v>
      </c>
      <c r="BB26" s="114">
        <v>622215</v>
      </c>
      <c r="BC26" s="114">
        <v>625589</v>
      </c>
      <c r="BD26" s="113">
        <v>2997769</v>
      </c>
      <c r="BE26" s="116">
        <v>3206003</v>
      </c>
      <c r="BF26" s="110">
        <v>0</v>
      </c>
      <c r="BG26" s="114">
        <v>58978</v>
      </c>
      <c r="BH26" s="112">
        <v>58978</v>
      </c>
      <c r="BI26" s="111">
        <v>0</v>
      </c>
      <c r="BJ26" s="114">
        <v>43415</v>
      </c>
      <c r="BK26" s="114">
        <v>51532</v>
      </c>
      <c r="BL26" s="114">
        <v>76693</v>
      </c>
      <c r="BM26" s="114">
        <v>41488</v>
      </c>
      <c r="BN26" s="114">
        <v>49581</v>
      </c>
      <c r="BO26" s="113">
        <v>262709</v>
      </c>
      <c r="BP26" s="116">
        <v>321687</v>
      </c>
      <c r="BQ26" s="110">
        <v>22008</v>
      </c>
      <c r="BR26" s="114">
        <v>33208</v>
      </c>
      <c r="BS26" s="113">
        <v>55216</v>
      </c>
      <c r="BT26" s="110">
        <v>0</v>
      </c>
      <c r="BU26" s="114">
        <v>132104</v>
      </c>
      <c r="BV26" s="114">
        <v>220320</v>
      </c>
      <c r="BW26" s="114">
        <v>81968</v>
      </c>
      <c r="BX26" s="114">
        <v>239496</v>
      </c>
      <c r="BY26" s="114">
        <v>142200</v>
      </c>
      <c r="BZ26" s="113">
        <v>816088</v>
      </c>
      <c r="CA26" s="116">
        <v>871304</v>
      </c>
      <c r="CB26" s="110">
        <v>41118</v>
      </c>
      <c r="CC26" s="114">
        <v>0</v>
      </c>
      <c r="CD26" s="113">
        <v>41118</v>
      </c>
      <c r="CE26" s="110">
        <v>0</v>
      </c>
      <c r="CF26" s="114">
        <v>1014236</v>
      </c>
      <c r="CG26" s="114">
        <v>1335868</v>
      </c>
      <c r="CH26" s="114">
        <v>1071752</v>
      </c>
      <c r="CI26" s="114">
        <v>300321</v>
      </c>
      <c r="CJ26" s="114">
        <v>305086</v>
      </c>
      <c r="CK26" s="113">
        <v>4027263</v>
      </c>
      <c r="CL26" s="116">
        <v>4068381</v>
      </c>
      <c r="CM26" s="110">
        <v>0</v>
      </c>
      <c r="CN26" s="114">
        <v>0</v>
      </c>
      <c r="CO26" s="113">
        <v>0</v>
      </c>
      <c r="CP26" s="111">
        <v>0</v>
      </c>
      <c r="CQ26" s="114">
        <v>683512</v>
      </c>
      <c r="CR26" s="114">
        <v>936608</v>
      </c>
      <c r="CS26" s="114">
        <v>903849</v>
      </c>
      <c r="CT26" s="114">
        <v>300321</v>
      </c>
      <c r="CU26" s="114">
        <v>305086</v>
      </c>
      <c r="CV26" s="113">
        <v>3129376</v>
      </c>
      <c r="CW26" s="116">
        <v>3129376</v>
      </c>
      <c r="CX26" s="110">
        <v>41118</v>
      </c>
      <c r="CY26" s="114">
        <v>0</v>
      </c>
      <c r="CZ26" s="113">
        <v>41118</v>
      </c>
      <c r="DA26" s="110">
        <v>0</v>
      </c>
      <c r="DB26" s="114">
        <v>330724</v>
      </c>
      <c r="DC26" s="114">
        <v>399260</v>
      </c>
      <c r="DD26" s="114">
        <v>167903</v>
      </c>
      <c r="DE26" s="114">
        <v>0</v>
      </c>
      <c r="DF26" s="114">
        <v>0</v>
      </c>
      <c r="DG26" s="113">
        <v>897887</v>
      </c>
      <c r="DH26" s="116">
        <v>939005</v>
      </c>
      <c r="DI26" s="110">
        <v>0</v>
      </c>
      <c r="DJ26" s="114">
        <v>0</v>
      </c>
      <c r="DK26" s="112">
        <v>0</v>
      </c>
      <c r="DL26" s="111">
        <v>0</v>
      </c>
      <c r="DM26" s="114">
        <v>44480</v>
      </c>
      <c r="DN26" s="114">
        <v>99621</v>
      </c>
      <c r="DO26" s="114">
        <v>820721</v>
      </c>
      <c r="DP26" s="114">
        <v>858548</v>
      </c>
      <c r="DQ26" s="114">
        <v>346840</v>
      </c>
      <c r="DR26" s="113">
        <v>2170210</v>
      </c>
      <c r="DS26" s="116">
        <v>2170210</v>
      </c>
      <c r="DT26" s="110">
        <v>0</v>
      </c>
      <c r="DU26" s="114">
        <v>0</v>
      </c>
      <c r="DV26" s="113">
        <v>0</v>
      </c>
      <c r="DW26" s="110">
        <v>0</v>
      </c>
      <c r="DX26" s="114">
        <v>44480</v>
      </c>
      <c r="DY26" s="114">
        <v>80085</v>
      </c>
      <c r="DZ26" s="114">
        <v>820721</v>
      </c>
      <c r="EA26" s="114">
        <v>858548</v>
      </c>
      <c r="EB26" s="114">
        <v>346840</v>
      </c>
      <c r="EC26" s="113">
        <v>2150674</v>
      </c>
      <c r="ED26" s="116">
        <v>2150674</v>
      </c>
      <c r="EE26" s="110">
        <v>0</v>
      </c>
      <c r="EF26" s="112">
        <v>0</v>
      </c>
      <c r="EG26" s="113">
        <v>0</v>
      </c>
      <c r="EH26" s="110">
        <v>0</v>
      </c>
      <c r="EI26" s="114">
        <v>0</v>
      </c>
      <c r="EJ26" s="114">
        <v>19536</v>
      </c>
      <c r="EK26" s="114">
        <v>0</v>
      </c>
      <c r="EL26" s="114">
        <v>0</v>
      </c>
      <c r="EM26" s="114">
        <v>0</v>
      </c>
      <c r="EN26" s="112">
        <v>19536</v>
      </c>
      <c r="EO26" s="116">
        <v>19536</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5"/>
      <c r="FE26" s="114">
        <v>0</v>
      </c>
      <c r="FF26" s="114">
        <v>0</v>
      </c>
      <c r="FG26" s="114">
        <v>0</v>
      </c>
      <c r="FH26" s="114">
        <v>0</v>
      </c>
      <c r="FI26" s="114">
        <v>0</v>
      </c>
      <c r="FJ26" s="113">
        <v>0</v>
      </c>
      <c r="FK26" s="116">
        <v>0</v>
      </c>
      <c r="FL26" s="110">
        <v>64928</v>
      </c>
      <c r="FM26" s="114">
        <v>73840</v>
      </c>
      <c r="FN26" s="113">
        <v>138768</v>
      </c>
      <c r="FO26" s="110">
        <v>0</v>
      </c>
      <c r="FP26" s="114">
        <v>161344</v>
      </c>
      <c r="FQ26" s="114">
        <v>617904</v>
      </c>
      <c r="FR26" s="114">
        <v>331720</v>
      </c>
      <c r="FS26" s="114">
        <v>316304</v>
      </c>
      <c r="FT26" s="114">
        <v>174480</v>
      </c>
      <c r="FU26" s="113">
        <v>1601752</v>
      </c>
      <c r="FV26" s="116">
        <v>1740520</v>
      </c>
      <c r="FW26" s="115">
        <v>48928</v>
      </c>
      <c r="FX26" s="114">
        <v>73840</v>
      </c>
      <c r="FY26" s="112">
        <v>122768</v>
      </c>
      <c r="FZ26" s="111">
        <v>0</v>
      </c>
      <c r="GA26" s="114">
        <v>80544</v>
      </c>
      <c r="GB26" s="114">
        <v>522704</v>
      </c>
      <c r="GC26" s="114">
        <v>331720</v>
      </c>
      <c r="GD26" s="114">
        <v>296592</v>
      </c>
      <c r="GE26" s="114">
        <v>174480</v>
      </c>
      <c r="GF26" s="113">
        <v>1406040</v>
      </c>
      <c r="GG26" s="316">
        <v>1528808</v>
      </c>
      <c r="GH26" s="115">
        <v>0</v>
      </c>
      <c r="GI26" s="114">
        <v>0</v>
      </c>
      <c r="GJ26" s="112">
        <v>0</v>
      </c>
      <c r="GK26" s="111">
        <v>0</v>
      </c>
      <c r="GL26" s="114">
        <v>0</v>
      </c>
      <c r="GM26" s="114">
        <v>0</v>
      </c>
      <c r="GN26" s="114">
        <v>0</v>
      </c>
      <c r="GO26" s="114">
        <v>19712</v>
      </c>
      <c r="GP26" s="114">
        <v>0</v>
      </c>
      <c r="GQ26" s="113">
        <v>19712</v>
      </c>
      <c r="GR26" s="116">
        <v>19712</v>
      </c>
      <c r="GS26" s="110">
        <v>16000</v>
      </c>
      <c r="GT26" s="114">
        <v>0</v>
      </c>
      <c r="GU26" s="113">
        <v>16000</v>
      </c>
      <c r="GV26" s="110">
        <v>0</v>
      </c>
      <c r="GW26" s="114">
        <v>80800</v>
      </c>
      <c r="GX26" s="114">
        <v>95200</v>
      </c>
      <c r="GY26" s="114">
        <v>0</v>
      </c>
      <c r="GZ26" s="114">
        <v>0</v>
      </c>
      <c r="HA26" s="114">
        <v>0</v>
      </c>
      <c r="HB26" s="112">
        <v>176000</v>
      </c>
      <c r="HC26" s="116">
        <v>192000</v>
      </c>
      <c r="HD26" s="110">
        <v>0</v>
      </c>
      <c r="HE26" s="114">
        <v>133884</v>
      </c>
      <c r="HF26" s="112">
        <v>133884</v>
      </c>
      <c r="HG26" s="111">
        <v>0</v>
      </c>
      <c r="HH26" s="114">
        <v>640091</v>
      </c>
      <c r="HI26" s="114">
        <v>847730</v>
      </c>
      <c r="HJ26" s="114">
        <v>580327</v>
      </c>
      <c r="HK26" s="114">
        <v>922937</v>
      </c>
      <c r="HL26" s="114">
        <v>493417</v>
      </c>
      <c r="HM26" s="113">
        <v>3484502</v>
      </c>
      <c r="HN26" s="109">
        <v>3618386</v>
      </c>
      <c r="HO26" s="326"/>
      <c r="HP26" s="327"/>
      <c r="HQ26" s="328"/>
      <c r="HR26" s="329"/>
      <c r="HS26" s="327"/>
      <c r="HT26" s="327"/>
      <c r="HU26" s="327"/>
      <c r="HV26" s="327"/>
      <c r="HW26" s="327"/>
      <c r="HX26" s="330"/>
      <c r="HY26" s="331"/>
      <c r="HZ26" s="150">
        <v>0</v>
      </c>
      <c r="IA26" s="135">
        <v>0</v>
      </c>
      <c r="IB26" s="150">
        <v>0</v>
      </c>
      <c r="IC26" s="134">
        <v>0</v>
      </c>
      <c r="ID26" s="135">
        <v>689173</v>
      </c>
      <c r="IE26" s="136">
        <v>1348907</v>
      </c>
      <c r="IF26" s="137">
        <v>776776</v>
      </c>
      <c r="IG26" s="135">
        <v>598055</v>
      </c>
      <c r="IH26" s="137">
        <v>0</v>
      </c>
      <c r="II26" s="138">
        <v>3412911</v>
      </c>
      <c r="IJ26" s="150">
        <v>3412911</v>
      </c>
      <c r="IK26" s="232">
        <v>0</v>
      </c>
      <c r="IL26" s="236">
        <v>0</v>
      </c>
      <c r="IM26" s="237">
        <v>0</v>
      </c>
      <c r="IN26" s="140"/>
      <c r="IO26" s="119">
        <v>0</v>
      </c>
      <c r="IP26" s="119">
        <v>123717</v>
      </c>
      <c r="IQ26" s="119">
        <v>0</v>
      </c>
      <c r="IR26" s="119">
        <v>0</v>
      </c>
      <c r="IS26" s="119">
        <v>0</v>
      </c>
      <c r="IT26" s="141">
        <v>123717</v>
      </c>
      <c r="IU26" s="318">
        <v>123717</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234634</v>
      </c>
      <c r="JL26" s="119">
        <v>469289</v>
      </c>
      <c r="JM26" s="119">
        <v>91164</v>
      </c>
      <c r="JN26" s="119">
        <v>86935</v>
      </c>
      <c r="JO26" s="119">
        <v>0</v>
      </c>
      <c r="JP26" s="120">
        <v>882022</v>
      </c>
      <c r="JQ26" s="318">
        <v>882022</v>
      </c>
      <c r="JR26" s="142">
        <v>0</v>
      </c>
      <c r="JS26" s="119">
        <v>0</v>
      </c>
      <c r="JT26" s="141">
        <v>0</v>
      </c>
      <c r="JU26" s="118">
        <v>0</v>
      </c>
      <c r="JV26" s="119">
        <v>0</v>
      </c>
      <c r="JW26" s="119">
        <v>0</v>
      </c>
      <c r="JX26" s="119">
        <v>0</v>
      </c>
      <c r="JY26" s="119">
        <v>0</v>
      </c>
      <c r="JZ26" s="119">
        <v>0</v>
      </c>
      <c r="KA26" s="120">
        <v>0</v>
      </c>
      <c r="KB26" s="318">
        <v>0</v>
      </c>
      <c r="KC26" s="234">
        <v>0</v>
      </c>
      <c r="KD26" s="230">
        <v>0</v>
      </c>
      <c r="KE26" s="120">
        <v>0</v>
      </c>
      <c r="KF26" s="118">
        <v>0</v>
      </c>
      <c r="KG26" s="119">
        <v>0</v>
      </c>
      <c r="KH26" s="119">
        <v>0</v>
      </c>
      <c r="KI26" s="119">
        <v>685612</v>
      </c>
      <c r="KJ26" s="119">
        <v>0</v>
      </c>
      <c r="KK26" s="119">
        <v>0</v>
      </c>
      <c r="KL26" s="120">
        <v>685612</v>
      </c>
      <c r="KM26" s="143">
        <v>685612</v>
      </c>
      <c r="KN26" s="232">
        <v>0</v>
      </c>
      <c r="KO26" s="236">
        <v>0</v>
      </c>
      <c r="KP26" s="237">
        <v>0</v>
      </c>
      <c r="KQ26" s="140"/>
      <c r="KR26" s="119">
        <v>454539</v>
      </c>
      <c r="KS26" s="119">
        <v>755901</v>
      </c>
      <c r="KT26" s="119">
        <v>0</v>
      </c>
      <c r="KU26" s="119">
        <v>511120</v>
      </c>
      <c r="KV26" s="119">
        <v>0</v>
      </c>
      <c r="KW26" s="120">
        <v>1721560</v>
      </c>
      <c r="KX26" s="318">
        <v>1721560</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18">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36094</v>
      </c>
      <c r="ML26" s="119">
        <v>2775888</v>
      </c>
      <c r="MM26" s="119">
        <v>2815337</v>
      </c>
      <c r="MN26" s="119">
        <v>1963561</v>
      </c>
      <c r="MO26" s="120">
        <v>7790880</v>
      </c>
      <c r="MP26" s="143">
        <v>7790880</v>
      </c>
      <c r="MQ26" s="142">
        <v>0</v>
      </c>
      <c r="MR26" s="119">
        <v>0</v>
      </c>
      <c r="MS26" s="120">
        <v>0</v>
      </c>
      <c r="MT26" s="145"/>
      <c r="MU26" s="119">
        <v>0</v>
      </c>
      <c r="MV26" s="119">
        <v>0</v>
      </c>
      <c r="MW26" s="119">
        <v>2244186</v>
      </c>
      <c r="MX26" s="119">
        <v>2568450</v>
      </c>
      <c r="MY26" s="119">
        <v>1490208</v>
      </c>
      <c r="MZ26" s="120">
        <v>6302844</v>
      </c>
      <c r="NA26" s="143">
        <v>6302844</v>
      </c>
      <c r="NB26" s="142">
        <v>0</v>
      </c>
      <c r="NC26" s="119">
        <v>0</v>
      </c>
      <c r="ND26" s="120">
        <v>0</v>
      </c>
      <c r="NE26" s="145"/>
      <c r="NF26" s="119">
        <v>0</v>
      </c>
      <c r="NG26" s="119">
        <v>236094</v>
      </c>
      <c r="NH26" s="119">
        <v>531702</v>
      </c>
      <c r="NI26" s="119">
        <v>246887</v>
      </c>
      <c r="NJ26" s="119">
        <v>121757</v>
      </c>
      <c r="NK26" s="120">
        <v>1136440</v>
      </c>
      <c r="NL26" s="318">
        <v>1136440</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351596</v>
      </c>
      <c r="OG26" s="120">
        <v>351596</v>
      </c>
      <c r="OH26" s="121">
        <v>351596</v>
      </c>
      <c r="OI26" s="142">
        <v>189358</v>
      </c>
      <c r="OJ26" s="119">
        <v>446840</v>
      </c>
      <c r="OK26" s="141">
        <v>636198</v>
      </c>
      <c r="OL26" s="118">
        <v>0</v>
      </c>
      <c r="OM26" s="119">
        <v>3466004</v>
      </c>
      <c r="ON26" s="119">
        <v>6312082</v>
      </c>
      <c r="OO26" s="119">
        <v>6977807</v>
      </c>
      <c r="OP26" s="119">
        <v>7717766</v>
      </c>
      <c r="OQ26" s="119">
        <v>4813273</v>
      </c>
      <c r="OR26" s="120">
        <v>29286932</v>
      </c>
      <c r="OS26" s="143">
        <v>29923130</v>
      </c>
    </row>
    <row r="27" spans="2:409" ht="21" customHeight="1" x14ac:dyDescent="0.2">
      <c r="B27" s="126" t="s">
        <v>22</v>
      </c>
      <c r="C27" s="110">
        <v>266672</v>
      </c>
      <c r="D27" s="114">
        <v>176200</v>
      </c>
      <c r="E27" s="113">
        <v>442872</v>
      </c>
      <c r="F27" s="109">
        <v>0</v>
      </c>
      <c r="G27" s="114">
        <v>1865145</v>
      </c>
      <c r="H27" s="114">
        <v>1769302</v>
      </c>
      <c r="I27" s="114">
        <v>680852</v>
      </c>
      <c r="J27" s="114">
        <v>2062548</v>
      </c>
      <c r="K27" s="114">
        <v>1075995</v>
      </c>
      <c r="L27" s="173">
        <v>7453842</v>
      </c>
      <c r="M27" s="116">
        <v>7896714</v>
      </c>
      <c r="N27" s="110">
        <v>7496</v>
      </c>
      <c r="O27" s="114">
        <v>27360</v>
      </c>
      <c r="P27" s="113">
        <v>34856</v>
      </c>
      <c r="Q27" s="110">
        <v>0</v>
      </c>
      <c r="R27" s="114">
        <v>433268</v>
      </c>
      <c r="S27" s="114">
        <v>565843</v>
      </c>
      <c r="T27" s="114">
        <v>221980</v>
      </c>
      <c r="U27" s="114">
        <v>1002705</v>
      </c>
      <c r="V27" s="114">
        <v>445307</v>
      </c>
      <c r="W27" s="113">
        <v>2669103</v>
      </c>
      <c r="X27" s="116">
        <v>2703959</v>
      </c>
      <c r="Y27" s="110">
        <v>0</v>
      </c>
      <c r="Z27" s="114">
        <v>0</v>
      </c>
      <c r="AA27" s="113">
        <v>0</v>
      </c>
      <c r="AB27" s="110">
        <v>0</v>
      </c>
      <c r="AC27" s="114">
        <v>187864</v>
      </c>
      <c r="AD27" s="114">
        <v>273949</v>
      </c>
      <c r="AE27" s="114">
        <v>45408</v>
      </c>
      <c r="AF27" s="114">
        <v>744849</v>
      </c>
      <c r="AG27" s="114">
        <v>326339</v>
      </c>
      <c r="AH27" s="113">
        <v>1578409</v>
      </c>
      <c r="AI27" s="116">
        <v>1578409</v>
      </c>
      <c r="AJ27" s="110">
        <v>0</v>
      </c>
      <c r="AK27" s="114">
        <v>0</v>
      </c>
      <c r="AL27" s="113">
        <v>0</v>
      </c>
      <c r="AM27" s="110">
        <v>0</v>
      </c>
      <c r="AN27" s="114">
        <v>46112</v>
      </c>
      <c r="AO27" s="114">
        <v>0</v>
      </c>
      <c r="AP27" s="114">
        <v>0</v>
      </c>
      <c r="AQ27" s="114">
        <v>98344</v>
      </c>
      <c r="AR27" s="114">
        <v>0</v>
      </c>
      <c r="AS27" s="113">
        <v>144456</v>
      </c>
      <c r="AT27" s="116">
        <v>144456</v>
      </c>
      <c r="AU27" s="110">
        <v>0</v>
      </c>
      <c r="AV27" s="114">
        <v>11888</v>
      </c>
      <c r="AW27" s="113">
        <v>11888</v>
      </c>
      <c r="AX27" s="110">
        <v>0</v>
      </c>
      <c r="AY27" s="114">
        <v>162916</v>
      </c>
      <c r="AZ27" s="114">
        <v>137996</v>
      </c>
      <c r="BA27" s="114">
        <v>157692</v>
      </c>
      <c r="BB27" s="114">
        <v>84896</v>
      </c>
      <c r="BC27" s="114">
        <v>87688</v>
      </c>
      <c r="BD27" s="113">
        <v>631188</v>
      </c>
      <c r="BE27" s="116">
        <v>643076</v>
      </c>
      <c r="BF27" s="110">
        <v>0</v>
      </c>
      <c r="BG27" s="114">
        <v>0</v>
      </c>
      <c r="BH27" s="112">
        <v>0</v>
      </c>
      <c r="BI27" s="111">
        <v>0</v>
      </c>
      <c r="BJ27" s="114">
        <v>0</v>
      </c>
      <c r="BK27" s="114">
        <v>70642</v>
      </c>
      <c r="BL27" s="114">
        <v>0</v>
      </c>
      <c r="BM27" s="114">
        <v>0</v>
      </c>
      <c r="BN27" s="114">
        <v>0</v>
      </c>
      <c r="BO27" s="113">
        <v>70642</v>
      </c>
      <c r="BP27" s="116">
        <v>70642</v>
      </c>
      <c r="BQ27" s="110">
        <v>7496</v>
      </c>
      <c r="BR27" s="114">
        <v>15472</v>
      </c>
      <c r="BS27" s="113">
        <v>22968</v>
      </c>
      <c r="BT27" s="110">
        <v>0</v>
      </c>
      <c r="BU27" s="114">
        <v>36376</v>
      </c>
      <c r="BV27" s="114">
        <v>83256</v>
      </c>
      <c r="BW27" s="114">
        <v>18880</v>
      </c>
      <c r="BX27" s="114">
        <v>74616</v>
      </c>
      <c r="BY27" s="114">
        <v>31280</v>
      </c>
      <c r="BZ27" s="113">
        <v>244408</v>
      </c>
      <c r="CA27" s="116">
        <v>267376</v>
      </c>
      <c r="CB27" s="110">
        <v>0</v>
      </c>
      <c r="CC27" s="114">
        <v>0</v>
      </c>
      <c r="CD27" s="113">
        <v>0</v>
      </c>
      <c r="CE27" s="110">
        <v>0</v>
      </c>
      <c r="CF27" s="114">
        <v>785266</v>
      </c>
      <c r="CG27" s="114">
        <v>634776</v>
      </c>
      <c r="CH27" s="114">
        <v>322576</v>
      </c>
      <c r="CI27" s="114">
        <v>309832</v>
      </c>
      <c r="CJ27" s="114">
        <v>316104</v>
      </c>
      <c r="CK27" s="113">
        <v>2368554</v>
      </c>
      <c r="CL27" s="116">
        <v>2368554</v>
      </c>
      <c r="CM27" s="110">
        <v>0</v>
      </c>
      <c r="CN27" s="114">
        <v>0</v>
      </c>
      <c r="CO27" s="113">
        <v>0</v>
      </c>
      <c r="CP27" s="111">
        <v>0</v>
      </c>
      <c r="CQ27" s="114">
        <v>644914</v>
      </c>
      <c r="CR27" s="114">
        <v>425104</v>
      </c>
      <c r="CS27" s="114">
        <v>223444</v>
      </c>
      <c r="CT27" s="114">
        <v>231528</v>
      </c>
      <c r="CU27" s="114">
        <v>120008</v>
      </c>
      <c r="CV27" s="113">
        <v>1644998</v>
      </c>
      <c r="CW27" s="116">
        <v>1644998</v>
      </c>
      <c r="CX27" s="110">
        <v>0</v>
      </c>
      <c r="CY27" s="114">
        <v>0</v>
      </c>
      <c r="CZ27" s="113">
        <v>0</v>
      </c>
      <c r="DA27" s="110">
        <v>0</v>
      </c>
      <c r="DB27" s="114">
        <v>140352</v>
      </c>
      <c r="DC27" s="114">
        <v>209672</v>
      </c>
      <c r="DD27" s="114">
        <v>99132</v>
      </c>
      <c r="DE27" s="114">
        <v>78304</v>
      </c>
      <c r="DF27" s="114">
        <v>196096</v>
      </c>
      <c r="DG27" s="113">
        <v>723556</v>
      </c>
      <c r="DH27" s="116">
        <v>723556</v>
      </c>
      <c r="DI27" s="110">
        <v>0</v>
      </c>
      <c r="DJ27" s="114">
        <v>0</v>
      </c>
      <c r="DK27" s="112">
        <v>0</v>
      </c>
      <c r="DL27" s="111">
        <v>0</v>
      </c>
      <c r="DM27" s="114">
        <v>132558</v>
      </c>
      <c r="DN27" s="114">
        <v>46371</v>
      </c>
      <c r="DO27" s="114">
        <v>27016</v>
      </c>
      <c r="DP27" s="114">
        <v>190691</v>
      </c>
      <c r="DQ27" s="114">
        <v>0</v>
      </c>
      <c r="DR27" s="113">
        <v>396636</v>
      </c>
      <c r="DS27" s="116">
        <v>396636</v>
      </c>
      <c r="DT27" s="110">
        <v>0</v>
      </c>
      <c r="DU27" s="114">
        <v>0</v>
      </c>
      <c r="DV27" s="113">
        <v>0</v>
      </c>
      <c r="DW27" s="110">
        <v>0</v>
      </c>
      <c r="DX27" s="114">
        <v>132558</v>
      </c>
      <c r="DY27" s="114">
        <v>23783</v>
      </c>
      <c r="DZ27" s="114">
        <v>27016</v>
      </c>
      <c r="EA27" s="114">
        <v>190691</v>
      </c>
      <c r="EB27" s="114">
        <v>0</v>
      </c>
      <c r="EC27" s="113">
        <v>374048</v>
      </c>
      <c r="ED27" s="116">
        <v>374048</v>
      </c>
      <c r="EE27" s="110">
        <v>0</v>
      </c>
      <c r="EF27" s="112">
        <v>0</v>
      </c>
      <c r="EG27" s="113">
        <v>0</v>
      </c>
      <c r="EH27" s="110">
        <v>0</v>
      </c>
      <c r="EI27" s="114">
        <v>0</v>
      </c>
      <c r="EJ27" s="114">
        <v>22588</v>
      </c>
      <c r="EK27" s="114">
        <v>0</v>
      </c>
      <c r="EL27" s="114">
        <v>0</v>
      </c>
      <c r="EM27" s="114">
        <v>0</v>
      </c>
      <c r="EN27" s="112">
        <v>22588</v>
      </c>
      <c r="EO27" s="116">
        <v>22588</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5"/>
      <c r="FE27" s="114">
        <v>0</v>
      </c>
      <c r="FF27" s="114">
        <v>0</v>
      </c>
      <c r="FG27" s="114">
        <v>0</v>
      </c>
      <c r="FH27" s="114">
        <v>0</v>
      </c>
      <c r="FI27" s="114">
        <v>0</v>
      </c>
      <c r="FJ27" s="113">
        <v>0</v>
      </c>
      <c r="FK27" s="116">
        <v>0</v>
      </c>
      <c r="FL27" s="110">
        <v>247576</v>
      </c>
      <c r="FM27" s="114">
        <v>60320</v>
      </c>
      <c r="FN27" s="113">
        <v>307896</v>
      </c>
      <c r="FO27" s="110">
        <v>0</v>
      </c>
      <c r="FP27" s="114">
        <v>190640</v>
      </c>
      <c r="FQ27" s="114">
        <v>167256</v>
      </c>
      <c r="FR27" s="114">
        <v>109280</v>
      </c>
      <c r="FS27" s="114">
        <v>141912</v>
      </c>
      <c r="FT27" s="114">
        <v>314584</v>
      </c>
      <c r="FU27" s="113">
        <v>923672</v>
      </c>
      <c r="FV27" s="116">
        <v>1231568</v>
      </c>
      <c r="FW27" s="115">
        <v>9800</v>
      </c>
      <c r="FX27" s="114">
        <v>60320</v>
      </c>
      <c r="FY27" s="112">
        <v>70120</v>
      </c>
      <c r="FZ27" s="111">
        <v>0</v>
      </c>
      <c r="GA27" s="114">
        <v>101040</v>
      </c>
      <c r="GB27" s="114">
        <v>167256</v>
      </c>
      <c r="GC27" s="114">
        <v>109280</v>
      </c>
      <c r="GD27" s="114">
        <v>141912</v>
      </c>
      <c r="GE27" s="114">
        <v>128184</v>
      </c>
      <c r="GF27" s="113">
        <v>647672</v>
      </c>
      <c r="GG27" s="316">
        <v>717792</v>
      </c>
      <c r="GH27" s="115">
        <v>23936</v>
      </c>
      <c r="GI27" s="114">
        <v>0</v>
      </c>
      <c r="GJ27" s="112">
        <v>23936</v>
      </c>
      <c r="GK27" s="111">
        <v>0</v>
      </c>
      <c r="GL27" s="114">
        <v>0</v>
      </c>
      <c r="GM27" s="114">
        <v>0</v>
      </c>
      <c r="GN27" s="114">
        <v>0</v>
      </c>
      <c r="GO27" s="114">
        <v>0</v>
      </c>
      <c r="GP27" s="114">
        <v>26400</v>
      </c>
      <c r="GQ27" s="113">
        <v>26400</v>
      </c>
      <c r="GR27" s="116">
        <v>50336</v>
      </c>
      <c r="GS27" s="110">
        <v>213840</v>
      </c>
      <c r="GT27" s="114">
        <v>0</v>
      </c>
      <c r="GU27" s="113">
        <v>213840</v>
      </c>
      <c r="GV27" s="110">
        <v>0</v>
      </c>
      <c r="GW27" s="114">
        <v>89600</v>
      </c>
      <c r="GX27" s="114">
        <v>0</v>
      </c>
      <c r="GY27" s="114">
        <v>0</v>
      </c>
      <c r="GZ27" s="114">
        <v>0</v>
      </c>
      <c r="HA27" s="114">
        <v>160000</v>
      </c>
      <c r="HB27" s="112">
        <v>249600</v>
      </c>
      <c r="HC27" s="116">
        <v>463440</v>
      </c>
      <c r="HD27" s="110">
        <v>11600</v>
      </c>
      <c r="HE27" s="114">
        <v>88520</v>
      </c>
      <c r="HF27" s="112">
        <v>100120</v>
      </c>
      <c r="HG27" s="111">
        <v>0</v>
      </c>
      <c r="HH27" s="114">
        <v>323413</v>
      </c>
      <c r="HI27" s="114">
        <v>355056</v>
      </c>
      <c r="HJ27" s="114">
        <v>0</v>
      </c>
      <c r="HK27" s="114">
        <v>417408</v>
      </c>
      <c r="HL27" s="114">
        <v>0</v>
      </c>
      <c r="HM27" s="113">
        <v>1095877</v>
      </c>
      <c r="HN27" s="109">
        <v>1195997</v>
      </c>
      <c r="HO27" s="326"/>
      <c r="HP27" s="327"/>
      <c r="HQ27" s="328"/>
      <c r="HR27" s="329"/>
      <c r="HS27" s="327"/>
      <c r="HT27" s="327"/>
      <c r="HU27" s="327"/>
      <c r="HV27" s="327"/>
      <c r="HW27" s="327"/>
      <c r="HX27" s="330"/>
      <c r="HY27" s="331"/>
      <c r="HZ27" s="131">
        <v>0</v>
      </c>
      <c r="IA27" s="132">
        <v>0</v>
      </c>
      <c r="IB27" s="133">
        <v>0</v>
      </c>
      <c r="IC27" s="146">
        <v>0</v>
      </c>
      <c r="ID27" s="132">
        <v>699310</v>
      </c>
      <c r="IE27" s="147">
        <v>1055832</v>
      </c>
      <c r="IF27" s="133">
        <v>480963</v>
      </c>
      <c r="IG27" s="132">
        <v>818712</v>
      </c>
      <c r="IH27" s="133">
        <v>0</v>
      </c>
      <c r="II27" s="148">
        <v>3054817</v>
      </c>
      <c r="IJ27" s="139">
        <v>3054817</v>
      </c>
      <c r="IK27" s="232">
        <v>0</v>
      </c>
      <c r="IL27" s="236">
        <v>0</v>
      </c>
      <c r="IM27" s="237">
        <v>0</v>
      </c>
      <c r="IN27" s="140"/>
      <c r="IO27" s="119">
        <v>0</v>
      </c>
      <c r="IP27" s="119">
        <v>116792</v>
      </c>
      <c r="IQ27" s="119">
        <v>0</v>
      </c>
      <c r="IR27" s="119">
        <v>0</v>
      </c>
      <c r="IS27" s="119">
        <v>0</v>
      </c>
      <c r="IT27" s="141">
        <v>116792</v>
      </c>
      <c r="IU27" s="318">
        <v>116792</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81136</v>
      </c>
      <c r="JL27" s="119">
        <v>142720</v>
      </c>
      <c r="JM27" s="119">
        <v>15912</v>
      </c>
      <c r="JN27" s="119">
        <v>111656</v>
      </c>
      <c r="JO27" s="119">
        <v>0</v>
      </c>
      <c r="JP27" s="120">
        <v>451424</v>
      </c>
      <c r="JQ27" s="318">
        <v>451424</v>
      </c>
      <c r="JR27" s="142">
        <v>0</v>
      </c>
      <c r="JS27" s="119">
        <v>0</v>
      </c>
      <c r="JT27" s="141">
        <v>0</v>
      </c>
      <c r="JU27" s="118">
        <v>0</v>
      </c>
      <c r="JV27" s="119">
        <v>0</v>
      </c>
      <c r="JW27" s="119">
        <v>0</v>
      </c>
      <c r="JX27" s="119">
        <v>0</v>
      </c>
      <c r="JY27" s="119">
        <v>143528</v>
      </c>
      <c r="JZ27" s="119">
        <v>0</v>
      </c>
      <c r="KA27" s="120">
        <v>143528</v>
      </c>
      <c r="KB27" s="318">
        <v>143528</v>
      </c>
      <c r="KC27" s="234">
        <v>0</v>
      </c>
      <c r="KD27" s="230">
        <v>0</v>
      </c>
      <c r="KE27" s="120">
        <v>0</v>
      </c>
      <c r="KF27" s="118">
        <v>0</v>
      </c>
      <c r="KG27" s="119">
        <v>287656</v>
      </c>
      <c r="KH27" s="119">
        <v>311792</v>
      </c>
      <c r="KI27" s="119">
        <v>217368</v>
      </c>
      <c r="KJ27" s="119">
        <v>31376</v>
      </c>
      <c r="KK27" s="119">
        <v>0</v>
      </c>
      <c r="KL27" s="120">
        <v>848192</v>
      </c>
      <c r="KM27" s="143">
        <v>848192</v>
      </c>
      <c r="KN27" s="232">
        <v>0</v>
      </c>
      <c r="KO27" s="236">
        <v>0</v>
      </c>
      <c r="KP27" s="237">
        <v>0</v>
      </c>
      <c r="KQ27" s="140"/>
      <c r="KR27" s="119">
        <v>230518</v>
      </c>
      <c r="KS27" s="119">
        <v>484528</v>
      </c>
      <c r="KT27" s="119">
        <v>247683</v>
      </c>
      <c r="KU27" s="119">
        <v>0</v>
      </c>
      <c r="KV27" s="119">
        <v>0</v>
      </c>
      <c r="KW27" s="120">
        <v>962729</v>
      </c>
      <c r="KX27" s="318">
        <v>962729</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532152</v>
      </c>
      <c r="LR27" s="119">
        <v>0</v>
      </c>
      <c r="LS27" s="120">
        <v>532152</v>
      </c>
      <c r="LT27" s="318">
        <v>532152</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0</v>
      </c>
      <c r="ML27" s="119">
        <v>1058884</v>
      </c>
      <c r="MM27" s="119">
        <v>1701456</v>
      </c>
      <c r="MN27" s="119">
        <v>1440499</v>
      </c>
      <c r="MO27" s="120">
        <v>4200839</v>
      </c>
      <c r="MP27" s="143">
        <v>4200839</v>
      </c>
      <c r="MQ27" s="142">
        <v>0</v>
      </c>
      <c r="MR27" s="119">
        <v>0</v>
      </c>
      <c r="MS27" s="120">
        <v>0</v>
      </c>
      <c r="MT27" s="145"/>
      <c r="MU27" s="119">
        <v>0</v>
      </c>
      <c r="MV27" s="119">
        <v>0</v>
      </c>
      <c r="MW27" s="119">
        <v>777680</v>
      </c>
      <c r="MX27" s="119">
        <v>1395160</v>
      </c>
      <c r="MY27" s="119">
        <v>1083963</v>
      </c>
      <c r="MZ27" s="120">
        <v>3256803</v>
      </c>
      <c r="NA27" s="143">
        <v>3256803</v>
      </c>
      <c r="NB27" s="142">
        <v>0</v>
      </c>
      <c r="NC27" s="119">
        <v>0</v>
      </c>
      <c r="ND27" s="120">
        <v>0</v>
      </c>
      <c r="NE27" s="145"/>
      <c r="NF27" s="119">
        <v>0</v>
      </c>
      <c r="NG27" s="119">
        <v>0</v>
      </c>
      <c r="NH27" s="119">
        <v>281204</v>
      </c>
      <c r="NI27" s="119">
        <v>306296</v>
      </c>
      <c r="NJ27" s="119">
        <v>356536</v>
      </c>
      <c r="NK27" s="120">
        <v>944036</v>
      </c>
      <c r="NL27" s="318">
        <v>944036</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266672</v>
      </c>
      <c r="OJ27" s="119">
        <v>176200</v>
      </c>
      <c r="OK27" s="141">
        <v>442872</v>
      </c>
      <c r="OL27" s="118">
        <v>0</v>
      </c>
      <c r="OM27" s="119">
        <v>2564455</v>
      </c>
      <c r="ON27" s="119">
        <v>2825134</v>
      </c>
      <c r="OO27" s="119">
        <v>2220699</v>
      </c>
      <c r="OP27" s="119">
        <v>4582716</v>
      </c>
      <c r="OQ27" s="119">
        <v>2516494</v>
      </c>
      <c r="OR27" s="120">
        <v>14709498</v>
      </c>
      <c r="OS27" s="143">
        <v>15152370</v>
      </c>
    </row>
    <row r="28" spans="2:409" ht="21" customHeight="1" x14ac:dyDescent="0.2">
      <c r="B28" s="126" t="s">
        <v>23</v>
      </c>
      <c r="C28" s="110">
        <v>402385</v>
      </c>
      <c r="D28" s="114">
        <v>195145</v>
      </c>
      <c r="E28" s="113">
        <v>597530</v>
      </c>
      <c r="F28" s="109">
        <v>0</v>
      </c>
      <c r="G28" s="114">
        <v>2398526</v>
      </c>
      <c r="H28" s="114">
        <v>2529163</v>
      </c>
      <c r="I28" s="114">
        <v>2501029</v>
      </c>
      <c r="J28" s="114">
        <v>2573747</v>
      </c>
      <c r="K28" s="114">
        <v>1192843</v>
      </c>
      <c r="L28" s="173">
        <v>11195308</v>
      </c>
      <c r="M28" s="116">
        <v>11792838</v>
      </c>
      <c r="N28" s="110">
        <v>126023</v>
      </c>
      <c r="O28" s="114">
        <v>119793</v>
      </c>
      <c r="P28" s="113">
        <v>245816</v>
      </c>
      <c r="Q28" s="110">
        <v>0</v>
      </c>
      <c r="R28" s="114">
        <v>383454</v>
      </c>
      <c r="S28" s="114">
        <v>1097804</v>
      </c>
      <c r="T28" s="114">
        <v>992532</v>
      </c>
      <c r="U28" s="114">
        <v>456411</v>
      </c>
      <c r="V28" s="114">
        <v>441246</v>
      </c>
      <c r="W28" s="113">
        <v>3371447</v>
      </c>
      <c r="X28" s="116">
        <v>3617263</v>
      </c>
      <c r="Y28" s="110">
        <v>0</v>
      </c>
      <c r="Z28" s="114">
        <v>0</v>
      </c>
      <c r="AA28" s="113">
        <v>0</v>
      </c>
      <c r="AB28" s="110">
        <v>0</v>
      </c>
      <c r="AC28" s="114">
        <v>43265</v>
      </c>
      <c r="AD28" s="114">
        <v>523721</v>
      </c>
      <c r="AE28" s="114">
        <v>576317</v>
      </c>
      <c r="AF28" s="114">
        <v>119441</v>
      </c>
      <c r="AG28" s="114">
        <v>276283</v>
      </c>
      <c r="AH28" s="113">
        <v>1539027</v>
      </c>
      <c r="AI28" s="116">
        <v>1539027</v>
      </c>
      <c r="AJ28" s="110">
        <v>0</v>
      </c>
      <c r="AK28" s="114">
        <v>0</v>
      </c>
      <c r="AL28" s="113">
        <v>0</v>
      </c>
      <c r="AM28" s="110">
        <v>0</v>
      </c>
      <c r="AN28" s="114">
        <v>0</v>
      </c>
      <c r="AO28" s="114">
        <v>0</v>
      </c>
      <c r="AP28" s="114">
        <v>13727</v>
      </c>
      <c r="AQ28" s="114">
        <v>84793</v>
      </c>
      <c r="AR28" s="114">
        <v>0</v>
      </c>
      <c r="AS28" s="113">
        <v>98520</v>
      </c>
      <c r="AT28" s="116">
        <v>98520</v>
      </c>
      <c r="AU28" s="110">
        <v>79023</v>
      </c>
      <c r="AV28" s="114">
        <v>98660</v>
      </c>
      <c r="AW28" s="113">
        <v>177683</v>
      </c>
      <c r="AX28" s="110">
        <v>0</v>
      </c>
      <c r="AY28" s="114">
        <v>115261</v>
      </c>
      <c r="AZ28" s="114">
        <v>441282</v>
      </c>
      <c r="BA28" s="114">
        <v>269160</v>
      </c>
      <c r="BB28" s="114">
        <v>62281</v>
      </c>
      <c r="BC28" s="114">
        <v>97203</v>
      </c>
      <c r="BD28" s="113">
        <v>985187</v>
      </c>
      <c r="BE28" s="116">
        <v>1162870</v>
      </c>
      <c r="BF28" s="110">
        <v>0</v>
      </c>
      <c r="BG28" s="114">
        <v>21133</v>
      </c>
      <c r="BH28" s="112">
        <v>21133</v>
      </c>
      <c r="BI28" s="111">
        <v>0</v>
      </c>
      <c r="BJ28" s="114">
        <v>0</v>
      </c>
      <c r="BK28" s="114">
        <v>39625</v>
      </c>
      <c r="BL28" s="114">
        <v>0</v>
      </c>
      <c r="BM28" s="114">
        <v>0</v>
      </c>
      <c r="BN28" s="114">
        <v>0</v>
      </c>
      <c r="BO28" s="113">
        <v>39625</v>
      </c>
      <c r="BP28" s="116">
        <v>60758</v>
      </c>
      <c r="BQ28" s="110">
        <v>47000</v>
      </c>
      <c r="BR28" s="114">
        <v>0</v>
      </c>
      <c r="BS28" s="113">
        <v>47000</v>
      </c>
      <c r="BT28" s="110">
        <v>0</v>
      </c>
      <c r="BU28" s="114">
        <v>224928</v>
      </c>
      <c r="BV28" s="114">
        <v>93176</v>
      </c>
      <c r="BW28" s="114">
        <v>133328</v>
      </c>
      <c r="BX28" s="114">
        <v>189896</v>
      </c>
      <c r="BY28" s="114">
        <v>67760</v>
      </c>
      <c r="BZ28" s="113">
        <v>709088</v>
      </c>
      <c r="CA28" s="116">
        <v>756088</v>
      </c>
      <c r="CB28" s="110">
        <v>0</v>
      </c>
      <c r="CC28" s="114">
        <v>0</v>
      </c>
      <c r="CD28" s="113">
        <v>0</v>
      </c>
      <c r="CE28" s="110">
        <v>0</v>
      </c>
      <c r="CF28" s="114">
        <v>805267</v>
      </c>
      <c r="CG28" s="114">
        <v>1070219</v>
      </c>
      <c r="CH28" s="114">
        <v>904524</v>
      </c>
      <c r="CI28" s="114">
        <v>355688</v>
      </c>
      <c r="CJ28" s="114">
        <v>76044</v>
      </c>
      <c r="CK28" s="113">
        <v>3211742</v>
      </c>
      <c r="CL28" s="116">
        <v>3211742</v>
      </c>
      <c r="CM28" s="110">
        <v>0</v>
      </c>
      <c r="CN28" s="114">
        <v>0</v>
      </c>
      <c r="CO28" s="113">
        <v>0</v>
      </c>
      <c r="CP28" s="111">
        <v>0</v>
      </c>
      <c r="CQ28" s="114">
        <v>734660</v>
      </c>
      <c r="CR28" s="114">
        <v>899038</v>
      </c>
      <c r="CS28" s="114">
        <v>626420</v>
      </c>
      <c r="CT28" s="114">
        <v>247218</v>
      </c>
      <c r="CU28" s="114">
        <v>10424</v>
      </c>
      <c r="CV28" s="113">
        <v>2517760</v>
      </c>
      <c r="CW28" s="116">
        <v>2517760</v>
      </c>
      <c r="CX28" s="110">
        <v>0</v>
      </c>
      <c r="CY28" s="114">
        <v>0</v>
      </c>
      <c r="CZ28" s="113">
        <v>0</v>
      </c>
      <c r="DA28" s="110">
        <v>0</v>
      </c>
      <c r="DB28" s="114">
        <v>70607</v>
      </c>
      <c r="DC28" s="114">
        <v>171181</v>
      </c>
      <c r="DD28" s="114">
        <v>278104</v>
      </c>
      <c r="DE28" s="114">
        <v>108470</v>
      </c>
      <c r="DF28" s="114">
        <v>65620</v>
      </c>
      <c r="DG28" s="113">
        <v>693982</v>
      </c>
      <c r="DH28" s="116">
        <v>693982</v>
      </c>
      <c r="DI28" s="110">
        <v>25313</v>
      </c>
      <c r="DJ28" s="114">
        <v>0</v>
      </c>
      <c r="DK28" s="112">
        <v>25313</v>
      </c>
      <c r="DL28" s="111">
        <v>0</v>
      </c>
      <c r="DM28" s="114">
        <v>29468</v>
      </c>
      <c r="DN28" s="114">
        <v>70828</v>
      </c>
      <c r="DO28" s="114">
        <v>354941</v>
      </c>
      <c r="DP28" s="114">
        <v>496927</v>
      </c>
      <c r="DQ28" s="114">
        <v>186959</v>
      </c>
      <c r="DR28" s="113">
        <v>1139123</v>
      </c>
      <c r="DS28" s="116">
        <v>1164436</v>
      </c>
      <c r="DT28" s="110">
        <v>0</v>
      </c>
      <c r="DU28" s="114">
        <v>0</v>
      </c>
      <c r="DV28" s="113">
        <v>0</v>
      </c>
      <c r="DW28" s="110">
        <v>0</v>
      </c>
      <c r="DX28" s="114">
        <v>0</v>
      </c>
      <c r="DY28" s="114">
        <v>70828</v>
      </c>
      <c r="DZ28" s="114">
        <v>354941</v>
      </c>
      <c r="EA28" s="114">
        <v>496927</v>
      </c>
      <c r="EB28" s="114">
        <v>96747</v>
      </c>
      <c r="EC28" s="113">
        <v>1019443</v>
      </c>
      <c r="ED28" s="116">
        <v>1019443</v>
      </c>
      <c r="EE28" s="110">
        <v>25313</v>
      </c>
      <c r="EF28" s="112">
        <v>0</v>
      </c>
      <c r="EG28" s="113">
        <v>25313</v>
      </c>
      <c r="EH28" s="110">
        <v>0</v>
      </c>
      <c r="EI28" s="114">
        <v>29468</v>
      </c>
      <c r="EJ28" s="114">
        <v>0</v>
      </c>
      <c r="EK28" s="114">
        <v>0</v>
      </c>
      <c r="EL28" s="114">
        <v>0</v>
      </c>
      <c r="EM28" s="114">
        <v>90212</v>
      </c>
      <c r="EN28" s="112">
        <v>119680</v>
      </c>
      <c r="EO28" s="116">
        <v>144993</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5"/>
      <c r="FE28" s="114">
        <v>0</v>
      </c>
      <c r="FF28" s="114">
        <v>0</v>
      </c>
      <c r="FG28" s="114">
        <v>0</v>
      </c>
      <c r="FH28" s="114">
        <v>0</v>
      </c>
      <c r="FI28" s="114">
        <v>0</v>
      </c>
      <c r="FJ28" s="113">
        <v>0</v>
      </c>
      <c r="FK28" s="116">
        <v>0</v>
      </c>
      <c r="FL28" s="110">
        <v>96720</v>
      </c>
      <c r="FM28" s="114">
        <v>75352</v>
      </c>
      <c r="FN28" s="113">
        <v>172072</v>
      </c>
      <c r="FO28" s="110">
        <v>0</v>
      </c>
      <c r="FP28" s="114">
        <v>47048</v>
      </c>
      <c r="FQ28" s="114">
        <v>290312</v>
      </c>
      <c r="FR28" s="114">
        <v>249032</v>
      </c>
      <c r="FS28" s="114">
        <v>390008</v>
      </c>
      <c r="FT28" s="114">
        <v>111824</v>
      </c>
      <c r="FU28" s="113">
        <v>1088224</v>
      </c>
      <c r="FV28" s="116">
        <v>1260296</v>
      </c>
      <c r="FW28" s="115">
        <v>9600</v>
      </c>
      <c r="FX28" s="114">
        <v>75352</v>
      </c>
      <c r="FY28" s="112">
        <v>84952</v>
      </c>
      <c r="FZ28" s="111">
        <v>0</v>
      </c>
      <c r="GA28" s="114">
        <v>47048</v>
      </c>
      <c r="GB28" s="114">
        <v>290312</v>
      </c>
      <c r="GC28" s="114">
        <v>191304</v>
      </c>
      <c r="GD28" s="114">
        <v>157848</v>
      </c>
      <c r="GE28" s="114">
        <v>111824</v>
      </c>
      <c r="GF28" s="113">
        <v>798336</v>
      </c>
      <c r="GG28" s="316">
        <v>883288</v>
      </c>
      <c r="GH28" s="115">
        <v>0</v>
      </c>
      <c r="GI28" s="114">
        <v>0</v>
      </c>
      <c r="GJ28" s="112">
        <v>0</v>
      </c>
      <c r="GK28" s="111">
        <v>0</v>
      </c>
      <c r="GL28" s="114">
        <v>0</v>
      </c>
      <c r="GM28" s="114">
        <v>0</v>
      </c>
      <c r="GN28" s="114">
        <v>57728</v>
      </c>
      <c r="GO28" s="114">
        <v>72160</v>
      </c>
      <c r="GP28" s="114">
        <v>0</v>
      </c>
      <c r="GQ28" s="113">
        <v>129888</v>
      </c>
      <c r="GR28" s="116">
        <v>129888</v>
      </c>
      <c r="GS28" s="110">
        <v>87120</v>
      </c>
      <c r="GT28" s="114">
        <v>0</v>
      </c>
      <c r="GU28" s="113">
        <v>87120</v>
      </c>
      <c r="GV28" s="110">
        <v>0</v>
      </c>
      <c r="GW28" s="114">
        <v>0</v>
      </c>
      <c r="GX28" s="114">
        <v>0</v>
      </c>
      <c r="GY28" s="114">
        <v>0</v>
      </c>
      <c r="GZ28" s="114">
        <v>160000</v>
      </c>
      <c r="HA28" s="114">
        <v>0</v>
      </c>
      <c r="HB28" s="112">
        <v>160000</v>
      </c>
      <c r="HC28" s="116">
        <v>247120</v>
      </c>
      <c r="HD28" s="110">
        <v>154329</v>
      </c>
      <c r="HE28" s="114">
        <v>0</v>
      </c>
      <c r="HF28" s="112">
        <v>154329</v>
      </c>
      <c r="HG28" s="111">
        <v>0</v>
      </c>
      <c r="HH28" s="114">
        <v>1133289</v>
      </c>
      <c r="HI28" s="114">
        <v>0</v>
      </c>
      <c r="HJ28" s="114">
        <v>0</v>
      </c>
      <c r="HK28" s="114">
        <v>874713</v>
      </c>
      <c r="HL28" s="114">
        <v>376770</v>
      </c>
      <c r="HM28" s="113">
        <v>2384772</v>
      </c>
      <c r="HN28" s="109">
        <v>2539101</v>
      </c>
      <c r="HO28" s="326"/>
      <c r="HP28" s="327"/>
      <c r="HQ28" s="328"/>
      <c r="HR28" s="329"/>
      <c r="HS28" s="327"/>
      <c r="HT28" s="327"/>
      <c r="HU28" s="327"/>
      <c r="HV28" s="327"/>
      <c r="HW28" s="327"/>
      <c r="HX28" s="330"/>
      <c r="HY28" s="331"/>
      <c r="HZ28" s="150">
        <v>0</v>
      </c>
      <c r="IA28" s="135">
        <v>0</v>
      </c>
      <c r="IB28" s="150">
        <v>0</v>
      </c>
      <c r="IC28" s="134">
        <v>0</v>
      </c>
      <c r="ID28" s="135">
        <v>392357</v>
      </c>
      <c r="IE28" s="136">
        <v>542093</v>
      </c>
      <c r="IF28" s="137">
        <v>511413</v>
      </c>
      <c r="IG28" s="135">
        <v>842470</v>
      </c>
      <c r="IH28" s="137">
        <v>268882</v>
      </c>
      <c r="II28" s="138">
        <v>2557215</v>
      </c>
      <c r="IJ28" s="150">
        <v>2557215</v>
      </c>
      <c r="IK28" s="232">
        <v>0</v>
      </c>
      <c r="IL28" s="236">
        <v>0</v>
      </c>
      <c r="IM28" s="237">
        <v>0</v>
      </c>
      <c r="IN28" s="140"/>
      <c r="IO28" s="119">
        <v>0</v>
      </c>
      <c r="IP28" s="119">
        <v>0</v>
      </c>
      <c r="IQ28" s="119">
        <v>0</v>
      </c>
      <c r="IR28" s="119">
        <v>0</v>
      </c>
      <c r="IS28" s="119">
        <v>0</v>
      </c>
      <c r="IT28" s="141">
        <v>0</v>
      </c>
      <c r="IU28" s="318">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150277</v>
      </c>
      <c r="JL28" s="119">
        <v>35997</v>
      </c>
      <c r="JM28" s="119">
        <v>0</v>
      </c>
      <c r="JN28" s="119">
        <v>50136</v>
      </c>
      <c r="JO28" s="119">
        <v>0</v>
      </c>
      <c r="JP28" s="120">
        <v>236410</v>
      </c>
      <c r="JQ28" s="318">
        <v>236410</v>
      </c>
      <c r="JR28" s="142">
        <v>0</v>
      </c>
      <c r="JS28" s="119">
        <v>0</v>
      </c>
      <c r="JT28" s="141">
        <v>0</v>
      </c>
      <c r="JU28" s="118">
        <v>0</v>
      </c>
      <c r="JV28" s="119">
        <v>0</v>
      </c>
      <c r="JW28" s="119">
        <v>0</v>
      </c>
      <c r="JX28" s="119">
        <v>0</v>
      </c>
      <c r="JY28" s="119">
        <v>0</v>
      </c>
      <c r="JZ28" s="119">
        <v>0</v>
      </c>
      <c r="KA28" s="120">
        <v>0</v>
      </c>
      <c r="KB28" s="318">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242080</v>
      </c>
      <c r="KS28" s="119">
        <v>506096</v>
      </c>
      <c r="KT28" s="119">
        <v>511413</v>
      </c>
      <c r="KU28" s="119">
        <v>792334</v>
      </c>
      <c r="KV28" s="119">
        <v>268882</v>
      </c>
      <c r="KW28" s="120">
        <v>2320805</v>
      </c>
      <c r="KX28" s="318">
        <v>2320805</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18">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297924</v>
      </c>
      <c r="ML28" s="119">
        <v>799893</v>
      </c>
      <c r="MM28" s="119">
        <v>2249374</v>
      </c>
      <c r="MN28" s="119">
        <v>906654</v>
      </c>
      <c r="MO28" s="120">
        <v>4253845</v>
      </c>
      <c r="MP28" s="143">
        <v>4253845</v>
      </c>
      <c r="MQ28" s="142">
        <v>0</v>
      </c>
      <c r="MR28" s="119">
        <v>0</v>
      </c>
      <c r="MS28" s="120">
        <v>0</v>
      </c>
      <c r="MT28" s="145"/>
      <c r="MU28" s="119">
        <v>0</v>
      </c>
      <c r="MV28" s="119">
        <v>0</v>
      </c>
      <c r="MW28" s="119">
        <v>489200</v>
      </c>
      <c r="MX28" s="119">
        <v>1314569</v>
      </c>
      <c r="MY28" s="119">
        <v>274918</v>
      </c>
      <c r="MZ28" s="120">
        <v>2078687</v>
      </c>
      <c r="NA28" s="143">
        <v>2078687</v>
      </c>
      <c r="NB28" s="142">
        <v>0</v>
      </c>
      <c r="NC28" s="119">
        <v>0</v>
      </c>
      <c r="ND28" s="120">
        <v>0</v>
      </c>
      <c r="NE28" s="145"/>
      <c r="NF28" s="119">
        <v>0</v>
      </c>
      <c r="NG28" s="119">
        <v>297924</v>
      </c>
      <c r="NH28" s="119">
        <v>310693</v>
      </c>
      <c r="NI28" s="119">
        <v>934805</v>
      </c>
      <c r="NJ28" s="119">
        <v>631736</v>
      </c>
      <c r="NK28" s="120">
        <v>2175158</v>
      </c>
      <c r="NL28" s="318">
        <v>2175158</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402385</v>
      </c>
      <c r="OJ28" s="119">
        <v>195145</v>
      </c>
      <c r="OK28" s="141">
        <v>597530</v>
      </c>
      <c r="OL28" s="118">
        <v>0</v>
      </c>
      <c r="OM28" s="119">
        <v>2790883</v>
      </c>
      <c r="ON28" s="119">
        <v>3369180</v>
      </c>
      <c r="OO28" s="119">
        <v>3812335</v>
      </c>
      <c r="OP28" s="119">
        <v>5665591</v>
      </c>
      <c r="OQ28" s="119">
        <v>2368379</v>
      </c>
      <c r="OR28" s="120">
        <v>18006368</v>
      </c>
      <c r="OS28" s="143">
        <v>18603898</v>
      </c>
    </row>
    <row r="29" spans="2:409" ht="21" customHeight="1" x14ac:dyDescent="0.2">
      <c r="B29" s="126" t="s">
        <v>24</v>
      </c>
      <c r="C29" s="110">
        <v>652541</v>
      </c>
      <c r="D29" s="114">
        <v>196865</v>
      </c>
      <c r="E29" s="113">
        <v>849406</v>
      </c>
      <c r="F29" s="109">
        <v>0</v>
      </c>
      <c r="G29" s="114">
        <v>1829505</v>
      </c>
      <c r="H29" s="114">
        <v>2821125</v>
      </c>
      <c r="I29" s="114">
        <v>2286386</v>
      </c>
      <c r="J29" s="114">
        <v>1501850</v>
      </c>
      <c r="K29" s="114">
        <v>2124188</v>
      </c>
      <c r="L29" s="173">
        <v>10563054</v>
      </c>
      <c r="M29" s="116">
        <v>11412460</v>
      </c>
      <c r="N29" s="110">
        <v>121236</v>
      </c>
      <c r="O29" s="114">
        <v>41335</v>
      </c>
      <c r="P29" s="113">
        <v>162571</v>
      </c>
      <c r="Q29" s="110">
        <v>0</v>
      </c>
      <c r="R29" s="114">
        <v>892275</v>
      </c>
      <c r="S29" s="114">
        <v>722631</v>
      </c>
      <c r="T29" s="114">
        <v>807616</v>
      </c>
      <c r="U29" s="114">
        <v>474780</v>
      </c>
      <c r="V29" s="114">
        <v>677234</v>
      </c>
      <c r="W29" s="113">
        <v>3574536</v>
      </c>
      <c r="X29" s="116">
        <v>3737107</v>
      </c>
      <c r="Y29" s="110">
        <v>0</v>
      </c>
      <c r="Z29" s="114">
        <v>0</v>
      </c>
      <c r="AA29" s="113">
        <v>0</v>
      </c>
      <c r="AB29" s="110">
        <v>0</v>
      </c>
      <c r="AC29" s="114">
        <v>534221</v>
      </c>
      <c r="AD29" s="114">
        <v>299076</v>
      </c>
      <c r="AE29" s="114">
        <v>262098</v>
      </c>
      <c r="AF29" s="114">
        <v>130154</v>
      </c>
      <c r="AG29" s="114">
        <v>357494</v>
      </c>
      <c r="AH29" s="113">
        <v>1583043</v>
      </c>
      <c r="AI29" s="116">
        <v>1583043</v>
      </c>
      <c r="AJ29" s="110">
        <v>0</v>
      </c>
      <c r="AK29" s="114">
        <v>0</v>
      </c>
      <c r="AL29" s="113">
        <v>0</v>
      </c>
      <c r="AM29" s="110">
        <v>0</v>
      </c>
      <c r="AN29" s="114">
        <v>0</v>
      </c>
      <c r="AO29" s="114">
        <v>0</v>
      </c>
      <c r="AP29" s="114">
        <v>72449</v>
      </c>
      <c r="AQ29" s="114">
        <v>60368</v>
      </c>
      <c r="AR29" s="114">
        <v>105228</v>
      </c>
      <c r="AS29" s="113">
        <v>238045</v>
      </c>
      <c r="AT29" s="116">
        <v>238045</v>
      </c>
      <c r="AU29" s="110">
        <v>42692</v>
      </c>
      <c r="AV29" s="114">
        <v>41335</v>
      </c>
      <c r="AW29" s="113">
        <v>84027</v>
      </c>
      <c r="AX29" s="110">
        <v>0</v>
      </c>
      <c r="AY29" s="114">
        <v>163994</v>
      </c>
      <c r="AZ29" s="114">
        <v>192771</v>
      </c>
      <c r="BA29" s="114">
        <v>292074</v>
      </c>
      <c r="BB29" s="114">
        <v>162666</v>
      </c>
      <c r="BC29" s="114">
        <v>75584</v>
      </c>
      <c r="BD29" s="113">
        <v>887089</v>
      </c>
      <c r="BE29" s="116">
        <v>971116</v>
      </c>
      <c r="BF29" s="110">
        <v>0</v>
      </c>
      <c r="BG29" s="114">
        <v>0</v>
      </c>
      <c r="BH29" s="112">
        <v>0</v>
      </c>
      <c r="BI29" s="111">
        <v>0</v>
      </c>
      <c r="BJ29" s="114">
        <v>27860</v>
      </c>
      <c r="BK29" s="114">
        <v>88112</v>
      </c>
      <c r="BL29" s="114">
        <v>42267</v>
      </c>
      <c r="BM29" s="114">
        <v>0</v>
      </c>
      <c r="BN29" s="114">
        <v>0</v>
      </c>
      <c r="BO29" s="113">
        <v>158239</v>
      </c>
      <c r="BP29" s="116">
        <v>158239</v>
      </c>
      <c r="BQ29" s="110">
        <v>78544</v>
      </c>
      <c r="BR29" s="114">
        <v>0</v>
      </c>
      <c r="BS29" s="113">
        <v>78544</v>
      </c>
      <c r="BT29" s="110">
        <v>0</v>
      </c>
      <c r="BU29" s="114">
        <v>166200</v>
      </c>
      <c r="BV29" s="114">
        <v>142672</v>
      </c>
      <c r="BW29" s="114">
        <v>138728</v>
      </c>
      <c r="BX29" s="114">
        <v>121592</v>
      </c>
      <c r="BY29" s="114">
        <v>138928</v>
      </c>
      <c r="BZ29" s="113">
        <v>708120</v>
      </c>
      <c r="CA29" s="116">
        <v>786664</v>
      </c>
      <c r="CB29" s="110">
        <v>83252</v>
      </c>
      <c r="CC29" s="114">
        <v>35650</v>
      </c>
      <c r="CD29" s="113">
        <v>118902</v>
      </c>
      <c r="CE29" s="110">
        <v>0</v>
      </c>
      <c r="CF29" s="114">
        <v>572492</v>
      </c>
      <c r="CG29" s="114">
        <v>881675</v>
      </c>
      <c r="CH29" s="114">
        <v>833256</v>
      </c>
      <c r="CI29" s="114">
        <v>42986</v>
      </c>
      <c r="CJ29" s="114">
        <v>0</v>
      </c>
      <c r="CK29" s="113">
        <v>2330409</v>
      </c>
      <c r="CL29" s="116">
        <v>2449311</v>
      </c>
      <c r="CM29" s="110">
        <v>0</v>
      </c>
      <c r="CN29" s="114">
        <v>0</v>
      </c>
      <c r="CO29" s="113">
        <v>0</v>
      </c>
      <c r="CP29" s="111">
        <v>0</v>
      </c>
      <c r="CQ29" s="114">
        <v>572492</v>
      </c>
      <c r="CR29" s="114">
        <v>460066</v>
      </c>
      <c r="CS29" s="114">
        <v>552036</v>
      </c>
      <c r="CT29" s="114">
        <v>32962</v>
      </c>
      <c r="CU29" s="114">
        <v>0</v>
      </c>
      <c r="CV29" s="113">
        <v>1617556</v>
      </c>
      <c r="CW29" s="116">
        <v>1617556</v>
      </c>
      <c r="CX29" s="110">
        <v>83252</v>
      </c>
      <c r="CY29" s="114">
        <v>35650</v>
      </c>
      <c r="CZ29" s="113">
        <v>118902</v>
      </c>
      <c r="DA29" s="110">
        <v>0</v>
      </c>
      <c r="DB29" s="114">
        <v>0</v>
      </c>
      <c r="DC29" s="114">
        <v>421609</v>
      </c>
      <c r="DD29" s="114">
        <v>281220</v>
      </c>
      <c r="DE29" s="114">
        <v>10024</v>
      </c>
      <c r="DF29" s="114">
        <v>0</v>
      </c>
      <c r="DG29" s="113">
        <v>712853</v>
      </c>
      <c r="DH29" s="116">
        <v>831755</v>
      </c>
      <c r="DI29" s="110">
        <v>0</v>
      </c>
      <c r="DJ29" s="114">
        <v>0</v>
      </c>
      <c r="DK29" s="112">
        <v>0</v>
      </c>
      <c r="DL29" s="111">
        <v>0</v>
      </c>
      <c r="DM29" s="114">
        <v>0</v>
      </c>
      <c r="DN29" s="114">
        <v>160146</v>
      </c>
      <c r="DO29" s="114">
        <v>86775</v>
      </c>
      <c r="DP29" s="114">
        <v>0</v>
      </c>
      <c r="DQ29" s="114">
        <v>0</v>
      </c>
      <c r="DR29" s="113">
        <v>246921</v>
      </c>
      <c r="DS29" s="116">
        <v>246921</v>
      </c>
      <c r="DT29" s="110">
        <v>0</v>
      </c>
      <c r="DU29" s="114">
        <v>0</v>
      </c>
      <c r="DV29" s="113">
        <v>0</v>
      </c>
      <c r="DW29" s="110">
        <v>0</v>
      </c>
      <c r="DX29" s="114">
        <v>0</v>
      </c>
      <c r="DY29" s="114">
        <v>160146</v>
      </c>
      <c r="DZ29" s="114">
        <v>86775</v>
      </c>
      <c r="EA29" s="114">
        <v>0</v>
      </c>
      <c r="EB29" s="114">
        <v>0</v>
      </c>
      <c r="EC29" s="113">
        <v>246921</v>
      </c>
      <c r="ED29" s="116">
        <v>246921</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5"/>
      <c r="FE29" s="114">
        <v>0</v>
      </c>
      <c r="FF29" s="114">
        <v>0</v>
      </c>
      <c r="FG29" s="114">
        <v>0</v>
      </c>
      <c r="FH29" s="114">
        <v>0</v>
      </c>
      <c r="FI29" s="114">
        <v>0</v>
      </c>
      <c r="FJ29" s="113">
        <v>0</v>
      </c>
      <c r="FK29" s="116">
        <v>0</v>
      </c>
      <c r="FL29" s="110">
        <v>196800</v>
      </c>
      <c r="FM29" s="114">
        <v>19440</v>
      </c>
      <c r="FN29" s="113">
        <v>216240</v>
      </c>
      <c r="FO29" s="110">
        <v>0</v>
      </c>
      <c r="FP29" s="114">
        <v>32832</v>
      </c>
      <c r="FQ29" s="114">
        <v>311808</v>
      </c>
      <c r="FR29" s="114">
        <v>150272</v>
      </c>
      <c r="FS29" s="114">
        <v>84808</v>
      </c>
      <c r="FT29" s="114">
        <v>20776</v>
      </c>
      <c r="FU29" s="113">
        <v>600496</v>
      </c>
      <c r="FV29" s="116">
        <v>816736</v>
      </c>
      <c r="FW29" s="115">
        <v>36800</v>
      </c>
      <c r="FX29" s="114">
        <v>19440</v>
      </c>
      <c r="FY29" s="112">
        <v>56240</v>
      </c>
      <c r="FZ29" s="111">
        <v>0</v>
      </c>
      <c r="GA29" s="114">
        <v>32832</v>
      </c>
      <c r="GB29" s="114">
        <v>179808</v>
      </c>
      <c r="GC29" s="114">
        <v>150272</v>
      </c>
      <c r="GD29" s="114">
        <v>68008</v>
      </c>
      <c r="GE29" s="114">
        <v>20776</v>
      </c>
      <c r="GF29" s="113">
        <v>451696</v>
      </c>
      <c r="GG29" s="316">
        <v>507936</v>
      </c>
      <c r="GH29" s="115">
        <v>0</v>
      </c>
      <c r="GI29" s="114">
        <v>0</v>
      </c>
      <c r="GJ29" s="112">
        <v>0</v>
      </c>
      <c r="GK29" s="111">
        <v>0</v>
      </c>
      <c r="GL29" s="114">
        <v>0</v>
      </c>
      <c r="GM29" s="114">
        <v>0</v>
      </c>
      <c r="GN29" s="114">
        <v>0</v>
      </c>
      <c r="GO29" s="114">
        <v>0</v>
      </c>
      <c r="GP29" s="114">
        <v>0</v>
      </c>
      <c r="GQ29" s="113">
        <v>0</v>
      </c>
      <c r="GR29" s="116">
        <v>0</v>
      </c>
      <c r="GS29" s="110">
        <v>160000</v>
      </c>
      <c r="GT29" s="114">
        <v>0</v>
      </c>
      <c r="GU29" s="113">
        <v>160000</v>
      </c>
      <c r="GV29" s="110">
        <v>0</v>
      </c>
      <c r="GW29" s="114">
        <v>0</v>
      </c>
      <c r="GX29" s="114">
        <v>132000</v>
      </c>
      <c r="GY29" s="114">
        <v>0</v>
      </c>
      <c r="GZ29" s="114">
        <v>16800</v>
      </c>
      <c r="HA29" s="114">
        <v>0</v>
      </c>
      <c r="HB29" s="112">
        <v>148800</v>
      </c>
      <c r="HC29" s="116">
        <v>308800</v>
      </c>
      <c r="HD29" s="110">
        <v>251253</v>
      </c>
      <c r="HE29" s="114">
        <v>100440</v>
      </c>
      <c r="HF29" s="112">
        <v>351693</v>
      </c>
      <c r="HG29" s="111">
        <v>0</v>
      </c>
      <c r="HH29" s="114">
        <v>331906</v>
      </c>
      <c r="HI29" s="114">
        <v>744865</v>
      </c>
      <c r="HJ29" s="114">
        <v>408467</v>
      </c>
      <c r="HK29" s="114">
        <v>899276</v>
      </c>
      <c r="HL29" s="114">
        <v>1426178</v>
      </c>
      <c r="HM29" s="113">
        <v>3810692</v>
      </c>
      <c r="HN29" s="109">
        <v>4162385</v>
      </c>
      <c r="HO29" s="326"/>
      <c r="HP29" s="327"/>
      <c r="HQ29" s="328"/>
      <c r="HR29" s="329"/>
      <c r="HS29" s="327"/>
      <c r="HT29" s="327"/>
      <c r="HU29" s="327"/>
      <c r="HV29" s="327"/>
      <c r="HW29" s="327"/>
      <c r="HX29" s="330"/>
      <c r="HY29" s="331"/>
      <c r="HZ29" s="131">
        <v>0</v>
      </c>
      <c r="IA29" s="132">
        <v>0</v>
      </c>
      <c r="IB29" s="133">
        <v>0</v>
      </c>
      <c r="IC29" s="146">
        <v>0</v>
      </c>
      <c r="ID29" s="132">
        <v>117932</v>
      </c>
      <c r="IE29" s="147">
        <v>97644</v>
      </c>
      <c r="IF29" s="133">
        <v>1107556</v>
      </c>
      <c r="IG29" s="132">
        <v>0</v>
      </c>
      <c r="IH29" s="133">
        <v>251656</v>
      </c>
      <c r="II29" s="148">
        <v>1574788</v>
      </c>
      <c r="IJ29" s="139">
        <v>1574788</v>
      </c>
      <c r="IK29" s="232">
        <v>0</v>
      </c>
      <c r="IL29" s="236">
        <v>0</v>
      </c>
      <c r="IM29" s="237">
        <v>0</v>
      </c>
      <c r="IN29" s="140"/>
      <c r="IO29" s="119">
        <v>0</v>
      </c>
      <c r="IP29" s="119">
        <v>0</v>
      </c>
      <c r="IQ29" s="119">
        <v>157041</v>
      </c>
      <c r="IR29" s="119">
        <v>0</v>
      </c>
      <c r="IS29" s="119">
        <v>0</v>
      </c>
      <c r="IT29" s="141">
        <v>157041</v>
      </c>
      <c r="IU29" s="318">
        <v>157041</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62498</v>
      </c>
      <c r="JL29" s="119">
        <v>97644</v>
      </c>
      <c r="JM29" s="119">
        <v>294190</v>
      </c>
      <c r="JN29" s="119">
        <v>0</v>
      </c>
      <c r="JO29" s="119">
        <v>0</v>
      </c>
      <c r="JP29" s="120">
        <v>454332</v>
      </c>
      <c r="JQ29" s="318">
        <v>454332</v>
      </c>
      <c r="JR29" s="142">
        <v>0</v>
      </c>
      <c r="JS29" s="119">
        <v>0</v>
      </c>
      <c r="JT29" s="141">
        <v>0</v>
      </c>
      <c r="JU29" s="118">
        <v>0</v>
      </c>
      <c r="JV29" s="119">
        <v>55434</v>
      </c>
      <c r="JW29" s="119">
        <v>0</v>
      </c>
      <c r="JX29" s="119">
        <v>172485</v>
      </c>
      <c r="JY29" s="119">
        <v>0</v>
      </c>
      <c r="JZ29" s="119">
        <v>0</v>
      </c>
      <c r="KA29" s="120">
        <v>227919</v>
      </c>
      <c r="KB29" s="318">
        <v>227919</v>
      </c>
      <c r="KC29" s="234">
        <v>0</v>
      </c>
      <c r="KD29" s="230">
        <v>0</v>
      </c>
      <c r="KE29" s="120">
        <v>0</v>
      </c>
      <c r="KF29" s="118">
        <v>0</v>
      </c>
      <c r="KG29" s="119">
        <v>0</v>
      </c>
      <c r="KH29" s="119">
        <v>0</v>
      </c>
      <c r="KI29" s="119">
        <v>0</v>
      </c>
      <c r="KJ29" s="119">
        <v>0</v>
      </c>
      <c r="KK29" s="119">
        <v>0</v>
      </c>
      <c r="KL29" s="120">
        <v>0</v>
      </c>
      <c r="KM29" s="143">
        <v>0</v>
      </c>
      <c r="KN29" s="232">
        <v>0</v>
      </c>
      <c r="KO29" s="236">
        <v>0</v>
      </c>
      <c r="KP29" s="237">
        <v>0</v>
      </c>
      <c r="KQ29" s="140"/>
      <c r="KR29" s="119">
        <v>0</v>
      </c>
      <c r="KS29" s="119">
        <v>0</v>
      </c>
      <c r="KT29" s="119">
        <v>483840</v>
      </c>
      <c r="KU29" s="119">
        <v>0</v>
      </c>
      <c r="KV29" s="119">
        <v>251656</v>
      </c>
      <c r="KW29" s="120">
        <v>735496</v>
      </c>
      <c r="KX29" s="318">
        <v>735496</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18">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251234</v>
      </c>
      <c r="ML29" s="119">
        <v>1307603</v>
      </c>
      <c r="MM29" s="119">
        <v>1918104</v>
      </c>
      <c r="MN29" s="119">
        <v>546392</v>
      </c>
      <c r="MO29" s="120">
        <v>4023333</v>
      </c>
      <c r="MP29" s="143">
        <v>4023333</v>
      </c>
      <c r="MQ29" s="142">
        <v>0</v>
      </c>
      <c r="MR29" s="119">
        <v>0</v>
      </c>
      <c r="MS29" s="120">
        <v>0</v>
      </c>
      <c r="MT29" s="145"/>
      <c r="MU29" s="119">
        <v>0</v>
      </c>
      <c r="MV29" s="119">
        <v>0</v>
      </c>
      <c r="MW29" s="119">
        <v>0</v>
      </c>
      <c r="MX29" s="119">
        <v>798333</v>
      </c>
      <c r="MY29" s="119">
        <v>546392</v>
      </c>
      <c r="MZ29" s="120">
        <v>1344725</v>
      </c>
      <c r="NA29" s="143">
        <v>1344725</v>
      </c>
      <c r="NB29" s="142">
        <v>0</v>
      </c>
      <c r="NC29" s="119">
        <v>0</v>
      </c>
      <c r="ND29" s="120">
        <v>0</v>
      </c>
      <c r="NE29" s="145"/>
      <c r="NF29" s="119">
        <v>0</v>
      </c>
      <c r="NG29" s="119">
        <v>251234</v>
      </c>
      <c r="NH29" s="119">
        <v>1307603</v>
      </c>
      <c r="NI29" s="119">
        <v>1119771</v>
      </c>
      <c r="NJ29" s="119">
        <v>0</v>
      </c>
      <c r="NK29" s="120">
        <v>2678608</v>
      </c>
      <c r="NL29" s="318">
        <v>2678608</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652541</v>
      </c>
      <c r="OJ29" s="119">
        <v>196865</v>
      </c>
      <c r="OK29" s="141">
        <v>849406</v>
      </c>
      <c r="OL29" s="118">
        <v>0</v>
      </c>
      <c r="OM29" s="119">
        <v>1947437</v>
      </c>
      <c r="ON29" s="119">
        <v>3170003</v>
      </c>
      <c r="OO29" s="119">
        <v>4701545</v>
      </c>
      <c r="OP29" s="119">
        <v>3419954</v>
      </c>
      <c r="OQ29" s="119">
        <v>2922236</v>
      </c>
      <c r="OR29" s="120">
        <v>16161175</v>
      </c>
      <c r="OS29" s="143">
        <v>17010581</v>
      </c>
    </row>
    <row r="30" spans="2:409" ht="21" customHeight="1" x14ac:dyDescent="0.2">
      <c r="B30" s="126" t="s">
        <v>25</v>
      </c>
      <c r="C30" s="110">
        <v>94924</v>
      </c>
      <c r="D30" s="114">
        <v>301479</v>
      </c>
      <c r="E30" s="113">
        <v>396403</v>
      </c>
      <c r="F30" s="109">
        <v>0</v>
      </c>
      <c r="G30" s="114">
        <v>1421247</v>
      </c>
      <c r="H30" s="114">
        <v>997356</v>
      </c>
      <c r="I30" s="114">
        <v>1249844</v>
      </c>
      <c r="J30" s="114">
        <v>1257947</v>
      </c>
      <c r="K30" s="114">
        <v>731537</v>
      </c>
      <c r="L30" s="173">
        <v>5657931</v>
      </c>
      <c r="M30" s="116">
        <v>6054334</v>
      </c>
      <c r="N30" s="110">
        <v>0</v>
      </c>
      <c r="O30" s="114">
        <v>92790</v>
      </c>
      <c r="P30" s="113">
        <v>92790</v>
      </c>
      <c r="Q30" s="110">
        <v>0</v>
      </c>
      <c r="R30" s="114">
        <v>355289</v>
      </c>
      <c r="S30" s="114">
        <v>197613</v>
      </c>
      <c r="T30" s="114">
        <v>474097</v>
      </c>
      <c r="U30" s="114">
        <v>182149</v>
      </c>
      <c r="V30" s="114">
        <v>451754</v>
      </c>
      <c r="W30" s="113">
        <v>1660902</v>
      </c>
      <c r="X30" s="116">
        <v>1753692</v>
      </c>
      <c r="Y30" s="110">
        <v>0</v>
      </c>
      <c r="Z30" s="114">
        <v>0</v>
      </c>
      <c r="AA30" s="113">
        <v>0</v>
      </c>
      <c r="AB30" s="110">
        <v>0</v>
      </c>
      <c r="AC30" s="114">
        <v>183629</v>
      </c>
      <c r="AD30" s="114">
        <v>101117</v>
      </c>
      <c r="AE30" s="114">
        <v>287681</v>
      </c>
      <c r="AF30" s="114">
        <v>96700</v>
      </c>
      <c r="AG30" s="114">
        <v>241758</v>
      </c>
      <c r="AH30" s="113">
        <v>910885</v>
      </c>
      <c r="AI30" s="116">
        <v>910885</v>
      </c>
      <c r="AJ30" s="110">
        <v>0</v>
      </c>
      <c r="AK30" s="114">
        <v>0</v>
      </c>
      <c r="AL30" s="113">
        <v>0</v>
      </c>
      <c r="AM30" s="110">
        <v>0</v>
      </c>
      <c r="AN30" s="114">
        <v>0</v>
      </c>
      <c r="AO30" s="114">
        <v>0</v>
      </c>
      <c r="AP30" s="114">
        <v>58926</v>
      </c>
      <c r="AQ30" s="114">
        <v>0</v>
      </c>
      <c r="AR30" s="114">
        <v>24336</v>
      </c>
      <c r="AS30" s="113">
        <v>83262</v>
      </c>
      <c r="AT30" s="116">
        <v>83262</v>
      </c>
      <c r="AU30" s="110">
        <v>0</v>
      </c>
      <c r="AV30" s="114">
        <v>23094</v>
      </c>
      <c r="AW30" s="113">
        <v>23094</v>
      </c>
      <c r="AX30" s="110">
        <v>0</v>
      </c>
      <c r="AY30" s="114">
        <v>127372</v>
      </c>
      <c r="AZ30" s="114">
        <v>73904</v>
      </c>
      <c r="BA30" s="114">
        <v>73942</v>
      </c>
      <c r="BB30" s="114">
        <v>40777</v>
      </c>
      <c r="BC30" s="114">
        <v>132380</v>
      </c>
      <c r="BD30" s="113">
        <v>448375</v>
      </c>
      <c r="BE30" s="116">
        <v>471469</v>
      </c>
      <c r="BF30" s="110">
        <v>0</v>
      </c>
      <c r="BG30" s="114">
        <v>57120</v>
      </c>
      <c r="BH30" s="112">
        <v>57120</v>
      </c>
      <c r="BI30" s="111">
        <v>0</v>
      </c>
      <c r="BJ30" s="114">
        <v>0</v>
      </c>
      <c r="BK30" s="114">
        <v>0</v>
      </c>
      <c r="BL30" s="114">
        <v>37988</v>
      </c>
      <c r="BM30" s="114">
        <v>0</v>
      </c>
      <c r="BN30" s="114">
        <v>0</v>
      </c>
      <c r="BO30" s="113">
        <v>37988</v>
      </c>
      <c r="BP30" s="116">
        <v>95108</v>
      </c>
      <c r="BQ30" s="110">
        <v>0</v>
      </c>
      <c r="BR30" s="114">
        <v>12576</v>
      </c>
      <c r="BS30" s="113">
        <v>12576</v>
      </c>
      <c r="BT30" s="110">
        <v>0</v>
      </c>
      <c r="BU30" s="114">
        <v>44288</v>
      </c>
      <c r="BV30" s="114">
        <v>22592</v>
      </c>
      <c r="BW30" s="114">
        <v>15560</v>
      </c>
      <c r="BX30" s="114">
        <v>44672</v>
      </c>
      <c r="BY30" s="114">
        <v>53280</v>
      </c>
      <c r="BZ30" s="113">
        <v>180392</v>
      </c>
      <c r="CA30" s="116">
        <v>192968</v>
      </c>
      <c r="CB30" s="110">
        <v>78524</v>
      </c>
      <c r="CC30" s="114">
        <v>72862</v>
      </c>
      <c r="CD30" s="113">
        <v>151386</v>
      </c>
      <c r="CE30" s="110">
        <v>0</v>
      </c>
      <c r="CF30" s="114">
        <v>587599</v>
      </c>
      <c r="CG30" s="114">
        <v>509182</v>
      </c>
      <c r="CH30" s="114">
        <v>450125</v>
      </c>
      <c r="CI30" s="114">
        <v>385141</v>
      </c>
      <c r="CJ30" s="114">
        <v>0</v>
      </c>
      <c r="CK30" s="113">
        <v>1932047</v>
      </c>
      <c r="CL30" s="116">
        <v>2083433</v>
      </c>
      <c r="CM30" s="110">
        <v>0</v>
      </c>
      <c r="CN30" s="114">
        <v>0</v>
      </c>
      <c r="CO30" s="113">
        <v>0</v>
      </c>
      <c r="CP30" s="111">
        <v>0</v>
      </c>
      <c r="CQ30" s="114">
        <v>430136</v>
      </c>
      <c r="CR30" s="114">
        <v>67648</v>
      </c>
      <c r="CS30" s="114">
        <v>90871</v>
      </c>
      <c r="CT30" s="114">
        <v>356133</v>
      </c>
      <c r="CU30" s="114">
        <v>0</v>
      </c>
      <c r="CV30" s="113">
        <v>944788</v>
      </c>
      <c r="CW30" s="116">
        <v>944788</v>
      </c>
      <c r="CX30" s="110">
        <v>78524</v>
      </c>
      <c r="CY30" s="114">
        <v>72862</v>
      </c>
      <c r="CZ30" s="113">
        <v>151386</v>
      </c>
      <c r="DA30" s="110">
        <v>0</v>
      </c>
      <c r="DB30" s="114">
        <v>157463</v>
      </c>
      <c r="DC30" s="114">
        <v>441534</v>
      </c>
      <c r="DD30" s="114">
        <v>359254</v>
      </c>
      <c r="DE30" s="114">
        <v>29008</v>
      </c>
      <c r="DF30" s="114">
        <v>0</v>
      </c>
      <c r="DG30" s="113">
        <v>987259</v>
      </c>
      <c r="DH30" s="116">
        <v>1138645</v>
      </c>
      <c r="DI30" s="110">
        <v>0</v>
      </c>
      <c r="DJ30" s="114">
        <v>0</v>
      </c>
      <c r="DK30" s="112">
        <v>0</v>
      </c>
      <c r="DL30" s="111">
        <v>0</v>
      </c>
      <c r="DM30" s="114">
        <v>61104</v>
      </c>
      <c r="DN30" s="114">
        <v>0</v>
      </c>
      <c r="DO30" s="114">
        <v>40815</v>
      </c>
      <c r="DP30" s="114">
        <v>147597</v>
      </c>
      <c r="DQ30" s="114">
        <v>0</v>
      </c>
      <c r="DR30" s="113">
        <v>249516</v>
      </c>
      <c r="DS30" s="116">
        <v>249516</v>
      </c>
      <c r="DT30" s="110">
        <v>0</v>
      </c>
      <c r="DU30" s="114">
        <v>0</v>
      </c>
      <c r="DV30" s="113">
        <v>0</v>
      </c>
      <c r="DW30" s="110">
        <v>0</v>
      </c>
      <c r="DX30" s="114">
        <v>61104</v>
      </c>
      <c r="DY30" s="114">
        <v>0</v>
      </c>
      <c r="DZ30" s="114">
        <v>40815</v>
      </c>
      <c r="EA30" s="114">
        <v>147597</v>
      </c>
      <c r="EB30" s="114">
        <v>0</v>
      </c>
      <c r="EC30" s="113">
        <v>249516</v>
      </c>
      <c r="ED30" s="116">
        <v>249516</v>
      </c>
      <c r="EE30" s="110">
        <v>0</v>
      </c>
      <c r="EF30" s="112">
        <v>0</v>
      </c>
      <c r="EG30" s="113">
        <v>0</v>
      </c>
      <c r="EH30" s="110">
        <v>0</v>
      </c>
      <c r="EI30" s="114">
        <v>0</v>
      </c>
      <c r="EJ30" s="114">
        <v>0</v>
      </c>
      <c r="EK30" s="114">
        <v>0</v>
      </c>
      <c r="EL30" s="114">
        <v>0</v>
      </c>
      <c r="EM30" s="114">
        <v>0</v>
      </c>
      <c r="EN30" s="112">
        <v>0</v>
      </c>
      <c r="EO30" s="116">
        <v>0</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5"/>
      <c r="FE30" s="114">
        <v>0</v>
      </c>
      <c r="FF30" s="114">
        <v>0</v>
      </c>
      <c r="FG30" s="114">
        <v>0</v>
      </c>
      <c r="FH30" s="114">
        <v>0</v>
      </c>
      <c r="FI30" s="114">
        <v>0</v>
      </c>
      <c r="FJ30" s="113">
        <v>0</v>
      </c>
      <c r="FK30" s="116">
        <v>0</v>
      </c>
      <c r="FL30" s="110">
        <v>16400</v>
      </c>
      <c r="FM30" s="114">
        <v>43976</v>
      </c>
      <c r="FN30" s="113">
        <v>60376</v>
      </c>
      <c r="FO30" s="110">
        <v>0</v>
      </c>
      <c r="FP30" s="114">
        <v>96304</v>
      </c>
      <c r="FQ30" s="114">
        <v>104952</v>
      </c>
      <c r="FR30" s="114">
        <v>88632</v>
      </c>
      <c r="FS30" s="114">
        <v>100040</v>
      </c>
      <c r="FT30" s="114">
        <v>46448</v>
      </c>
      <c r="FU30" s="113">
        <v>436376</v>
      </c>
      <c r="FV30" s="116">
        <v>496752</v>
      </c>
      <c r="FW30" s="115">
        <v>16400</v>
      </c>
      <c r="FX30" s="114">
        <v>43976</v>
      </c>
      <c r="FY30" s="112">
        <v>60376</v>
      </c>
      <c r="FZ30" s="111">
        <v>0</v>
      </c>
      <c r="GA30" s="114">
        <v>17104</v>
      </c>
      <c r="GB30" s="114">
        <v>104952</v>
      </c>
      <c r="GC30" s="114">
        <v>88632</v>
      </c>
      <c r="GD30" s="114">
        <v>100040</v>
      </c>
      <c r="GE30" s="114">
        <v>46448</v>
      </c>
      <c r="GF30" s="113">
        <v>357176</v>
      </c>
      <c r="GG30" s="316">
        <v>417552</v>
      </c>
      <c r="GH30" s="115">
        <v>0</v>
      </c>
      <c r="GI30" s="114">
        <v>0</v>
      </c>
      <c r="GJ30" s="112">
        <v>0</v>
      </c>
      <c r="GK30" s="111">
        <v>0</v>
      </c>
      <c r="GL30" s="114">
        <v>79200</v>
      </c>
      <c r="GM30" s="114">
        <v>0</v>
      </c>
      <c r="GN30" s="114">
        <v>0</v>
      </c>
      <c r="GO30" s="114">
        <v>0</v>
      </c>
      <c r="GP30" s="114">
        <v>0</v>
      </c>
      <c r="GQ30" s="113">
        <v>79200</v>
      </c>
      <c r="GR30" s="116">
        <v>79200</v>
      </c>
      <c r="GS30" s="110">
        <v>0</v>
      </c>
      <c r="GT30" s="114">
        <v>0</v>
      </c>
      <c r="GU30" s="113">
        <v>0</v>
      </c>
      <c r="GV30" s="110">
        <v>0</v>
      </c>
      <c r="GW30" s="114">
        <v>0</v>
      </c>
      <c r="GX30" s="114">
        <v>0</v>
      </c>
      <c r="GY30" s="114">
        <v>0</v>
      </c>
      <c r="GZ30" s="114">
        <v>0</v>
      </c>
      <c r="HA30" s="114">
        <v>0</v>
      </c>
      <c r="HB30" s="112">
        <v>0</v>
      </c>
      <c r="HC30" s="116">
        <v>0</v>
      </c>
      <c r="HD30" s="110">
        <v>0</v>
      </c>
      <c r="HE30" s="114">
        <v>91851</v>
      </c>
      <c r="HF30" s="112">
        <v>91851</v>
      </c>
      <c r="HG30" s="111">
        <v>0</v>
      </c>
      <c r="HH30" s="114">
        <v>320951</v>
      </c>
      <c r="HI30" s="114">
        <v>185609</v>
      </c>
      <c r="HJ30" s="114">
        <v>196175</v>
      </c>
      <c r="HK30" s="114">
        <v>443020</v>
      </c>
      <c r="HL30" s="114">
        <v>233335</v>
      </c>
      <c r="HM30" s="113">
        <v>1379090</v>
      </c>
      <c r="HN30" s="109">
        <v>1470941</v>
      </c>
      <c r="HO30" s="326"/>
      <c r="HP30" s="327"/>
      <c r="HQ30" s="328"/>
      <c r="HR30" s="329"/>
      <c r="HS30" s="327"/>
      <c r="HT30" s="327"/>
      <c r="HU30" s="327"/>
      <c r="HV30" s="327"/>
      <c r="HW30" s="327"/>
      <c r="HX30" s="330"/>
      <c r="HY30" s="331"/>
      <c r="HZ30" s="150">
        <v>41280</v>
      </c>
      <c r="IA30" s="135">
        <v>0</v>
      </c>
      <c r="IB30" s="150">
        <v>41280</v>
      </c>
      <c r="IC30" s="134">
        <v>0</v>
      </c>
      <c r="ID30" s="135">
        <v>226185</v>
      </c>
      <c r="IE30" s="136">
        <v>51855</v>
      </c>
      <c r="IF30" s="137">
        <v>0</v>
      </c>
      <c r="IG30" s="135">
        <v>0</v>
      </c>
      <c r="IH30" s="137">
        <v>0</v>
      </c>
      <c r="II30" s="138">
        <v>278040</v>
      </c>
      <c r="IJ30" s="150">
        <v>319320</v>
      </c>
      <c r="IK30" s="232">
        <v>0</v>
      </c>
      <c r="IL30" s="236">
        <v>0</v>
      </c>
      <c r="IM30" s="237">
        <v>0</v>
      </c>
      <c r="IN30" s="140"/>
      <c r="IO30" s="119">
        <v>0</v>
      </c>
      <c r="IP30" s="119">
        <v>0</v>
      </c>
      <c r="IQ30" s="119">
        <v>0</v>
      </c>
      <c r="IR30" s="119">
        <v>0</v>
      </c>
      <c r="IS30" s="119">
        <v>0</v>
      </c>
      <c r="IT30" s="141">
        <v>0</v>
      </c>
      <c r="IU30" s="318">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226185</v>
      </c>
      <c r="JL30" s="119">
        <v>51855</v>
      </c>
      <c r="JM30" s="119">
        <v>0</v>
      </c>
      <c r="JN30" s="119">
        <v>0</v>
      </c>
      <c r="JO30" s="119">
        <v>0</v>
      </c>
      <c r="JP30" s="120">
        <v>278040</v>
      </c>
      <c r="JQ30" s="318">
        <v>278040</v>
      </c>
      <c r="JR30" s="142">
        <v>0</v>
      </c>
      <c r="JS30" s="119">
        <v>0</v>
      </c>
      <c r="JT30" s="141">
        <v>0</v>
      </c>
      <c r="JU30" s="118">
        <v>0</v>
      </c>
      <c r="JV30" s="119">
        <v>0</v>
      </c>
      <c r="JW30" s="119">
        <v>0</v>
      </c>
      <c r="JX30" s="119">
        <v>0</v>
      </c>
      <c r="JY30" s="119">
        <v>0</v>
      </c>
      <c r="JZ30" s="119">
        <v>0</v>
      </c>
      <c r="KA30" s="120">
        <v>0</v>
      </c>
      <c r="KB30" s="318">
        <v>0</v>
      </c>
      <c r="KC30" s="234">
        <v>41280</v>
      </c>
      <c r="KD30" s="230">
        <v>0</v>
      </c>
      <c r="KE30" s="120">
        <v>41280</v>
      </c>
      <c r="KF30" s="118">
        <v>0</v>
      </c>
      <c r="KG30" s="119">
        <v>0</v>
      </c>
      <c r="KH30" s="119">
        <v>0</v>
      </c>
      <c r="KI30" s="119">
        <v>0</v>
      </c>
      <c r="KJ30" s="119">
        <v>0</v>
      </c>
      <c r="KK30" s="119">
        <v>0</v>
      </c>
      <c r="KL30" s="120">
        <v>0</v>
      </c>
      <c r="KM30" s="143">
        <v>41280</v>
      </c>
      <c r="KN30" s="232">
        <v>0</v>
      </c>
      <c r="KO30" s="236">
        <v>0</v>
      </c>
      <c r="KP30" s="237">
        <v>0</v>
      </c>
      <c r="KQ30" s="140"/>
      <c r="KR30" s="119">
        <v>0</v>
      </c>
      <c r="KS30" s="119">
        <v>0</v>
      </c>
      <c r="KT30" s="119">
        <v>0</v>
      </c>
      <c r="KU30" s="119">
        <v>0</v>
      </c>
      <c r="KV30" s="119">
        <v>0</v>
      </c>
      <c r="KW30" s="120">
        <v>0</v>
      </c>
      <c r="KX30" s="318">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18">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269241</v>
      </c>
      <c r="MK30" s="119">
        <v>545514</v>
      </c>
      <c r="ML30" s="119">
        <v>1004836</v>
      </c>
      <c r="MM30" s="119">
        <v>950032</v>
      </c>
      <c r="MN30" s="119">
        <v>839174</v>
      </c>
      <c r="MO30" s="120">
        <v>3608797</v>
      </c>
      <c r="MP30" s="143">
        <v>3608797</v>
      </c>
      <c r="MQ30" s="142">
        <v>0</v>
      </c>
      <c r="MR30" s="119">
        <v>0</v>
      </c>
      <c r="MS30" s="120">
        <v>0</v>
      </c>
      <c r="MT30" s="145"/>
      <c r="MU30" s="119">
        <v>0</v>
      </c>
      <c r="MV30" s="119">
        <v>208531</v>
      </c>
      <c r="MW30" s="119">
        <v>1004836</v>
      </c>
      <c r="MX30" s="119">
        <v>254770</v>
      </c>
      <c r="MY30" s="119">
        <v>538474</v>
      </c>
      <c r="MZ30" s="120">
        <v>2006611</v>
      </c>
      <c r="NA30" s="143">
        <v>2006611</v>
      </c>
      <c r="NB30" s="142">
        <v>0</v>
      </c>
      <c r="NC30" s="119">
        <v>0</v>
      </c>
      <c r="ND30" s="120">
        <v>0</v>
      </c>
      <c r="NE30" s="145"/>
      <c r="NF30" s="119">
        <v>269241</v>
      </c>
      <c r="NG30" s="119">
        <v>336983</v>
      </c>
      <c r="NH30" s="119">
        <v>0</v>
      </c>
      <c r="NI30" s="119">
        <v>695262</v>
      </c>
      <c r="NJ30" s="119">
        <v>300700</v>
      </c>
      <c r="NK30" s="120">
        <v>1602186</v>
      </c>
      <c r="NL30" s="318">
        <v>1602186</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36204</v>
      </c>
      <c r="OJ30" s="119">
        <v>301479</v>
      </c>
      <c r="OK30" s="141">
        <v>437683</v>
      </c>
      <c r="OL30" s="118">
        <v>0</v>
      </c>
      <c r="OM30" s="119">
        <v>1916673</v>
      </c>
      <c r="ON30" s="119">
        <v>1594725</v>
      </c>
      <c r="OO30" s="119">
        <v>2254680</v>
      </c>
      <c r="OP30" s="119">
        <v>2207979</v>
      </c>
      <c r="OQ30" s="119">
        <v>1570711</v>
      </c>
      <c r="OR30" s="120">
        <v>9544768</v>
      </c>
      <c r="OS30" s="143">
        <v>9982451</v>
      </c>
    </row>
    <row r="31" spans="2:409" ht="21" customHeight="1" x14ac:dyDescent="0.2">
      <c r="B31" s="126" t="s">
        <v>26</v>
      </c>
      <c r="C31" s="110">
        <v>121524</v>
      </c>
      <c r="D31" s="114">
        <v>107713</v>
      </c>
      <c r="E31" s="113">
        <v>229237</v>
      </c>
      <c r="F31" s="109">
        <v>0</v>
      </c>
      <c r="G31" s="114">
        <v>1423819</v>
      </c>
      <c r="H31" s="114">
        <v>1636621</v>
      </c>
      <c r="I31" s="114">
        <v>1440869</v>
      </c>
      <c r="J31" s="114">
        <v>400640</v>
      </c>
      <c r="K31" s="114">
        <v>284765</v>
      </c>
      <c r="L31" s="173">
        <v>5186714</v>
      </c>
      <c r="M31" s="116">
        <v>5415951</v>
      </c>
      <c r="N31" s="110">
        <v>12416</v>
      </c>
      <c r="O31" s="114">
        <v>66929</v>
      </c>
      <c r="P31" s="113">
        <v>79345</v>
      </c>
      <c r="Q31" s="110">
        <v>0</v>
      </c>
      <c r="R31" s="114">
        <v>542712</v>
      </c>
      <c r="S31" s="114">
        <v>505406</v>
      </c>
      <c r="T31" s="114">
        <v>923979</v>
      </c>
      <c r="U31" s="114">
        <v>298906</v>
      </c>
      <c r="V31" s="114">
        <v>309981</v>
      </c>
      <c r="W31" s="113">
        <v>2580984</v>
      </c>
      <c r="X31" s="116">
        <v>2660329</v>
      </c>
      <c r="Y31" s="110">
        <v>0</v>
      </c>
      <c r="Z31" s="114">
        <v>0</v>
      </c>
      <c r="AA31" s="113">
        <v>0</v>
      </c>
      <c r="AB31" s="110">
        <v>0</v>
      </c>
      <c r="AC31" s="114">
        <v>420828</v>
      </c>
      <c r="AD31" s="114">
        <v>279681</v>
      </c>
      <c r="AE31" s="114">
        <v>652062</v>
      </c>
      <c r="AF31" s="114">
        <v>39279</v>
      </c>
      <c r="AG31" s="114">
        <v>25721</v>
      </c>
      <c r="AH31" s="113">
        <v>1417571</v>
      </c>
      <c r="AI31" s="116">
        <v>1417571</v>
      </c>
      <c r="AJ31" s="110">
        <v>0</v>
      </c>
      <c r="AK31" s="114">
        <v>0</v>
      </c>
      <c r="AL31" s="113">
        <v>0</v>
      </c>
      <c r="AM31" s="110">
        <v>0</v>
      </c>
      <c r="AN31" s="114">
        <v>0</v>
      </c>
      <c r="AO31" s="114">
        <v>0</v>
      </c>
      <c r="AP31" s="114">
        <v>0</v>
      </c>
      <c r="AQ31" s="114">
        <v>180101</v>
      </c>
      <c r="AR31" s="114">
        <v>245526</v>
      </c>
      <c r="AS31" s="113">
        <v>425627</v>
      </c>
      <c r="AT31" s="116">
        <v>425627</v>
      </c>
      <c r="AU31" s="110">
        <v>0</v>
      </c>
      <c r="AV31" s="114">
        <v>66929</v>
      </c>
      <c r="AW31" s="113">
        <v>66929</v>
      </c>
      <c r="AX31" s="110">
        <v>0</v>
      </c>
      <c r="AY31" s="114">
        <v>97554</v>
      </c>
      <c r="AZ31" s="114">
        <v>64211</v>
      </c>
      <c r="BA31" s="114">
        <v>197421</v>
      </c>
      <c r="BB31" s="114">
        <v>56358</v>
      </c>
      <c r="BC31" s="114">
        <v>29198</v>
      </c>
      <c r="BD31" s="113">
        <v>444742</v>
      </c>
      <c r="BE31" s="116">
        <v>511671</v>
      </c>
      <c r="BF31" s="110">
        <v>0</v>
      </c>
      <c r="BG31" s="114">
        <v>0</v>
      </c>
      <c r="BH31" s="112">
        <v>0</v>
      </c>
      <c r="BI31" s="111">
        <v>0</v>
      </c>
      <c r="BJ31" s="114">
        <v>6802</v>
      </c>
      <c r="BK31" s="114">
        <v>85978</v>
      </c>
      <c r="BL31" s="114">
        <v>0</v>
      </c>
      <c r="BM31" s="114">
        <v>0</v>
      </c>
      <c r="BN31" s="114">
        <v>0</v>
      </c>
      <c r="BO31" s="113">
        <v>92780</v>
      </c>
      <c r="BP31" s="116">
        <v>92780</v>
      </c>
      <c r="BQ31" s="110">
        <v>12416</v>
      </c>
      <c r="BR31" s="114">
        <v>0</v>
      </c>
      <c r="BS31" s="113">
        <v>12416</v>
      </c>
      <c r="BT31" s="110">
        <v>0</v>
      </c>
      <c r="BU31" s="114">
        <v>17528</v>
      </c>
      <c r="BV31" s="114">
        <v>75536</v>
      </c>
      <c r="BW31" s="114">
        <v>74496</v>
      </c>
      <c r="BX31" s="114">
        <v>23168</v>
      </c>
      <c r="BY31" s="114">
        <v>9536</v>
      </c>
      <c r="BZ31" s="113">
        <v>200264</v>
      </c>
      <c r="CA31" s="116">
        <v>212680</v>
      </c>
      <c r="CB31" s="110">
        <v>20742</v>
      </c>
      <c r="CC31" s="114">
        <v>0</v>
      </c>
      <c r="CD31" s="113">
        <v>20742</v>
      </c>
      <c r="CE31" s="110">
        <v>0</v>
      </c>
      <c r="CF31" s="114">
        <v>537457</v>
      </c>
      <c r="CG31" s="114">
        <v>606653</v>
      </c>
      <c r="CH31" s="114">
        <v>230006</v>
      </c>
      <c r="CI31" s="114">
        <v>9730</v>
      </c>
      <c r="CJ31" s="114">
        <v>0</v>
      </c>
      <c r="CK31" s="113">
        <v>1383846</v>
      </c>
      <c r="CL31" s="116">
        <v>1404588</v>
      </c>
      <c r="CM31" s="110">
        <v>0</v>
      </c>
      <c r="CN31" s="114">
        <v>0</v>
      </c>
      <c r="CO31" s="113">
        <v>0</v>
      </c>
      <c r="CP31" s="111">
        <v>0</v>
      </c>
      <c r="CQ31" s="114">
        <v>417623</v>
      </c>
      <c r="CR31" s="114">
        <v>430717</v>
      </c>
      <c r="CS31" s="114">
        <v>145417</v>
      </c>
      <c r="CT31" s="114">
        <v>9730</v>
      </c>
      <c r="CU31" s="114">
        <v>0</v>
      </c>
      <c r="CV31" s="113">
        <v>1003487</v>
      </c>
      <c r="CW31" s="116">
        <v>1003487</v>
      </c>
      <c r="CX31" s="110">
        <v>20742</v>
      </c>
      <c r="CY31" s="114">
        <v>0</v>
      </c>
      <c r="CZ31" s="113">
        <v>20742</v>
      </c>
      <c r="DA31" s="110">
        <v>0</v>
      </c>
      <c r="DB31" s="114">
        <v>119834</v>
      </c>
      <c r="DC31" s="114">
        <v>175936</v>
      </c>
      <c r="DD31" s="114">
        <v>84589</v>
      </c>
      <c r="DE31" s="114">
        <v>0</v>
      </c>
      <c r="DF31" s="114">
        <v>0</v>
      </c>
      <c r="DG31" s="113">
        <v>380359</v>
      </c>
      <c r="DH31" s="116">
        <v>401101</v>
      </c>
      <c r="DI31" s="110">
        <v>0</v>
      </c>
      <c r="DJ31" s="114">
        <v>0</v>
      </c>
      <c r="DK31" s="112">
        <v>0</v>
      </c>
      <c r="DL31" s="111">
        <v>0</v>
      </c>
      <c r="DM31" s="114">
        <v>85469</v>
      </c>
      <c r="DN31" s="114">
        <v>304232</v>
      </c>
      <c r="DO31" s="114">
        <v>112132</v>
      </c>
      <c r="DP31" s="114">
        <v>17884</v>
      </c>
      <c r="DQ31" s="114">
        <v>0</v>
      </c>
      <c r="DR31" s="113">
        <v>519717</v>
      </c>
      <c r="DS31" s="116">
        <v>519717</v>
      </c>
      <c r="DT31" s="110">
        <v>0</v>
      </c>
      <c r="DU31" s="114">
        <v>0</v>
      </c>
      <c r="DV31" s="113">
        <v>0</v>
      </c>
      <c r="DW31" s="110">
        <v>0</v>
      </c>
      <c r="DX31" s="114">
        <v>85469</v>
      </c>
      <c r="DY31" s="114">
        <v>304232</v>
      </c>
      <c r="DZ31" s="114">
        <v>28248</v>
      </c>
      <c r="EA31" s="114">
        <v>17884</v>
      </c>
      <c r="EB31" s="114">
        <v>0</v>
      </c>
      <c r="EC31" s="113">
        <v>435833</v>
      </c>
      <c r="ED31" s="116">
        <v>435833</v>
      </c>
      <c r="EE31" s="110">
        <v>0</v>
      </c>
      <c r="EF31" s="112">
        <v>0</v>
      </c>
      <c r="EG31" s="113">
        <v>0</v>
      </c>
      <c r="EH31" s="110">
        <v>0</v>
      </c>
      <c r="EI31" s="114">
        <v>0</v>
      </c>
      <c r="EJ31" s="114">
        <v>0</v>
      </c>
      <c r="EK31" s="114">
        <v>83884</v>
      </c>
      <c r="EL31" s="114">
        <v>0</v>
      </c>
      <c r="EM31" s="114">
        <v>0</v>
      </c>
      <c r="EN31" s="112">
        <v>83884</v>
      </c>
      <c r="EO31" s="116">
        <v>83884</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5"/>
      <c r="FE31" s="114">
        <v>0</v>
      </c>
      <c r="FF31" s="114">
        <v>0</v>
      </c>
      <c r="FG31" s="114">
        <v>0</v>
      </c>
      <c r="FH31" s="114">
        <v>0</v>
      </c>
      <c r="FI31" s="114">
        <v>0</v>
      </c>
      <c r="FJ31" s="113">
        <v>0</v>
      </c>
      <c r="FK31" s="116">
        <v>0</v>
      </c>
      <c r="FL31" s="110">
        <v>34336</v>
      </c>
      <c r="FM31" s="114">
        <v>40784</v>
      </c>
      <c r="FN31" s="113">
        <v>75120</v>
      </c>
      <c r="FO31" s="110">
        <v>0</v>
      </c>
      <c r="FP31" s="114">
        <v>82360</v>
      </c>
      <c r="FQ31" s="114">
        <v>42512</v>
      </c>
      <c r="FR31" s="114">
        <v>174752</v>
      </c>
      <c r="FS31" s="114">
        <v>74120</v>
      </c>
      <c r="FT31" s="114">
        <v>-25216</v>
      </c>
      <c r="FU31" s="113">
        <v>348528</v>
      </c>
      <c r="FV31" s="116">
        <v>423648</v>
      </c>
      <c r="FW31" s="115">
        <v>12160</v>
      </c>
      <c r="FX31" s="114">
        <v>17024</v>
      </c>
      <c r="FY31" s="112">
        <v>29184</v>
      </c>
      <c r="FZ31" s="111">
        <v>0</v>
      </c>
      <c r="GA31" s="114">
        <v>82360</v>
      </c>
      <c r="GB31" s="114">
        <v>42512</v>
      </c>
      <c r="GC31" s="114">
        <v>174752</v>
      </c>
      <c r="GD31" s="114">
        <v>74120</v>
      </c>
      <c r="GE31" s="114">
        <v>-25216</v>
      </c>
      <c r="GF31" s="113">
        <v>348528</v>
      </c>
      <c r="GG31" s="316">
        <v>377712</v>
      </c>
      <c r="GH31" s="115">
        <v>22176</v>
      </c>
      <c r="GI31" s="114">
        <v>23760</v>
      </c>
      <c r="GJ31" s="112">
        <v>45936</v>
      </c>
      <c r="GK31" s="111">
        <v>0</v>
      </c>
      <c r="GL31" s="114">
        <v>0</v>
      </c>
      <c r="GM31" s="114">
        <v>0</v>
      </c>
      <c r="GN31" s="114">
        <v>0</v>
      </c>
      <c r="GO31" s="114">
        <v>0</v>
      </c>
      <c r="GP31" s="114">
        <v>0</v>
      </c>
      <c r="GQ31" s="113">
        <v>0</v>
      </c>
      <c r="GR31" s="116">
        <v>45936</v>
      </c>
      <c r="GS31" s="110">
        <v>0</v>
      </c>
      <c r="GT31" s="114">
        <v>0</v>
      </c>
      <c r="GU31" s="113">
        <v>0</v>
      </c>
      <c r="GV31" s="110">
        <v>0</v>
      </c>
      <c r="GW31" s="114">
        <v>0</v>
      </c>
      <c r="GX31" s="114">
        <v>0</v>
      </c>
      <c r="GY31" s="114">
        <v>0</v>
      </c>
      <c r="GZ31" s="114">
        <v>0</v>
      </c>
      <c r="HA31" s="114">
        <v>0</v>
      </c>
      <c r="HB31" s="112">
        <v>0</v>
      </c>
      <c r="HC31" s="116">
        <v>0</v>
      </c>
      <c r="HD31" s="110">
        <v>54030</v>
      </c>
      <c r="HE31" s="114">
        <v>0</v>
      </c>
      <c r="HF31" s="112">
        <v>54030</v>
      </c>
      <c r="HG31" s="111">
        <v>0</v>
      </c>
      <c r="HH31" s="114">
        <v>175821</v>
      </c>
      <c r="HI31" s="114">
        <v>177818</v>
      </c>
      <c r="HJ31" s="114">
        <v>0</v>
      </c>
      <c r="HK31" s="114">
        <v>0</v>
      </c>
      <c r="HL31" s="114">
        <v>0</v>
      </c>
      <c r="HM31" s="113">
        <v>353639</v>
      </c>
      <c r="HN31" s="109">
        <v>407669</v>
      </c>
      <c r="HO31" s="326"/>
      <c r="HP31" s="327"/>
      <c r="HQ31" s="328"/>
      <c r="HR31" s="329"/>
      <c r="HS31" s="327"/>
      <c r="HT31" s="327"/>
      <c r="HU31" s="327"/>
      <c r="HV31" s="327"/>
      <c r="HW31" s="327"/>
      <c r="HX31" s="330"/>
      <c r="HY31" s="331"/>
      <c r="HZ31" s="131">
        <v>0</v>
      </c>
      <c r="IA31" s="132">
        <v>0</v>
      </c>
      <c r="IB31" s="133">
        <v>0</v>
      </c>
      <c r="IC31" s="146">
        <v>0</v>
      </c>
      <c r="ID31" s="132">
        <v>169822</v>
      </c>
      <c r="IE31" s="147">
        <v>899097</v>
      </c>
      <c r="IF31" s="133">
        <v>529671</v>
      </c>
      <c r="IG31" s="132">
        <v>255566</v>
      </c>
      <c r="IH31" s="133">
        <v>-450353</v>
      </c>
      <c r="II31" s="148">
        <v>1403803</v>
      </c>
      <c r="IJ31" s="139">
        <v>1403803</v>
      </c>
      <c r="IK31" s="232">
        <v>0</v>
      </c>
      <c r="IL31" s="236">
        <v>0</v>
      </c>
      <c r="IM31" s="237">
        <v>0</v>
      </c>
      <c r="IN31" s="140"/>
      <c r="IO31" s="119">
        <v>0</v>
      </c>
      <c r="IP31" s="119">
        <v>0</v>
      </c>
      <c r="IQ31" s="119">
        <v>0</v>
      </c>
      <c r="IR31" s="119">
        <v>0</v>
      </c>
      <c r="IS31" s="119">
        <v>0</v>
      </c>
      <c r="IT31" s="141">
        <v>0</v>
      </c>
      <c r="IU31" s="318">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69822</v>
      </c>
      <c r="JL31" s="119">
        <v>552881</v>
      </c>
      <c r="JM31" s="119">
        <v>46510</v>
      </c>
      <c r="JN31" s="119">
        <v>0</v>
      </c>
      <c r="JO31" s="119">
        <v>-450353</v>
      </c>
      <c r="JP31" s="120">
        <v>318860</v>
      </c>
      <c r="JQ31" s="318">
        <v>318860</v>
      </c>
      <c r="JR31" s="142">
        <v>0</v>
      </c>
      <c r="JS31" s="119">
        <v>0</v>
      </c>
      <c r="JT31" s="141">
        <v>0</v>
      </c>
      <c r="JU31" s="118">
        <v>0</v>
      </c>
      <c r="JV31" s="119">
        <v>0</v>
      </c>
      <c r="JW31" s="119">
        <v>98060</v>
      </c>
      <c r="JX31" s="119">
        <v>0</v>
      </c>
      <c r="JY31" s="119">
        <v>0</v>
      </c>
      <c r="JZ31" s="119">
        <v>0</v>
      </c>
      <c r="KA31" s="120">
        <v>98060</v>
      </c>
      <c r="KB31" s="318">
        <v>98060</v>
      </c>
      <c r="KC31" s="234">
        <v>0</v>
      </c>
      <c r="KD31" s="230">
        <v>0</v>
      </c>
      <c r="KE31" s="120">
        <v>0</v>
      </c>
      <c r="KF31" s="118">
        <v>0</v>
      </c>
      <c r="KG31" s="119">
        <v>0</v>
      </c>
      <c r="KH31" s="119">
        <v>0</v>
      </c>
      <c r="KI31" s="119">
        <v>225607</v>
      </c>
      <c r="KJ31" s="119">
        <v>0</v>
      </c>
      <c r="KK31" s="119">
        <v>0</v>
      </c>
      <c r="KL31" s="120">
        <v>225607</v>
      </c>
      <c r="KM31" s="143">
        <v>225607</v>
      </c>
      <c r="KN31" s="232">
        <v>0</v>
      </c>
      <c r="KO31" s="236">
        <v>0</v>
      </c>
      <c r="KP31" s="237">
        <v>0</v>
      </c>
      <c r="KQ31" s="140"/>
      <c r="KR31" s="119">
        <v>0</v>
      </c>
      <c r="KS31" s="119">
        <v>248156</v>
      </c>
      <c r="KT31" s="119">
        <v>257554</v>
      </c>
      <c r="KU31" s="119">
        <v>255566</v>
      </c>
      <c r="KV31" s="119">
        <v>0</v>
      </c>
      <c r="KW31" s="120">
        <v>761276</v>
      </c>
      <c r="KX31" s="318">
        <v>761276</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18">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0</v>
      </c>
      <c r="ML31" s="119">
        <v>1107604</v>
      </c>
      <c r="MM31" s="119">
        <v>1481729</v>
      </c>
      <c r="MN31" s="119">
        <v>267400</v>
      </c>
      <c r="MO31" s="120">
        <v>2856733</v>
      </c>
      <c r="MP31" s="143">
        <v>2856733</v>
      </c>
      <c r="MQ31" s="142">
        <v>0</v>
      </c>
      <c r="MR31" s="119">
        <v>0</v>
      </c>
      <c r="MS31" s="120">
        <v>0</v>
      </c>
      <c r="MT31" s="145"/>
      <c r="MU31" s="119">
        <v>0</v>
      </c>
      <c r="MV31" s="119">
        <v>0</v>
      </c>
      <c r="MW31" s="119">
        <v>725556</v>
      </c>
      <c r="MX31" s="119">
        <v>1249456</v>
      </c>
      <c r="MY31" s="119">
        <v>267400</v>
      </c>
      <c r="MZ31" s="120">
        <v>2242412</v>
      </c>
      <c r="NA31" s="143">
        <v>2242412</v>
      </c>
      <c r="NB31" s="142">
        <v>0</v>
      </c>
      <c r="NC31" s="119">
        <v>0</v>
      </c>
      <c r="ND31" s="120">
        <v>0</v>
      </c>
      <c r="NE31" s="145"/>
      <c r="NF31" s="119">
        <v>0</v>
      </c>
      <c r="NG31" s="119">
        <v>0</v>
      </c>
      <c r="NH31" s="119">
        <v>382048</v>
      </c>
      <c r="NI31" s="119">
        <v>232273</v>
      </c>
      <c r="NJ31" s="119">
        <v>0</v>
      </c>
      <c r="NK31" s="120">
        <v>614321</v>
      </c>
      <c r="NL31" s="318">
        <v>614321</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21524</v>
      </c>
      <c r="OJ31" s="119">
        <v>107713</v>
      </c>
      <c r="OK31" s="141">
        <v>229237</v>
      </c>
      <c r="OL31" s="118">
        <v>0</v>
      </c>
      <c r="OM31" s="119">
        <v>1593641</v>
      </c>
      <c r="ON31" s="119">
        <v>2535718</v>
      </c>
      <c r="OO31" s="119">
        <v>3078144</v>
      </c>
      <c r="OP31" s="119">
        <v>2137935</v>
      </c>
      <c r="OQ31" s="119">
        <v>101812</v>
      </c>
      <c r="OR31" s="120">
        <v>9447250</v>
      </c>
      <c r="OS31" s="143">
        <v>9676487</v>
      </c>
    </row>
    <row r="32" spans="2:409" ht="21" customHeight="1" x14ac:dyDescent="0.2">
      <c r="B32" s="126" t="s">
        <v>27</v>
      </c>
      <c r="C32" s="110">
        <v>97593</v>
      </c>
      <c r="D32" s="114">
        <v>305334</v>
      </c>
      <c r="E32" s="113">
        <v>402927</v>
      </c>
      <c r="F32" s="109">
        <v>0</v>
      </c>
      <c r="G32" s="114">
        <v>1154857</v>
      </c>
      <c r="H32" s="114">
        <v>1411945</v>
      </c>
      <c r="I32" s="114">
        <v>1428024</v>
      </c>
      <c r="J32" s="114">
        <v>2049896</v>
      </c>
      <c r="K32" s="114">
        <v>1063291</v>
      </c>
      <c r="L32" s="173">
        <v>7108013</v>
      </c>
      <c r="M32" s="116">
        <v>7510940</v>
      </c>
      <c r="N32" s="110">
        <v>15056</v>
      </c>
      <c r="O32" s="114">
        <v>112713</v>
      </c>
      <c r="P32" s="113">
        <v>127769</v>
      </c>
      <c r="Q32" s="110">
        <v>0</v>
      </c>
      <c r="R32" s="114">
        <v>222427</v>
      </c>
      <c r="S32" s="114">
        <v>390578</v>
      </c>
      <c r="T32" s="114">
        <v>418859</v>
      </c>
      <c r="U32" s="114">
        <v>870466</v>
      </c>
      <c r="V32" s="114">
        <v>588786</v>
      </c>
      <c r="W32" s="113">
        <v>2491116</v>
      </c>
      <c r="X32" s="116">
        <v>2618885</v>
      </c>
      <c r="Y32" s="110">
        <v>0</v>
      </c>
      <c r="Z32" s="114">
        <v>0</v>
      </c>
      <c r="AA32" s="113">
        <v>0</v>
      </c>
      <c r="AB32" s="110">
        <v>0</v>
      </c>
      <c r="AC32" s="114">
        <v>7593</v>
      </c>
      <c r="AD32" s="114">
        <v>173553</v>
      </c>
      <c r="AE32" s="114">
        <v>187139</v>
      </c>
      <c r="AF32" s="114">
        <v>533111</v>
      </c>
      <c r="AG32" s="114">
        <v>309603</v>
      </c>
      <c r="AH32" s="113">
        <v>1210999</v>
      </c>
      <c r="AI32" s="116">
        <v>1210999</v>
      </c>
      <c r="AJ32" s="110">
        <v>0</v>
      </c>
      <c r="AK32" s="114">
        <v>0</v>
      </c>
      <c r="AL32" s="113">
        <v>0</v>
      </c>
      <c r="AM32" s="110">
        <v>0</v>
      </c>
      <c r="AN32" s="114">
        <v>0</v>
      </c>
      <c r="AO32" s="114">
        <v>0</v>
      </c>
      <c r="AP32" s="114">
        <v>13195</v>
      </c>
      <c r="AQ32" s="114">
        <v>56926</v>
      </c>
      <c r="AR32" s="114">
        <v>56926</v>
      </c>
      <c r="AS32" s="113">
        <v>127047</v>
      </c>
      <c r="AT32" s="116">
        <v>127047</v>
      </c>
      <c r="AU32" s="110">
        <v>0</v>
      </c>
      <c r="AV32" s="114">
        <v>110329</v>
      </c>
      <c r="AW32" s="113">
        <v>110329</v>
      </c>
      <c r="AX32" s="110">
        <v>0</v>
      </c>
      <c r="AY32" s="114">
        <v>197050</v>
      </c>
      <c r="AZ32" s="114">
        <v>131828</v>
      </c>
      <c r="BA32" s="114">
        <v>161501</v>
      </c>
      <c r="BB32" s="114">
        <v>208309</v>
      </c>
      <c r="BC32" s="114">
        <v>181841</v>
      </c>
      <c r="BD32" s="113">
        <v>880529</v>
      </c>
      <c r="BE32" s="116">
        <v>990858</v>
      </c>
      <c r="BF32" s="110">
        <v>0</v>
      </c>
      <c r="BG32" s="114">
        <v>0</v>
      </c>
      <c r="BH32" s="112">
        <v>0</v>
      </c>
      <c r="BI32" s="111">
        <v>0</v>
      </c>
      <c r="BJ32" s="114">
        <v>0</v>
      </c>
      <c r="BK32" s="114">
        <v>39501</v>
      </c>
      <c r="BL32" s="114">
        <v>0</v>
      </c>
      <c r="BM32" s="114">
        <v>0</v>
      </c>
      <c r="BN32" s="114">
        <v>0</v>
      </c>
      <c r="BO32" s="113">
        <v>39501</v>
      </c>
      <c r="BP32" s="116">
        <v>39501</v>
      </c>
      <c r="BQ32" s="110">
        <v>15056</v>
      </c>
      <c r="BR32" s="114">
        <v>2384</v>
      </c>
      <c r="BS32" s="113">
        <v>17440</v>
      </c>
      <c r="BT32" s="110">
        <v>0</v>
      </c>
      <c r="BU32" s="114">
        <v>17784</v>
      </c>
      <c r="BV32" s="114">
        <v>45696</v>
      </c>
      <c r="BW32" s="114">
        <v>57024</v>
      </c>
      <c r="BX32" s="114">
        <v>72120</v>
      </c>
      <c r="BY32" s="114">
        <v>40416</v>
      </c>
      <c r="BZ32" s="113">
        <v>233040</v>
      </c>
      <c r="CA32" s="116">
        <v>250480</v>
      </c>
      <c r="CB32" s="110">
        <v>0</v>
      </c>
      <c r="CC32" s="114">
        <v>80101</v>
      </c>
      <c r="CD32" s="113">
        <v>80101</v>
      </c>
      <c r="CE32" s="110">
        <v>0</v>
      </c>
      <c r="CF32" s="114">
        <v>542390</v>
      </c>
      <c r="CG32" s="114">
        <v>736136</v>
      </c>
      <c r="CH32" s="114">
        <v>684283</v>
      </c>
      <c r="CI32" s="114">
        <v>441585</v>
      </c>
      <c r="CJ32" s="114">
        <v>19840</v>
      </c>
      <c r="CK32" s="113">
        <v>2424234</v>
      </c>
      <c r="CL32" s="116">
        <v>2504335</v>
      </c>
      <c r="CM32" s="110">
        <v>0</v>
      </c>
      <c r="CN32" s="114">
        <v>0</v>
      </c>
      <c r="CO32" s="113">
        <v>0</v>
      </c>
      <c r="CP32" s="111">
        <v>0</v>
      </c>
      <c r="CQ32" s="114">
        <v>542390</v>
      </c>
      <c r="CR32" s="114">
        <v>464982</v>
      </c>
      <c r="CS32" s="114">
        <v>611304</v>
      </c>
      <c r="CT32" s="114">
        <v>441585</v>
      </c>
      <c r="CU32" s="114">
        <v>19840</v>
      </c>
      <c r="CV32" s="113">
        <v>2080101</v>
      </c>
      <c r="CW32" s="116">
        <v>2080101</v>
      </c>
      <c r="CX32" s="110">
        <v>0</v>
      </c>
      <c r="CY32" s="114">
        <v>80101</v>
      </c>
      <c r="CZ32" s="113">
        <v>80101</v>
      </c>
      <c r="DA32" s="110">
        <v>0</v>
      </c>
      <c r="DB32" s="114">
        <v>0</v>
      </c>
      <c r="DC32" s="114">
        <v>271154</v>
      </c>
      <c r="DD32" s="114">
        <v>72979</v>
      </c>
      <c r="DE32" s="114">
        <v>0</v>
      </c>
      <c r="DF32" s="114">
        <v>0</v>
      </c>
      <c r="DG32" s="113">
        <v>344133</v>
      </c>
      <c r="DH32" s="116">
        <v>424234</v>
      </c>
      <c r="DI32" s="110">
        <v>0</v>
      </c>
      <c r="DJ32" s="114">
        <v>19800</v>
      </c>
      <c r="DK32" s="112">
        <v>19800</v>
      </c>
      <c r="DL32" s="111">
        <v>0</v>
      </c>
      <c r="DM32" s="114">
        <v>58140</v>
      </c>
      <c r="DN32" s="114">
        <v>23783</v>
      </c>
      <c r="DO32" s="114">
        <v>178602</v>
      </c>
      <c r="DP32" s="114">
        <v>0</v>
      </c>
      <c r="DQ32" s="114">
        <v>172222</v>
      </c>
      <c r="DR32" s="113">
        <v>432747</v>
      </c>
      <c r="DS32" s="116">
        <v>452547</v>
      </c>
      <c r="DT32" s="110">
        <v>0</v>
      </c>
      <c r="DU32" s="114">
        <v>19800</v>
      </c>
      <c r="DV32" s="113">
        <v>19800</v>
      </c>
      <c r="DW32" s="110">
        <v>0</v>
      </c>
      <c r="DX32" s="114">
        <v>34164</v>
      </c>
      <c r="DY32" s="114">
        <v>23783</v>
      </c>
      <c r="DZ32" s="114">
        <v>116260</v>
      </c>
      <c r="EA32" s="114">
        <v>0</v>
      </c>
      <c r="EB32" s="114">
        <v>142814</v>
      </c>
      <c r="EC32" s="113">
        <v>317021</v>
      </c>
      <c r="ED32" s="116">
        <v>336821</v>
      </c>
      <c r="EE32" s="110">
        <v>0</v>
      </c>
      <c r="EF32" s="112">
        <v>0</v>
      </c>
      <c r="EG32" s="113">
        <v>0</v>
      </c>
      <c r="EH32" s="110">
        <v>0</v>
      </c>
      <c r="EI32" s="114">
        <v>23976</v>
      </c>
      <c r="EJ32" s="114">
        <v>0</v>
      </c>
      <c r="EK32" s="114">
        <v>62342</v>
      </c>
      <c r="EL32" s="114">
        <v>0</v>
      </c>
      <c r="EM32" s="114">
        <v>29408</v>
      </c>
      <c r="EN32" s="112">
        <v>115726</v>
      </c>
      <c r="EO32" s="116">
        <v>115726</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5"/>
      <c r="FE32" s="114">
        <v>0</v>
      </c>
      <c r="FF32" s="114">
        <v>0</v>
      </c>
      <c r="FG32" s="114">
        <v>0</v>
      </c>
      <c r="FH32" s="114">
        <v>0</v>
      </c>
      <c r="FI32" s="114">
        <v>0</v>
      </c>
      <c r="FJ32" s="113">
        <v>0</v>
      </c>
      <c r="FK32" s="116">
        <v>0</v>
      </c>
      <c r="FL32" s="110">
        <v>30128</v>
      </c>
      <c r="FM32" s="114">
        <v>92720</v>
      </c>
      <c r="FN32" s="113">
        <v>122848</v>
      </c>
      <c r="FO32" s="110">
        <v>0</v>
      </c>
      <c r="FP32" s="114">
        <v>12800</v>
      </c>
      <c r="FQ32" s="114">
        <v>261448</v>
      </c>
      <c r="FR32" s="114">
        <v>146280</v>
      </c>
      <c r="FS32" s="114">
        <v>97440</v>
      </c>
      <c r="FT32" s="114">
        <v>50128</v>
      </c>
      <c r="FU32" s="113">
        <v>568096</v>
      </c>
      <c r="FV32" s="116">
        <v>690944</v>
      </c>
      <c r="FW32" s="115">
        <v>7600</v>
      </c>
      <c r="FX32" s="114">
        <v>92720</v>
      </c>
      <c r="FY32" s="112">
        <v>100320</v>
      </c>
      <c r="FZ32" s="111">
        <v>0</v>
      </c>
      <c r="GA32" s="114">
        <v>12800</v>
      </c>
      <c r="GB32" s="114">
        <v>186648</v>
      </c>
      <c r="GC32" s="114">
        <v>146280</v>
      </c>
      <c r="GD32" s="114">
        <v>97440</v>
      </c>
      <c r="GE32" s="114">
        <v>50128</v>
      </c>
      <c r="GF32" s="113">
        <v>493296</v>
      </c>
      <c r="GG32" s="316">
        <v>593616</v>
      </c>
      <c r="GH32" s="115">
        <v>22528</v>
      </c>
      <c r="GI32" s="114">
        <v>0</v>
      </c>
      <c r="GJ32" s="112">
        <v>22528</v>
      </c>
      <c r="GK32" s="111">
        <v>0</v>
      </c>
      <c r="GL32" s="114">
        <v>0</v>
      </c>
      <c r="GM32" s="114">
        <v>0</v>
      </c>
      <c r="GN32" s="114">
        <v>0</v>
      </c>
      <c r="GO32" s="114">
        <v>0</v>
      </c>
      <c r="GP32" s="114">
        <v>0</v>
      </c>
      <c r="GQ32" s="113">
        <v>0</v>
      </c>
      <c r="GR32" s="116">
        <v>22528</v>
      </c>
      <c r="GS32" s="110">
        <v>0</v>
      </c>
      <c r="GT32" s="114">
        <v>0</v>
      </c>
      <c r="GU32" s="113">
        <v>0</v>
      </c>
      <c r="GV32" s="110">
        <v>0</v>
      </c>
      <c r="GW32" s="114">
        <v>0</v>
      </c>
      <c r="GX32" s="114">
        <v>74800</v>
      </c>
      <c r="GY32" s="114">
        <v>0</v>
      </c>
      <c r="GZ32" s="114">
        <v>0</v>
      </c>
      <c r="HA32" s="114">
        <v>0</v>
      </c>
      <c r="HB32" s="112">
        <v>74800</v>
      </c>
      <c r="HC32" s="116">
        <v>74800</v>
      </c>
      <c r="HD32" s="110">
        <v>52409</v>
      </c>
      <c r="HE32" s="114">
        <v>0</v>
      </c>
      <c r="HF32" s="112">
        <v>52409</v>
      </c>
      <c r="HG32" s="111">
        <v>0</v>
      </c>
      <c r="HH32" s="114">
        <v>319100</v>
      </c>
      <c r="HI32" s="114">
        <v>0</v>
      </c>
      <c r="HJ32" s="114">
        <v>0</v>
      </c>
      <c r="HK32" s="114">
        <v>640405</v>
      </c>
      <c r="HL32" s="114">
        <v>232315</v>
      </c>
      <c r="HM32" s="113">
        <v>1191820</v>
      </c>
      <c r="HN32" s="109">
        <v>1244229</v>
      </c>
      <c r="HO32" s="326"/>
      <c r="HP32" s="327"/>
      <c r="HQ32" s="328"/>
      <c r="HR32" s="329"/>
      <c r="HS32" s="327"/>
      <c r="HT32" s="327"/>
      <c r="HU32" s="327"/>
      <c r="HV32" s="327"/>
      <c r="HW32" s="327"/>
      <c r="HX32" s="330"/>
      <c r="HY32" s="331"/>
      <c r="HZ32" s="150">
        <v>0</v>
      </c>
      <c r="IA32" s="135">
        <v>0</v>
      </c>
      <c r="IB32" s="150">
        <v>0</v>
      </c>
      <c r="IC32" s="134">
        <v>0</v>
      </c>
      <c r="ID32" s="135">
        <v>117168</v>
      </c>
      <c r="IE32" s="136">
        <v>26405</v>
      </c>
      <c r="IF32" s="137">
        <v>715143</v>
      </c>
      <c r="IG32" s="135">
        <v>250640</v>
      </c>
      <c r="IH32" s="137">
        <v>269681</v>
      </c>
      <c r="II32" s="138">
        <v>1379037</v>
      </c>
      <c r="IJ32" s="150">
        <v>1379037</v>
      </c>
      <c r="IK32" s="232">
        <v>0</v>
      </c>
      <c r="IL32" s="236">
        <v>0</v>
      </c>
      <c r="IM32" s="237">
        <v>0</v>
      </c>
      <c r="IN32" s="140"/>
      <c r="IO32" s="119">
        <v>0</v>
      </c>
      <c r="IP32" s="119">
        <v>0</v>
      </c>
      <c r="IQ32" s="119">
        <v>175496</v>
      </c>
      <c r="IR32" s="119">
        <v>0</v>
      </c>
      <c r="IS32" s="119">
        <v>0</v>
      </c>
      <c r="IT32" s="141">
        <v>175496</v>
      </c>
      <c r="IU32" s="318">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0</v>
      </c>
      <c r="JL32" s="119">
        <v>26405</v>
      </c>
      <c r="JM32" s="119">
        <v>0</v>
      </c>
      <c r="JN32" s="119">
        <v>0</v>
      </c>
      <c r="JO32" s="119">
        <v>0</v>
      </c>
      <c r="JP32" s="120">
        <v>26405</v>
      </c>
      <c r="JQ32" s="318">
        <v>26405</v>
      </c>
      <c r="JR32" s="142">
        <v>0</v>
      </c>
      <c r="JS32" s="119">
        <v>0</v>
      </c>
      <c r="JT32" s="141">
        <v>0</v>
      </c>
      <c r="JU32" s="118">
        <v>0</v>
      </c>
      <c r="JV32" s="119">
        <v>117168</v>
      </c>
      <c r="JW32" s="119">
        <v>0</v>
      </c>
      <c r="JX32" s="119">
        <v>58824</v>
      </c>
      <c r="JY32" s="119">
        <v>250640</v>
      </c>
      <c r="JZ32" s="119">
        <v>0</v>
      </c>
      <c r="KA32" s="120">
        <v>426632</v>
      </c>
      <c r="KB32" s="318">
        <v>426632</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250858</v>
      </c>
      <c r="KU32" s="119">
        <v>0</v>
      </c>
      <c r="KV32" s="119">
        <v>0</v>
      </c>
      <c r="KW32" s="120">
        <v>250858</v>
      </c>
      <c r="KX32" s="318">
        <v>250858</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29965</v>
      </c>
      <c r="LQ32" s="119">
        <v>0</v>
      </c>
      <c r="LR32" s="119">
        <v>269681</v>
      </c>
      <c r="LS32" s="120">
        <v>499646</v>
      </c>
      <c r="LT32" s="318">
        <v>499646</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299884</v>
      </c>
      <c r="MK32" s="119">
        <v>814042</v>
      </c>
      <c r="ML32" s="119">
        <v>1078797</v>
      </c>
      <c r="MM32" s="119">
        <v>1408960</v>
      </c>
      <c r="MN32" s="119">
        <v>0</v>
      </c>
      <c r="MO32" s="120">
        <v>3601683</v>
      </c>
      <c r="MP32" s="143">
        <v>3601683</v>
      </c>
      <c r="MQ32" s="142">
        <v>0</v>
      </c>
      <c r="MR32" s="119">
        <v>0</v>
      </c>
      <c r="MS32" s="120">
        <v>0</v>
      </c>
      <c r="MT32" s="145"/>
      <c r="MU32" s="119">
        <v>0</v>
      </c>
      <c r="MV32" s="119">
        <v>234623</v>
      </c>
      <c r="MW32" s="119">
        <v>0</v>
      </c>
      <c r="MX32" s="119">
        <v>509300</v>
      </c>
      <c r="MY32" s="119">
        <v>0</v>
      </c>
      <c r="MZ32" s="120">
        <v>743923</v>
      </c>
      <c r="NA32" s="143">
        <v>743923</v>
      </c>
      <c r="NB32" s="142">
        <v>0</v>
      </c>
      <c r="NC32" s="119">
        <v>0</v>
      </c>
      <c r="ND32" s="120">
        <v>0</v>
      </c>
      <c r="NE32" s="145"/>
      <c r="NF32" s="119">
        <v>299884</v>
      </c>
      <c r="NG32" s="119">
        <v>579419</v>
      </c>
      <c r="NH32" s="119">
        <v>1078797</v>
      </c>
      <c r="NI32" s="119">
        <v>534788</v>
      </c>
      <c r="NJ32" s="119">
        <v>0</v>
      </c>
      <c r="NK32" s="120">
        <v>2492888</v>
      </c>
      <c r="NL32" s="318">
        <v>2492888</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64872</v>
      </c>
      <c r="OF32" s="119">
        <v>0</v>
      </c>
      <c r="OG32" s="120">
        <v>364872</v>
      </c>
      <c r="OH32" s="121">
        <v>364872</v>
      </c>
      <c r="OI32" s="142">
        <v>97593</v>
      </c>
      <c r="OJ32" s="119">
        <v>305334</v>
      </c>
      <c r="OK32" s="141">
        <v>402927</v>
      </c>
      <c r="OL32" s="118">
        <v>0</v>
      </c>
      <c r="OM32" s="119">
        <v>1571909</v>
      </c>
      <c r="ON32" s="119">
        <v>2252392</v>
      </c>
      <c r="OO32" s="119">
        <v>3221964</v>
      </c>
      <c r="OP32" s="119">
        <v>3709496</v>
      </c>
      <c r="OQ32" s="119">
        <v>1332972</v>
      </c>
      <c r="OR32" s="120">
        <v>12088733</v>
      </c>
      <c r="OS32" s="143">
        <v>12491660</v>
      </c>
    </row>
    <row r="33" spans="2:409" ht="21" customHeight="1" x14ac:dyDescent="0.2">
      <c r="B33" s="126" t="s">
        <v>28</v>
      </c>
      <c r="C33" s="110">
        <v>0</v>
      </c>
      <c r="D33" s="114">
        <v>46281</v>
      </c>
      <c r="E33" s="113">
        <v>46281</v>
      </c>
      <c r="F33" s="109">
        <v>0</v>
      </c>
      <c r="G33" s="114">
        <v>553661</v>
      </c>
      <c r="H33" s="114">
        <v>297124</v>
      </c>
      <c r="I33" s="114">
        <v>22210</v>
      </c>
      <c r="J33" s="114">
        <v>258091</v>
      </c>
      <c r="K33" s="114">
        <v>121741</v>
      </c>
      <c r="L33" s="173">
        <v>1252827</v>
      </c>
      <c r="M33" s="116">
        <v>1299108</v>
      </c>
      <c r="N33" s="110">
        <v>0</v>
      </c>
      <c r="O33" s="114">
        <v>0</v>
      </c>
      <c r="P33" s="113">
        <v>0</v>
      </c>
      <c r="Q33" s="110">
        <v>0</v>
      </c>
      <c r="R33" s="114">
        <v>15056</v>
      </c>
      <c r="S33" s="114">
        <v>225537</v>
      </c>
      <c r="T33" s="114">
        <v>2288</v>
      </c>
      <c r="U33" s="114">
        <v>203595</v>
      </c>
      <c r="V33" s="114">
        <v>4112</v>
      </c>
      <c r="W33" s="113">
        <v>450588</v>
      </c>
      <c r="X33" s="116">
        <v>450588</v>
      </c>
      <c r="Y33" s="110">
        <v>0</v>
      </c>
      <c r="Z33" s="114">
        <v>0</v>
      </c>
      <c r="AA33" s="113">
        <v>0</v>
      </c>
      <c r="AB33" s="110">
        <v>0</v>
      </c>
      <c r="AC33" s="114">
        <v>0</v>
      </c>
      <c r="AD33" s="114">
        <v>130482</v>
      </c>
      <c r="AE33" s="114">
        <v>0</v>
      </c>
      <c r="AF33" s="114">
        <v>88456</v>
      </c>
      <c r="AG33" s="114">
        <v>0</v>
      </c>
      <c r="AH33" s="113">
        <v>218938</v>
      </c>
      <c r="AI33" s="116">
        <v>218938</v>
      </c>
      <c r="AJ33" s="110">
        <v>0</v>
      </c>
      <c r="AK33" s="114">
        <v>0</v>
      </c>
      <c r="AL33" s="113">
        <v>0</v>
      </c>
      <c r="AM33" s="110">
        <v>0</v>
      </c>
      <c r="AN33" s="114">
        <v>0</v>
      </c>
      <c r="AO33" s="114">
        <v>0</v>
      </c>
      <c r="AP33" s="114">
        <v>0</v>
      </c>
      <c r="AQ33" s="114">
        <v>13652</v>
      </c>
      <c r="AR33" s="114">
        <v>0</v>
      </c>
      <c r="AS33" s="113">
        <v>13652</v>
      </c>
      <c r="AT33" s="116">
        <v>13652</v>
      </c>
      <c r="AU33" s="110">
        <v>0</v>
      </c>
      <c r="AV33" s="114">
        <v>0</v>
      </c>
      <c r="AW33" s="113">
        <v>0</v>
      </c>
      <c r="AX33" s="110">
        <v>0</v>
      </c>
      <c r="AY33" s="114">
        <v>0</v>
      </c>
      <c r="AZ33" s="114">
        <v>77247</v>
      </c>
      <c r="BA33" s="114">
        <v>0</v>
      </c>
      <c r="BB33" s="114">
        <v>59735</v>
      </c>
      <c r="BC33" s="114">
        <v>0</v>
      </c>
      <c r="BD33" s="113">
        <v>136982</v>
      </c>
      <c r="BE33" s="116">
        <v>136982</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15056</v>
      </c>
      <c r="BV33" s="114">
        <v>17808</v>
      </c>
      <c r="BW33" s="114">
        <v>2288</v>
      </c>
      <c r="BX33" s="114">
        <v>41752</v>
      </c>
      <c r="BY33" s="114">
        <v>4112</v>
      </c>
      <c r="BZ33" s="113">
        <v>81016</v>
      </c>
      <c r="CA33" s="116">
        <v>81016</v>
      </c>
      <c r="CB33" s="110">
        <v>0</v>
      </c>
      <c r="CC33" s="114">
        <v>39881</v>
      </c>
      <c r="CD33" s="113">
        <v>39881</v>
      </c>
      <c r="CE33" s="110">
        <v>0</v>
      </c>
      <c r="CF33" s="114">
        <v>206980</v>
      </c>
      <c r="CG33" s="114">
        <v>17491</v>
      </c>
      <c r="CH33" s="114">
        <v>16122</v>
      </c>
      <c r="CI33" s="114">
        <v>0</v>
      </c>
      <c r="CJ33" s="114">
        <v>0</v>
      </c>
      <c r="CK33" s="113">
        <v>240593</v>
      </c>
      <c r="CL33" s="116">
        <v>280474</v>
      </c>
      <c r="CM33" s="110">
        <v>0</v>
      </c>
      <c r="CN33" s="114">
        <v>0</v>
      </c>
      <c r="CO33" s="113">
        <v>0</v>
      </c>
      <c r="CP33" s="111">
        <v>0</v>
      </c>
      <c r="CQ33" s="114">
        <v>206980</v>
      </c>
      <c r="CR33" s="114">
        <v>17491</v>
      </c>
      <c r="CS33" s="114">
        <v>0</v>
      </c>
      <c r="CT33" s="114">
        <v>0</v>
      </c>
      <c r="CU33" s="114">
        <v>0</v>
      </c>
      <c r="CV33" s="113">
        <v>224471</v>
      </c>
      <c r="CW33" s="116">
        <v>224471</v>
      </c>
      <c r="CX33" s="110">
        <v>0</v>
      </c>
      <c r="CY33" s="114">
        <v>39881</v>
      </c>
      <c r="CZ33" s="113">
        <v>39881</v>
      </c>
      <c r="DA33" s="110">
        <v>0</v>
      </c>
      <c r="DB33" s="114">
        <v>0</v>
      </c>
      <c r="DC33" s="114">
        <v>0</v>
      </c>
      <c r="DD33" s="114">
        <v>16122</v>
      </c>
      <c r="DE33" s="114">
        <v>0</v>
      </c>
      <c r="DF33" s="114">
        <v>0</v>
      </c>
      <c r="DG33" s="113">
        <v>16122</v>
      </c>
      <c r="DH33" s="116">
        <v>56003</v>
      </c>
      <c r="DI33" s="110">
        <v>0</v>
      </c>
      <c r="DJ33" s="114">
        <v>0</v>
      </c>
      <c r="DK33" s="112">
        <v>0</v>
      </c>
      <c r="DL33" s="111">
        <v>0</v>
      </c>
      <c r="DM33" s="114">
        <v>0</v>
      </c>
      <c r="DN33" s="114">
        <v>0</v>
      </c>
      <c r="DO33" s="114">
        <v>0</v>
      </c>
      <c r="DP33" s="114">
        <v>0</v>
      </c>
      <c r="DQ33" s="114">
        <v>117629</v>
      </c>
      <c r="DR33" s="113">
        <v>117629</v>
      </c>
      <c r="DS33" s="116">
        <v>117629</v>
      </c>
      <c r="DT33" s="110">
        <v>0</v>
      </c>
      <c r="DU33" s="114">
        <v>0</v>
      </c>
      <c r="DV33" s="113">
        <v>0</v>
      </c>
      <c r="DW33" s="110">
        <v>0</v>
      </c>
      <c r="DX33" s="114">
        <v>0</v>
      </c>
      <c r="DY33" s="114">
        <v>0</v>
      </c>
      <c r="DZ33" s="114">
        <v>0</v>
      </c>
      <c r="EA33" s="114">
        <v>0</v>
      </c>
      <c r="EB33" s="114">
        <v>117629</v>
      </c>
      <c r="EC33" s="113">
        <v>117629</v>
      </c>
      <c r="ED33" s="116">
        <v>117629</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5"/>
      <c r="FE33" s="114">
        <v>0</v>
      </c>
      <c r="FF33" s="114">
        <v>0</v>
      </c>
      <c r="FG33" s="114">
        <v>0</v>
      </c>
      <c r="FH33" s="114">
        <v>0</v>
      </c>
      <c r="FI33" s="114">
        <v>0</v>
      </c>
      <c r="FJ33" s="113">
        <v>0</v>
      </c>
      <c r="FK33" s="116">
        <v>0</v>
      </c>
      <c r="FL33" s="110">
        <v>0</v>
      </c>
      <c r="FM33" s="114">
        <v>6400</v>
      </c>
      <c r="FN33" s="113">
        <v>6400</v>
      </c>
      <c r="FO33" s="110">
        <v>0</v>
      </c>
      <c r="FP33" s="114">
        <v>17440</v>
      </c>
      <c r="FQ33" s="114">
        <v>54096</v>
      </c>
      <c r="FR33" s="114">
        <v>3800</v>
      </c>
      <c r="FS33" s="114">
        <v>6000</v>
      </c>
      <c r="FT33" s="114">
        <v>0</v>
      </c>
      <c r="FU33" s="113">
        <v>81336</v>
      </c>
      <c r="FV33" s="116">
        <v>87736</v>
      </c>
      <c r="FW33" s="115">
        <v>0</v>
      </c>
      <c r="FX33" s="114">
        <v>6400</v>
      </c>
      <c r="FY33" s="112">
        <v>6400</v>
      </c>
      <c r="FZ33" s="111">
        <v>0</v>
      </c>
      <c r="GA33" s="114">
        <v>17440</v>
      </c>
      <c r="GB33" s="114">
        <v>54096</v>
      </c>
      <c r="GC33" s="114">
        <v>3800</v>
      </c>
      <c r="GD33" s="114">
        <v>6000</v>
      </c>
      <c r="GE33" s="114">
        <v>0</v>
      </c>
      <c r="GF33" s="113">
        <v>81336</v>
      </c>
      <c r="GG33" s="316">
        <v>8773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314185</v>
      </c>
      <c r="HI33" s="114">
        <v>0</v>
      </c>
      <c r="HJ33" s="114">
        <v>0</v>
      </c>
      <c r="HK33" s="114">
        <v>48496</v>
      </c>
      <c r="HL33" s="114">
        <v>0</v>
      </c>
      <c r="HM33" s="113">
        <v>362681</v>
      </c>
      <c r="HN33" s="109">
        <v>362681</v>
      </c>
      <c r="HO33" s="326"/>
      <c r="HP33" s="327"/>
      <c r="HQ33" s="328"/>
      <c r="HR33" s="329"/>
      <c r="HS33" s="327"/>
      <c r="HT33" s="327"/>
      <c r="HU33" s="327"/>
      <c r="HV33" s="327"/>
      <c r="HW33" s="327"/>
      <c r="HX33" s="330"/>
      <c r="HY33" s="331"/>
      <c r="HZ33" s="131">
        <v>0</v>
      </c>
      <c r="IA33" s="132">
        <v>0</v>
      </c>
      <c r="IB33" s="133">
        <v>0</v>
      </c>
      <c r="IC33" s="146">
        <v>0</v>
      </c>
      <c r="ID33" s="132">
        <v>108944</v>
      </c>
      <c r="IE33" s="147">
        <v>46232</v>
      </c>
      <c r="IF33" s="133">
        <v>0</v>
      </c>
      <c r="IG33" s="132">
        <v>0</v>
      </c>
      <c r="IH33" s="133">
        <v>191512</v>
      </c>
      <c r="II33" s="148">
        <v>346688</v>
      </c>
      <c r="IJ33" s="139">
        <v>346688</v>
      </c>
      <c r="IK33" s="232">
        <v>0</v>
      </c>
      <c r="IL33" s="236">
        <v>0</v>
      </c>
      <c r="IM33" s="237">
        <v>0</v>
      </c>
      <c r="IN33" s="140"/>
      <c r="IO33" s="119">
        <v>0</v>
      </c>
      <c r="IP33" s="119">
        <v>0</v>
      </c>
      <c r="IQ33" s="119">
        <v>0</v>
      </c>
      <c r="IR33" s="119">
        <v>0</v>
      </c>
      <c r="IS33" s="119">
        <v>0</v>
      </c>
      <c r="IT33" s="141">
        <v>0</v>
      </c>
      <c r="IU33" s="318">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08944</v>
      </c>
      <c r="JL33" s="119">
        <v>46232</v>
      </c>
      <c r="JM33" s="119">
        <v>0</v>
      </c>
      <c r="JN33" s="119">
        <v>0</v>
      </c>
      <c r="JO33" s="119">
        <v>0</v>
      </c>
      <c r="JP33" s="120">
        <v>155176</v>
      </c>
      <c r="JQ33" s="318">
        <v>155176</v>
      </c>
      <c r="JR33" s="142">
        <v>0</v>
      </c>
      <c r="JS33" s="119">
        <v>0</v>
      </c>
      <c r="JT33" s="141">
        <v>0</v>
      </c>
      <c r="JU33" s="118">
        <v>0</v>
      </c>
      <c r="JV33" s="119">
        <v>0</v>
      </c>
      <c r="JW33" s="119">
        <v>0</v>
      </c>
      <c r="JX33" s="119">
        <v>0</v>
      </c>
      <c r="JY33" s="119">
        <v>0</v>
      </c>
      <c r="JZ33" s="119">
        <v>0</v>
      </c>
      <c r="KA33" s="120">
        <v>0</v>
      </c>
      <c r="KB33" s="318">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191512</v>
      </c>
      <c r="KW33" s="120">
        <v>191512</v>
      </c>
      <c r="KX33" s="318">
        <v>191512</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18">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17504</v>
      </c>
      <c r="ML33" s="119">
        <v>286565</v>
      </c>
      <c r="MM33" s="119">
        <v>752318</v>
      </c>
      <c r="MN33" s="119">
        <v>0</v>
      </c>
      <c r="MO33" s="120">
        <v>1256387</v>
      </c>
      <c r="MP33" s="143">
        <v>1256387</v>
      </c>
      <c r="MQ33" s="142">
        <v>0</v>
      </c>
      <c r="MR33" s="119">
        <v>0</v>
      </c>
      <c r="MS33" s="120">
        <v>0</v>
      </c>
      <c r="MT33" s="145"/>
      <c r="MU33" s="119">
        <v>0</v>
      </c>
      <c r="MV33" s="119">
        <v>0</v>
      </c>
      <c r="MW33" s="119">
        <v>0</v>
      </c>
      <c r="MX33" s="119">
        <v>229080</v>
      </c>
      <c r="MY33" s="119">
        <v>0</v>
      </c>
      <c r="MZ33" s="120">
        <v>229080</v>
      </c>
      <c r="NA33" s="143">
        <v>229080</v>
      </c>
      <c r="NB33" s="142">
        <v>0</v>
      </c>
      <c r="NC33" s="119">
        <v>0</v>
      </c>
      <c r="ND33" s="120">
        <v>0</v>
      </c>
      <c r="NE33" s="145"/>
      <c r="NF33" s="119">
        <v>0</v>
      </c>
      <c r="NG33" s="119">
        <v>217504</v>
      </c>
      <c r="NH33" s="119">
        <v>286565</v>
      </c>
      <c r="NI33" s="119">
        <v>523238</v>
      </c>
      <c r="NJ33" s="119">
        <v>0</v>
      </c>
      <c r="NK33" s="120">
        <v>1027307</v>
      </c>
      <c r="NL33" s="318">
        <v>1027307</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46281</v>
      </c>
      <c r="OK33" s="141">
        <v>46281</v>
      </c>
      <c r="OL33" s="118">
        <v>0</v>
      </c>
      <c r="OM33" s="119">
        <v>662605</v>
      </c>
      <c r="ON33" s="119">
        <v>560860</v>
      </c>
      <c r="OO33" s="119">
        <v>308775</v>
      </c>
      <c r="OP33" s="119">
        <v>1010409</v>
      </c>
      <c r="OQ33" s="119">
        <v>313253</v>
      </c>
      <c r="OR33" s="120">
        <v>2855902</v>
      </c>
      <c r="OS33" s="143">
        <v>2902183</v>
      </c>
    </row>
    <row r="34" spans="2:409" ht="21" customHeight="1" x14ac:dyDescent="0.2">
      <c r="B34" s="126" t="s">
        <v>29</v>
      </c>
      <c r="C34" s="110">
        <v>92056</v>
      </c>
      <c r="D34" s="114">
        <v>13888</v>
      </c>
      <c r="E34" s="113">
        <v>105944</v>
      </c>
      <c r="F34" s="109">
        <v>0</v>
      </c>
      <c r="G34" s="114">
        <v>215024</v>
      </c>
      <c r="H34" s="114">
        <v>814562</v>
      </c>
      <c r="I34" s="114">
        <v>109489</v>
      </c>
      <c r="J34" s="114">
        <v>241555</v>
      </c>
      <c r="K34" s="114">
        <v>208776</v>
      </c>
      <c r="L34" s="173">
        <v>1589406</v>
      </c>
      <c r="M34" s="116">
        <v>1695350</v>
      </c>
      <c r="N34" s="110">
        <v>7776</v>
      </c>
      <c r="O34" s="114">
        <v>13888</v>
      </c>
      <c r="P34" s="113">
        <v>21664</v>
      </c>
      <c r="Q34" s="110">
        <v>0</v>
      </c>
      <c r="R34" s="114">
        <v>0</v>
      </c>
      <c r="S34" s="114">
        <v>244676</v>
      </c>
      <c r="T34" s="114">
        <v>16920</v>
      </c>
      <c r="U34" s="114">
        <v>24848</v>
      </c>
      <c r="V34" s="114">
        <v>48472</v>
      </c>
      <c r="W34" s="113">
        <v>334916</v>
      </c>
      <c r="X34" s="116">
        <v>356580</v>
      </c>
      <c r="Y34" s="110">
        <v>0</v>
      </c>
      <c r="Z34" s="114">
        <v>0</v>
      </c>
      <c r="AA34" s="113">
        <v>0</v>
      </c>
      <c r="AB34" s="110">
        <v>0</v>
      </c>
      <c r="AC34" s="114">
        <v>0</v>
      </c>
      <c r="AD34" s="114">
        <v>135796</v>
      </c>
      <c r="AE34" s="114">
        <v>0</v>
      </c>
      <c r="AF34" s="114">
        <v>20704</v>
      </c>
      <c r="AG34" s="114">
        <v>0</v>
      </c>
      <c r="AH34" s="113">
        <v>156500</v>
      </c>
      <c r="AI34" s="116">
        <v>156500</v>
      </c>
      <c r="AJ34" s="110">
        <v>0</v>
      </c>
      <c r="AK34" s="114">
        <v>0</v>
      </c>
      <c r="AL34" s="113">
        <v>0</v>
      </c>
      <c r="AM34" s="110">
        <v>0</v>
      </c>
      <c r="AN34" s="114">
        <v>0</v>
      </c>
      <c r="AO34" s="114">
        <v>0</v>
      </c>
      <c r="AP34" s="114">
        <v>0</v>
      </c>
      <c r="AQ34" s="114">
        <v>0</v>
      </c>
      <c r="AR34" s="114">
        <v>43704</v>
      </c>
      <c r="AS34" s="113">
        <v>43704</v>
      </c>
      <c r="AT34" s="116">
        <v>43704</v>
      </c>
      <c r="AU34" s="110">
        <v>0</v>
      </c>
      <c r="AV34" s="114">
        <v>13888</v>
      </c>
      <c r="AW34" s="113">
        <v>13888</v>
      </c>
      <c r="AX34" s="110">
        <v>0</v>
      </c>
      <c r="AY34" s="114">
        <v>0</v>
      </c>
      <c r="AZ34" s="114">
        <v>30272</v>
      </c>
      <c r="BA34" s="114">
        <v>0</v>
      </c>
      <c r="BB34" s="114">
        <v>0</v>
      </c>
      <c r="BC34" s="114">
        <v>0</v>
      </c>
      <c r="BD34" s="113">
        <v>30272</v>
      </c>
      <c r="BE34" s="116">
        <v>44160</v>
      </c>
      <c r="BF34" s="110">
        <v>0</v>
      </c>
      <c r="BG34" s="114">
        <v>0</v>
      </c>
      <c r="BH34" s="112">
        <v>0</v>
      </c>
      <c r="BI34" s="111">
        <v>0</v>
      </c>
      <c r="BJ34" s="114">
        <v>0</v>
      </c>
      <c r="BK34" s="114">
        <v>30592</v>
      </c>
      <c r="BL34" s="114">
        <v>0</v>
      </c>
      <c r="BM34" s="114">
        <v>0</v>
      </c>
      <c r="BN34" s="114">
        <v>0</v>
      </c>
      <c r="BO34" s="113">
        <v>30592</v>
      </c>
      <c r="BP34" s="116">
        <v>30592</v>
      </c>
      <c r="BQ34" s="110">
        <v>7776</v>
      </c>
      <c r="BR34" s="114">
        <v>0</v>
      </c>
      <c r="BS34" s="113">
        <v>7776</v>
      </c>
      <c r="BT34" s="110">
        <v>0</v>
      </c>
      <c r="BU34" s="114">
        <v>0</v>
      </c>
      <c r="BV34" s="114">
        <v>48016</v>
      </c>
      <c r="BW34" s="114">
        <v>16920</v>
      </c>
      <c r="BX34" s="114">
        <v>4144</v>
      </c>
      <c r="BY34" s="114">
        <v>4768</v>
      </c>
      <c r="BZ34" s="113">
        <v>73848</v>
      </c>
      <c r="CA34" s="116">
        <v>81624</v>
      </c>
      <c r="CB34" s="110">
        <v>18544</v>
      </c>
      <c r="CC34" s="114">
        <v>0</v>
      </c>
      <c r="CD34" s="113">
        <v>18544</v>
      </c>
      <c r="CE34" s="110">
        <v>0</v>
      </c>
      <c r="CF34" s="114">
        <v>209824</v>
      </c>
      <c r="CG34" s="114">
        <v>202544</v>
      </c>
      <c r="CH34" s="114">
        <v>22448</v>
      </c>
      <c r="CI34" s="114">
        <v>0</v>
      </c>
      <c r="CJ34" s="114">
        <v>0</v>
      </c>
      <c r="CK34" s="113">
        <v>434816</v>
      </c>
      <c r="CL34" s="116">
        <v>453360</v>
      </c>
      <c r="CM34" s="110">
        <v>0</v>
      </c>
      <c r="CN34" s="114">
        <v>0</v>
      </c>
      <c r="CO34" s="113">
        <v>0</v>
      </c>
      <c r="CP34" s="111">
        <v>0</v>
      </c>
      <c r="CQ34" s="114">
        <v>209824</v>
      </c>
      <c r="CR34" s="114">
        <v>202544</v>
      </c>
      <c r="CS34" s="114">
        <v>22448</v>
      </c>
      <c r="CT34" s="114">
        <v>0</v>
      </c>
      <c r="CU34" s="114">
        <v>0</v>
      </c>
      <c r="CV34" s="113">
        <v>434816</v>
      </c>
      <c r="CW34" s="116">
        <v>434816</v>
      </c>
      <c r="CX34" s="110">
        <v>18544</v>
      </c>
      <c r="CY34" s="114">
        <v>0</v>
      </c>
      <c r="CZ34" s="113">
        <v>18544</v>
      </c>
      <c r="DA34" s="110">
        <v>0</v>
      </c>
      <c r="DB34" s="114">
        <v>0</v>
      </c>
      <c r="DC34" s="114">
        <v>0</v>
      </c>
      <c r="DD34" s="114">
        <v>0</v>
      </c>
      <c r="DE34" s="114">
        <v>0</v>
      </c>
      <c r="DF34" s="114">
        <v>0</v>
      </c>
      <c r="DG34" s="113">
        <v>0</v>
      </c>
      <c r="DH34" s="116">
        <v>18544</v>
      </c>
      <c r="DI34" s="110">
        <v>0</v>
      </c>
      <c r="DJ34" s="114">
        <v>0</v>
      </c>
      <c r="DK34" s="112">
        <v>0</v>
      </c>
      <c r="DL34" s="111">
        <v>0</v>
      </c>
      <c r="DM34" s="114">
        <v>0</v>
      </c>
      <c r="DN34" s="114">
        <v>0</v>
      </c>
      <c r="DO34" s="114">
        <v>63561</v>
      </c>
      <c r="DP34" s="114">
        <v>0</v>
      </c>
      <c r="DQ34" s="114">
        <v>107664</v>
      </c>
      <c r="DR34" s="113">
        <v>171225</v>
      </c>
      <c r="DS34" s="116">
        <v>171225</v>
      </c>
      <c r="DT34" s="110">
        <v>0</v>
      </c>
      <c r="DU34" s="114">
        <v>0</v>
      </c>
      <c r="DV34" s="113">
        <v>0</v>
      </c>
      <c r="DW34" s="110">
        <v>0</v>
      </c>
      <c r="DX34" s="114">
        <v>0</v>
      </c>
      <c r="DY34" s="114">
        <v>0</v>
      </c>
      <c r="DZ34" s="114">
        <v>63561</v>
      </c>
      <c r="EA34" s="114">
        <v>0</v>
      </c>
      <c r="EB34" s="114">
        <v>64950</v>
      </c>
      <c r="EC34" s="113">
        <v>128511</v>
      </c>
      <c r="ED34" s="116">
        <v>128511</v>
      </c>
      <c r="EE34" s="110">
        <v>0</v>
      </c>
      <c r="EF34" s="112">
        <v>0</v>
      </c>
      <c r="EG34" s="113">
        <v>0</v>
      </c>
      <c r="EH34" s="110">
        <v>0</v>
      </c>
      <c r="EI34" s="114">
        <v>0</v>
      </c>
      <c r="EJ34" s="114">
        <v>0</v>
      </c>
      <c r="EK34" s="114">
        <v>0</v>
      </c>
      <c r="EL34" s="114">
        <v>0</v>
      </c>
      <c r="EM34" s="114">
        <v>42714</v>
      </c>
      <c r="EN34" s="112">
        <v>42714</v>
      </c>
      <c r="EO34" s="116">
        <v>42714</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5"/>
      <c r="FE34" s="114">
        <v>0</v>
      </c>
      <c r="FF34" s="114">
        <v>0</v>
      </c>
      <c r="FG34" s="114">
        <v>0</v>
      </c>
      <c r="FH34" s="114">
        <v>0</v>
      </c>
      <c r="FI34" s="114">
        <v>0</v>
      </c>
      <c r="FJ34" s="113">
        <v>0</v>
      </c>
      <c r="FK34" s="116">
        <v>0</v>
      </c>
      <c r="FL34" s="110">
        <v>13680</v>
      </c>
      <c r="FM34" s="114">
        <v>0</v>
      </c>
      <c r="FN34" s="113">
        <v>13680</v>
      </c>
      <c r="FO34" s="110">
        <v>0</v>
      </c>
      <c r="FP34" s="114">
        <v>5200</v>
      </c>
      <c r="FQ34" s="114">
        <v>66976</v>
      </c>
      <c r="FR34" s="114">
        <v>6560</v>
      </c>
      <c r="FS34" s="114">
        <v>0</v>
      </c>
      <c r="FT34" s="114">
        <v>52640</v>
      </c>
      <c r="FU34" s="113">
        <v>131376</v>
      </c>
      <c r="FV34" s="116">
        <v>145056</v>
      </c>
      <c r="FW34" s="115">
        <v>13680</v>
      </c>
      <c r="FX34" s="114">
        <v>0</v>
      </c>
      <c r="FY34" s="112">
        <v>13680</v>
      </c>
      <c r="FZ34" s="111">
        <v>0</v>
      </c>
      <c r="GA34" s="114">
        <v>5200</v>
      </c>
      <c r="GB34" s="114">
        <v>66976</v>
      </c>
      <c r="GC34" s="114">
        <v>6560</v>
      </c>
      <c r="GD34" s="114">
        <v>0</v>
      </c>
      <c r="GE34" s="114">
        <v>52640</v>
      </c>
      <c r="GF34" s="113">
        <v>131376</v>
      </c>
      <c r="GG34" s="316">
        <v>145056</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52056</v>
      </c>
      <c r="HE34" s="114">
        <v>0</v>
      </c>
      <c r="HF34" s="112">
        <v>52056</v>
      </c>
      <c r="HG34" s="111">
        <v>0</v>
      </c>
      <c r="HH34" s="114">
        <v>0</v>
      </c>
      <c r="HI34" s="114">
        <v>300366</v>
      </c>
      <c r="HJ34" s="114">
        <v>0</v>
      </c>
      <c r="HK34" s="114">
        <v>216707</v>
      </c>
      <c r="HL34" s="114">
        <v>0</v>
      </c>
      <c r="HM34" s="113">
        <v>517073</v>
      </c>
      <c r="HN34" s="109">
        <v>569129</v>
      </c>
      <c r="HO34" s="326"/>
      <c r="HP34" s="327"/>
      <c r="HQ34" s="328"/>
      <c r="HR34" s="329"/>
      <c r="HS34" s="327"/>
      <c r="HT34" s="327"/>
      <c r="HU34" s="327"/>
      <c r="HV34" s="327"/>
      <c r="HW34" s="327"/>
      <c r="HX34" s="330"/>
      <c r="HY34" s="331"/>
      <c r="HZ34" s="150">
        <v>0</v>
      </c>
      <c r="IA34" s="135">
        <v>0</v>
      </c>
      <c r="IB34" s="150">
        <v>0</v>
      </c>
      <c r="IC34" s="134">
        <v>0</v>
      </c>
      <c r="ID34" s="135">
        <v>150392</v>
      </c>
      <c r="IE34" s="136">
        <v>76432</v>
      </c>
      <c r="IF34" s="137">
        <v>0</v>
      </c>
      <c r="IG34" s="135">
        <v>259784</v>
      </c>
      <c r="IH34" s="137">
        <v>0</v>
      </c>
      <c r="II34" s="138">
        <v>486608</v>
      </c>
      <c r="IJ34" s="150">
        <v>486608</v>
      </c>
      <c r="IK34" s="232">
        <v>0</v>
      </c>
      <c r="IL34" s="236">
        <v>0</v>
      </c>
      <c r="IM34" s="237">
        <v>0</v>
      </c>
      <c r="IN34" s="140"/>
      <c r="IO34" s="119">
        <v>0</v>
      </c>
      <c r="IP34" s="119">
        <v>0</v>
      </c>
      <c r="IQ34" s="119">
        <v>0</v>
      </c>
      <c r="IR34" s="119">
        <v>0</v>
      </c>
      <c r="IS34" s="119">
        <v>0</v>
      </c>
      <c r="IT34" s="141">
        <v>0</v>
      </c>
      <c r="IU34" s="318">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50392</v>
      </c>
      <c r="JL34" s="119">
        <v>76432</v>
      </c>
      <c r="JM34" s="119">
        <v>0</v>
      </c>
      <c r="JN34" s="119">
        <v>0</v>
      </c>
      <c r="JO34" s="119">
        <v>0</v>
      </c>
      <c r="JP34" s="120">
        <v>226824</v>
      </c>
      <c r="JQ34" s="318">
        <v>226824</v>
      </c>
      <c r="JR34" s="142">
        <v>0</v>
      </c>
      <c r="JS34" s="119">
        <v>0</v>
      </c>
      <c r="JT34" s="141">
        <v>0</v>
      </c>
      <c r="JU34" s="118">
        <v>0</v>
      </c>
      <c r="JV34" s="119">
        <v>0</v>
      </c>
      <c r="JW34" s="119">
        <v>0</v>
      </c>
      <c r="JX34" s="119">
        <v>0</v>
      </c>
      <c r="JY34" s="119">
        <v>0</v>
      </c>
      <c r="JZ34" s="119">
        <v>0</v>
      </c>
      <c r="KA34" s="120">
        <v>0</v>
      </c>
      <c r="KB34" s="318">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18">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59784</v>
      </c>
      <c r="LR34" s="119">
        <v>0</v>
      </c>
      <c r="LS34" s="120">
        <v>259784</v>
      </c>
      <c r="LT34" s="318">
        <v>259784</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256728</v>
      </c>
      <c r="MN34" s="119">
        <v>0</v>
      </c>
      <c r="MO34" s="120">
        <v>256728</v>
      </c>
      <c r="MP34" s="143">
        <v>256728</v>
      </c>
      <c r="MQ34" s="142">
        <v>0</v>
      </c>
      <c r="MR34" s="119">
        <v>0</v>
      </c>
      <c r="MS34" s="120">
        <v>0</v>
      </c>
      <c r="MT34" s="145"/>
      <c r="MU34" s="119">
        <v>0</v>
      </c>
      <c r="MV34" s="119">
        <v>0</v>
      </c>
      <c r="MW34" s="119">
        <v>0</v>
      </c>
      <c r="MX34" s="119">
        <v>256728</v>
      </c>
      <c r="MY34" s="119">
        <v>0</v>
      </c>
      <c r="MZ34" s="120">
        <v>256728</v>
      </c>
      <c r="NA34" s="143">
        <v>256728</v>
      </c>
      <c r="NB34" s="142">
        <v>0</v>
      </c>
      <c r="NC34" s="119">
        <v>0</v>
      </c>
      <c r="ND34" s="120">
        <v>0</v>
      </c>
      <c r="NE34" s="145"/>
      <c r="NF34" s="119">
        <v>0</v>
      </c>
      <c r="NG34" s="119">
        <v>0</v>
      </c>
      <c r="NH34" s="119">
        <v>0</v>
      </c>
      <c r="NI34" s="119">
        <v>0</v>
      </c>
      <c r="NJ34" s="119">
        <v>0</v>
      </c>
      <c r="NK34" s="120">
        <v>0</v>
      </c>
      <c r="NL34" s="318">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92056</v>
      </c>
      <c r="OJ34" s="119">
        <v>13888</v>
      </c>
      <c r="OK34" s="141">
        <v>105944</v>
      </c>
      <c r="OL34" s="118">
        <v>0</v>
      </c>
      <c r="OM34" s="119">
        <v>365416</v>
      </c>
      <c r="ON34" s="119">
        <v>890994</v>
      </c>
      <c r="OO34" s="119">
        <v>109489</v>
      </c>
      <c r="OP34" s="119">
        <v>758067</v>
      </c>
      <c r="OQ34" s="119">
        <v>208776</v>
      </c>
      <c r="OR34" s="120">
        <v>2332742</v>
      </c>
      <c r="OS34" s="143">
        <v>2438686</v>
      </c>
    </row>
    <row r="35" spans="2:409" ht="21" customHeight="1" x14ac:dyDescent="0.2">
      <c r="B35" s="126" t="s">
        <v>30</v>
      </c>
      <c r="C35" s="110">
        <v>39600</v>
      </c>
      <c r="D35" s="114">
        <v>67328</v>
      </c>
      <c r="E35" s="174">
        <v>106928</v>
      </c>
      <c r="F35" s="175">
        <v>0</v>
      </c>
      <c r="G35" s="176">
        <v>293932</v>
      </c>
      <c r="H35" s="176">
        <v>0</v>
      </c>
      <c r="I35" s="176">
        <v>498227</v>
      </c>
      <c r="J35" s="176">
        <v>302256</v>
      </c>
      <c r="K35" s="176">
        <v>303032</v>
      </c>
      <c r="L35" s="177">
        <v>1397447</v>
      </c>
      <c r="M35" s="116">
        <v>1504375</v>
      </c>
      <c r="N35" s="110">
        <v>0</v>
      </c>
      <c r="O35" s="114">
        <v>64048</v>
      </c>
      <c r="P35" s="113">
        <v>64048</v>
      </c>
      <c r="Q35" s="110">
        <v>0</v>
      </c>
      <c r="R35" s="114">
        <v>114208</v>
      </c>
      <c r="S35" s="114">
        <v>0</v>
      </c>
      <c r="T35" s="114">
        <v>114032</v>
      </c>
      <c r="U35" s="114">
        <v>99760</v>
      </c>
      <c r="V35" s="114">
        <v>288152</v>
      </c>
      <c r="W35" s="113">
        <v>616152</v>
      </c>
      <c r="X35" s="116">
        <v>680200</v>
      </c>
      <c r="Y35" s="110">
        <v>0</v>
      </c>
      <c r="Z35" s="114">
        <v>0</v>
      </c>
      <c r="AA35" s="113">
        <v>0</v>
      </c>
      <c r="AB35" s="110">
        <v>0</v>
      </c>
      <c r="AC35" s="114">
        <v>20792</v>
      </c>
      <c r="AD35" s="114">
        <v>0</v>
      </c>
      <c r="AE35" s="114">
        <v>69040</v>
      </c>
      <c r="AF35" s="114">
        <v>26472</v>
      </c>
      <c r="AG35" s="114">
        <v>230016</v>
      </c>
      <c r="AH35" s="113">
        <v>346320</v>
      </c>
      <c r="AI35" s="116">
        <v>346320</v>
      </c>
      <c r="AJ35" s="110">
        <v>0</v>
      </c>
      <c r="AK35" s="114">
        <v>0</v>
      </c>
      <c r="AL35" s="113">
        <v>0</v>
      </c>
      <c r="AM35" s="110">
        <v>0</v>
      </c>
      <c r="AN35" s="114">
        <v>0</v>
      </c>
      <c r="AO35" s="114">
        <v>0</v>
      </c>
      <c r="AP35" s="114">
        <v>0</v>
      </c>
      <c r="AQ35" s="114">
        <v>0</v>
      </c>
      <c r="AR35" s="114">
        <v>0</v>
      </c>
      <c r="AS35" s="113">
        <v>0</v>
      </c>
      <c r="AT35" s="116">
        <v>0</v>
      </c>
      <c r="AU35" s="110">
        <v>0</v>
      </c>
      <c r="AV35" s="114">
        <v>64048</v>
      </c>
      <c r="AW35" s="113">
        <v>64048</v>
      </c>
      <c r="AX35" s="110">
        <v>0</v>
      </c>
      <c r="AY35" s="114">
        <v>59896</v>
      </c>
      <c r="AZ35" s="114">
        <v>0</v>
      </c>
      <c r="BA35" s="114">
        <v>35456</v>
      </c>
      <c r="BB35" s="114">
        <v>42072</v>
      </c>
      <c r="BC35" s="114">
        <v>58136</v>
      </c>
      <c r="BD35" s="113">
        <v>195560</v>
      </c>
      <c r="BE35" s="116">
        <v>259608</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33520</v>
      </c>
      <c r="BV35" s="114">
        <v>0</v>
      </c>
      <c r="BW35" s="114">
        <v>9536</v>
      </c>
      <c r="BX35" s="114">
        <v>31216</v>
      </c>
      <c r="BY35" s="114">
        <v>0</v>
      </c>
      <c r="BZ35" s="113">
        <v>74272</v>
      </c>
      <c r="CA35" s="116">
        <v>74272</v>
      </c>
      <c r="CB35" s="110">
        <v>39600</v>
      </c>
      <c r="CC35" s="114">
        <v>0</v>
      </c>
      <c r="CD35" s="113">
        <v>39600</v>
      </c>
      <c r="CE35" s="110">
        <v>0</v>
      </c>
      <c r="CF35" s="114">
        <v>16688</v>
      </c>
      <c r="CG35" s="114">
        <v>0</v>
      </c>
      <c r="CH35" s="114">
        <v>203900</v>
      </c>
      <c r="CI35" s="114">
        <v>113336</v>
      </c>
      <c r="CJ35" s="114">
        <v>0</v>
      </c>
      <c r="CK35" s="113">
        <v>333924</v>
      </c>
      <c r="CL35" s="116">
        <v>373524</v>
      </c>
      <c r="CM35" s="110">
        <v>0</v>
      </c>
      <c r="CN35" s="114">
        <v>0</v>
      </c>
      <c r="CO35" s="113">
        <v>0</v>
      </c>
      <c r="CP35" s="111">
        <v>0</v>
      </c>
      <c r="CQ35" s="114">
        <v>16688</v>
      </c>
      <c r="CR35" s="114">
        <v>0</v>
      </c>
      <c r="CS35" s="114">
        <v>0</v>
      </c>
      <c r="CT35" s="114">
        <v>113336</v>
      </c>
      <c r="CU35" s="114">
        <v>0</v>
      </c>
      <c r="CV35" s="113">
        <v>130024</v>
      </c>
      <c r="CW35" s="116">
        <v>130024</v>
      </c>
      <c r="CX35" s="110">
        <v>39600</v>
      </c>
      <c r="CY35" s="114">
        <v>0</v>
      </c>
      <c r="CZ35" s="113">
        <v>39600</v>
      </c>
      <c r="DA35" s="110">
        <v>0</v>
      </c>
      <c r="DB35" s="114">
        <v>0</v>
      </c>
      <c r="DC35" s="114">
        <v>0</v>
      </c>
      <c r="DD35" s="114">
        <v>203900</v>
      </c>
      <c r="DE35" s="114">
        <v>0</v>
      </c>
      <c r="DF35" s="114">
        <v>0</v>
      </c>
      <c r="DG35" s="113">
        <v>203900</v>
      </c>
      <c r="DH35" s="116">
        <v>243500</v>
      </c>
      <c r="DI35" s="110">
        <v>0</v>
      </c>
      <c r="DJ35" s="114">
        <v>0</v>
      </c>
      <c r="DK35" s="112">
        <v>0</v>
      </c>
      <c r="DL35" s="111">
        <v>0</v>
      </c>
      <c r="DM35" s="114">
        <v>0</v>
      </c>
      <c r="DN35" s="114">
        <v>0</v>
      </c>
      <c r="DO35" s="114">
        <v>125575</v>
      </c>
      <c r="DP35" s="114">
        <v>66952</v>
      </c>
      <c r="DQ35" s="114">
        <v>0</v>
      </c>
      <c r="DR35" s="113">
        <v>192527</v>
      </c>
      <c r="DS35" s="116">
        <v>192527</v>
      </c>
      <c r="DT35" s="110">
        <v>0</v>
      </c>
      <c r="DU35" s="114">
        <v>0</v>
      </c>
      <c r="DV35" s="113">
        <v>0</v>
      </c>
      <c r="DW35" s="110">
        <v>0</v>
      </c>
      <c r="DX35" s="114">
        <v>0</v>
      </c>
      <c r="DY35" s="114">
        <v>0</v>
      </c>
      <c r="DZ35" s="114">
        <v>125575</v>
      </c>
      <c r="EA35" s="114">
        <v>66952</v>
      </c>
      <c r="EB35" s="114">
        <v>0</v>
      </c>
      <c r="EC35" s="113">
        <v>192527</v>
      </c>
      <c r="ED35" s="116">
        <v>192527</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5"/>
      <c r="FE35" s="114">
        <v>0</v>
      </c>
      <c r="FF35" s="114">
        <v>0</v>
      </c>
      <c r="FG35" s="114">
        <v>0</v>
      </c>
      <c r="FH35" s="114">
        <v>0</v>
      </c>
      <c r="FI35" s="114">
        <v>0</v>
      </c>
      <c r="FJ35" s="113">
        <v>0</v>
      </c>
      <c r="FK35" s="116">
        <v>0</v>
      </c>
      <c r="FL35" s="110">
        <v>0</v>
      </c>
      <c r="FM35" s="114">
        <v>3280</v>
      </c>
      <c r="FN35" s="113">
        <v>3280</v>
      </c>
      <c r="FO35" s="110">
        <v>0</v>
      </c>
      <c r="FP35" s="114">
        <v>2240</v>
      </c>
      <c r="FQ35" s="114">
        <v>0</v>
      </c>
      <c r="FR35" s="114">
        <v>54720</v>
      </c>
      <c r="FS35" s="114">
        <v>22208</v>
      </c>
      <c r="FT35" s="114">
        <v>14880</v>
      </c>
      <c r="FU35" s="113">
        <v>94048</v>
      </c>
      <c r="FV35" s="116">
        <v>97328</v>
      </c>
      <c r="FW35" s="115">
        <v>0</v>
      </c>
      <c r="FX35" s="114">
        <v>3280</v>
      </c>
      <c r="FY35" s="112">
        <v>3280</v>
      </c>
      <c r="FZ35" s="111">
        <v>0</v>
      </c>
      <c r="GA35" s="114">
        <v>2240</v>
      </c>
      <c r="GB35" s="114">
        <v>0</v>
      </c>
      <c r="GC35" s="114">
        <v>54720</v>
      </c>
      <c r="GD35" s="114">
        <v>22208</v>
      </c>
      <c r="GE35" s="114">
        <v>14880</v>
      </c>
      <c r="GF35" s="113">
        <v>94048</v>
      </c>
      <c r="GG35" s="316">
        <v>97328</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160796</v>
      </c>
      <c r="HI35" s="114">
        <v>0</v>
      </c>
      <c r="HJ35" s="114">
        <v>0</v>
      </c>
      <c r="HK35" s="114">
        <v>0</v>
      </c>
      <c r="HL35" s="114">
        <v>0</v>
      </c>
      <c r="HM35" s="113">
        <v>160796</v>
      </c>
      <c r="HN35" s="109">
        <v>160796</v>
      </c>
      <c r="HO35" s="326"/>
      <c r="HP35" s="327"/>
      <c r="HQ35" s="328"/>
      <c r="HR35" s="329"/>
      <c r="HS35" s="327"/>
      <c r="HT35" s="327"/>
      <c r="HU35" s="327"/>
      <c r="HV35" s="327"/>
      <c r="HW35" s="327"/>
      <c r="HX35" s="330"/>
      <c r="HY35" s="331"/>
      <c r="HZ35" s="131">
        <v>26940</v>
      </c>
      <c r="IA35" s="132">
        <v>0</v>
      </c>
      <c r="IB35" s="133">
        <v>26940</v>
      </c>
      <c r="IC35" s="146">
        <v>0</v>
      </c>
      <c r="ID35" s="132">
        <v>59843</v>
      </c>
      <c r="IE35" s="147">
        <v>0</v>
      </c>
      <c r="IF35" s="133">
        <v>116368</v>
      </c>
      <c r="IG35" s="132">
        <v>243328</v>
      </c>
      <c r="IH35" s="133">
        <v>0</v>
      </c>
      <c r="II35" s="148">
        <v>419539</v>
      </c>
      <c r="IJ35" s="139">
        <v>446479</v>
      </c>
      <c r="IK35" s="232">
        <v>0</v>
      </c>
      <c r="IL35" s="236">
        <v>0</v>
      </c>
      <c r="IM35" s="237">
        <v>0</v>
      </c>
      <c r="IN35" s="140"/>
      <c r="IO35" s="119">
        <v>0</v>
      </c>
      <c r="IP35" s="119">
        <v>0</v>
      </c>
      <c r="IQ35" s="119">
        <v>0</v>
      </c>
      <c r="IR35" s="119">
        <v>0</v>
      </c>
      <c r="IS35" s="119">
        <v>0</v>
      </c>
      <c r="IT35" s="141">
        <v>0</v>
      </c>
      <c r="IU35" s="318">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59843</v>
      </c>
      <c r="JL35" s="119">
        <v>0</v>
      </c>
      <c r="JM35" s="119">
        <v>116368</v>
      </c>
      <c r="JN35" s="119">
        <v>0</v>
      </c>
      <c r="JO35" s="119">
        <v>0</v>
      </c>
      <c r="JP35" s="120">
        <v>176211</v>
      </c>
      <c r="JQ35" s="318">
        <v>176211</v>
      </c>
      <c r="JR35" s="142">
        <v>26940</v>
      </c>
      <c r="JS35" s="119">
        <v>0</v>
      </c>
      <c r="JT35" s="141">
        <v>26940</v>
      </c>
      <c r="JU35" s="118">
        <v>0</v>
      </c>
      <c r="JV35" s="119">
        <v>0</v>
      </c>
      <c r="JW35" s="119">
        <v>0</v>
      </c>
      <c r="JX35" s="119">
        <v>0</v>
      </c>
      <c r="JY35" s="119">
        <v>0</v>
      </c>
      <c r="JZ35" s="119">
        <v>0</v>
      </c>
      <c r="KA35" s="120">
        <v>0</v>
      </c>
      <c r="KB35" s="318">
        <v>26940</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243328</v>
      </c>
      <c r="KV35" s="119">
        <v>0</v>
      </c>
      <c r="KW35" s="120">
        <v>243328</v>
      </c>
      <c r="KX35" s="318">
        <v>24332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18">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440032</v>
      </c>
      <c r="MK35" s="119">
        <v>0</v>
      </c>
      <c r="ML35" s="119">
        <v>0</v>
      </c>
      <c r="MM35" s="119">
        <v>1551909</v>
      </c>
      <c r="MN35" s="119">
        <v>260376</v>
      </c>
      <c r="MO35" s="120">
        <v>2252317</v>
      </c>
      <c r="MP35" s="143">
        <v>2252317</v>
      </c>
      <c r="MQ35" s="142">
        <v>0</v>
      </c>
      <c r="MR35" s="119">
        <v>0</v>
      </c>
      <c r="MS35" s="120">
        <v>0</v>
      </c>
      <c r="MT35" s="145"/>
      <c r="MU35" s="119">
        <v>0</v>
      </c>
      <c r="MV35" s="119">
        <v>0</v>
      </c>
      <c r="MW35" s="119">
        <v>0</v>
      </c>
      <c r="MX35" s="119">
        <v>310032</v>
      </c>
      <c r="MY35" s="119">
        <v>260376</v>
      </c>
      <c r="MZ35" s="120">
        <v>570408</v>
      </c>
      <c r="NA35" s="143">
        <v>570408</v>
      </c>
      <c r="NB35" s="142">
        <v>0</v>
      </c>
      <c r="NC35" s="119">
        <v>0</v>
      </c>
      <c r="ND35" s="120">
        <v>0</v>
      </c>
      <c r="NE35" s="145"/>
      <c r="NF35" s="119">
        <v>440032</v>
      </c>
      <c r="NG35" s="119">
        <v>0</v>
      </c>
      <c r="NH35" s="119">
        <v>0</v>
      </c>
      <c r="NI35" s="119">
        <v>856221</v>
      </c>
      <c r="NJ35" s="119">
        <v>0</v>
      </c>
      <c r="NK35" s="120">
        <v>1296253</v>
      </c>
      <c r="NL35" s="318">
        <v>1296253</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385656</v>
      </c>
      <c r="OF35" s="119">
        <v>0</v>
      </c>
      <c r="OG35" s="120">
        <v>385656</v>
      </c>
      <c r="OH35" s="121">
        <v>385656</v>
      </c>
      <c r="OI35" s="142">
        <v>66540</v>
      </c>
      <c r="OJ35" s="119">
        <v>67328</v>
      </c>
      <c r="OK35" s="141">
        <v>133868</v>
      </c>
      <c r="OL35" s="118">
        <v>0</v>
      </c>
      <c r="OM35" s="119">
        <v>793807</v>
      </c>
      <c r="ON35" s="119">
        <v>0</v>
      </c>
      <c r="OO35" s="119">
        <v>614595</v>
      </c>
      <c r="OP35" s="119">
        <v>2097493</v>
      </c>
      <c r="OQ35" s="119">
        <v>563408</v>
      </c>
      <c r="OR35" s="120">
        <v>4069303</v>
      </c>
      <c r="OS35" s="143">
        <v>4203171</v>
      </c>
    </row>
    <row r="36" spans="2:409" ht="21" customHeight="1" x14ac:dyDescent="0.2">
      <c r="B36" s="126" t="s">
        <v>31</v>
      </c>
      <c r="C36" s="110">
        <v>12496</v>
      </c>
      <c r="D36" s="114">
        <v>10400</v>
      </c>
      <c r="E36" s="113">
        <v>22896</v>
      </c>
      <c r="F36" s="109">
        <v>0</v>
      </c>
      <c r="G36" s="114">
        <v>119202</v>
      </c>
      <c r="H36" s="114">
        <v>531323</v>
      </c>
      <c r="I36" s="114">
        <v>751735</v>
      </c>
      <c r="J36" s="114">
        <v>357102</v>
      </c>
      <c r="K36" s="114">
        <v>16672</v>
      </c>
      <c r="L36" s="173">
        <v>1776034</v>
      </c>
      <c r="M36" s="116">
        <v>1798930</v>
      </c>
      <c r="N36" s="110">
        <v>7296</v>
      </c>
      <c r="O36" s="114">
        <v>0</v>
      </c>
      <c r="P36" s="113">
        <v>7296</v>
      </c>
      <c r="Q36" s="110">
        <v>0</v>
      </c>
      <c r="R36" s="114">
        <v>12696</v>
      </c>
      <c r="S36" s="114">
        <v>76660</v>
      </c>
      <c r="T36" s="114">
        <v>281241</v>
      </c>
      <c r="U36" s="114">
        <v>60440</v>
      </c>
      <c r="V36" s="114">
        <v>16672</v>
      </c>
      <c r="W36" s="113">
        <v>447709</v>
      </c>
      <c r="X36" s="116">
        <v>455005</v>
      </c>
      <c r="Y36" s="110">
        <v>0</v>
      </c>
      <c r="Z36" s="114">
        <v>0</v>
      </c>
      <c r="AA36" s="113">
        <v>0</v>
      </c>
      <c r="AB36" s="110">
        <v>0</v>
      </c>
      <c r="AC36" s="114">
        <v>12696</v>
      </c>
      <c r="AD36" s="114">
        <v>0</v>
      </c>
      <c r="AE36" s="114">
        <v>82833</v>
      </c>
      <c r="AF36" s="114">
        <v>0</v>
      </c>
      <c r="AG36" s="114">
        <v>0</v>
      </c>
      <c r="AH36" s="113">
        <v>95529</v>
      </c>
      <c r="AI36" s="116">
        <v>95529</v>
      </c>
      <c r="AJ36" s="110">
        <v>0</v>
      </c>
      <c r="AK36" s="114">
        <v>0</v>
      </c>
      <c r="AL36" s="113">
        <v>0</v>
      </c>
      <c r="AM36" s="110">
        <v>0</v>
      </c>
      <c r="AN36" s="114">
        <v>0</v>
      </c>
      <c r="AO36" s="114">
        <v>43704</v>
      </c>
      <c r="AP36" s="114">
        <v>98344</v>
      </c>
      <c r="AQ36" s="114">
        <v>0</v>
      </c>
      <c r="AR36" s="114">
        <v>0</v>
      </c>
      <c r="AS36" s="113">
        <v>142048</v>
      </c>
      <c r="AT36" s="116">
        <v>142048</v>
      </c>
      <c r="AU36" s="110">
        <v>7296</v>
      </c>
      <c r="AV36" s="114">
        <v>0</v>
      </c>
      <c r="AW36" s="113">
        <v>7296</v>
      </c>
      <c r="AX36" s="110">
        <v>0</v>
      </c>
      <c r="AY36" s="114">
        <v>0</v>
      </c>
      <c r="AZ36" s="114">
        <v>32956</v>
      </c>
      <c r="BA36" s="114">
        <v>70912</v>
      </c>
      <c r="BB36" s="114">
        <v>50856</v>
      </c>
      <c r="BC36" s="114">
        <v>0</v>
      </c>
      <c r="BD36" s="113">
        <v>154724</v>
      </c>
      <c r="BE36" s="116">
        <v>162020</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0</v>
      </c>
      <c r="BV36" s="114">
        <v>0</v>
      </c>
      <c r="BW36" s="114">
        <v>29152</v>
      </c>
      <c r="BX36" s="114">
        <v>9584</v>
      </c>
      <c r="BY36" s="114">
        <v>16672</v>
      </c>
      <c r="BZ36" s="113">
        <v>55408</v>
      </c>
      <c r="CA36" s="116">
        <v>55408</v>
      </c>
      <c r="CB36" s="110">
        <v>0</v>
      </c>
      <c r="CC36" s="114">
        <v>0</v>
      </c>
      <c r="CD36" s="113">
        <v>0</v>
      </c>
      <c r="CE36" s="110">
        <v>0</v>
      </c>
      <c r="CF36" s="114">
        <v>95546</v>
      </c>
      <c r="CG36" s="114">
        <v>286134</v>
      </c>
      <c r="CH36" s="114">
        <v>157787</v>
      </c>
      <c r="CI36" s="114">
        <v>25280</v>
      </c>
      <c r="CJ36" s="114">
        <v>0</v>
      </c>
      <c r="CK36" s="113">
        <v>564747</v>
      </c>
      <c r="CL36" s="116">
        <v>564747</v>
      </c>
      <c r="CM36" s="110">
        <v>0</v>
      </c>
      <c r="CN36" s="114">
        <v>0</v>
      </c>
      <c r="CO36" s="113">
        <v>0</v>
      </c>
      <c r="CP36" s="111">
        <v>0</v>
      </c>
      <c r="CQ36" s="114">
        <v>61384</v>
      </c>
      <c r="CR36" s="114">
        <v>222316</v>
      </c>
      <c r="CS36" s="114">
        <v>49515</v>
      </c>
      <c r="CT36" s="114">
        <v>25280</v>
      </c>
      <c r="CU36" s="114">
        <v>0</v>
      </c>
      <c r="CV36" s="113">
        <v>358495</v>
      </c>
      <c r="CW36" s="116">
        <v>358495</v>
      </c>
      <c r="CX36" s="110">
        <v>0</v>
      </c>
      <c r="CY36" s="114">
        <v>0</v>
      </c>
      <c r="CZ36" s="113">
        <v>0</v>
      </c>
      <c r="DA36" s="110">
        <v>0</v>
      </c>
      <c r="DB36" s="114">
        <v>34162</v>
      </c>
      <c r="DC36" s="114">
        <v>63818</v>
      </c>
      <c r="DD36" s="114">
        <v>108272</v>
      </c>
      <c r="DE36" s="114">
        <v>0</v>
      </c>
      <c r="DF36" s="114">
        <v>0</v>
      </c>
      <c r="DG36" s="113">
        <v>206252</v>
      </c>
      <c r="DH36" s="116">
        <v>206252</v>
      </c>
      <c r="DI36" s="110">
        <v>0</v>
      </c>
      <c r="DJ36" s="114">
        <v>0</v>
      </c>
      <c r="DK36" s="112">
        <v>0</v>
      </c>
      <c r="DL36" s="111">
        <v>0</v>
      </c>
      <c r="DM36" s="114">
        <v>0</v>
      </c>
      <c r="DN36" s="114">
        <v>96809</v>
      </c>
      <c r="DO36" s="114">
        <v>51012</v>
      </c>
      <c r="DP36" s="114">
        <v>27142</v>
      </c>
      <c r="DQ36" s="114">
        <v>0</v>
      </c>
      <c r="DR36" s="113">
        <v>174963</v>
      </c>
      <c r="DS36" s="116">
        <v>174963</v>
      </c>
      <c r="DT36" s="110">
        <v>0</v>
      </c>
      <c r="DU36" s="114">
        <v>0</v>
      </c>
      <c r="DV36" s="113">
        <v>0</v>
      </c>
      <c r="DW36" s="110">
        <v>0</v>
      </c>
      <c r="DX36" s="114">
        <v>0</v>
      </c>
      <c r="DY36" s="114">
        <v>96809</v>
      </c>
      <c r="DZ36" s="114">
        <v>51012</v>
      </c>
      <c r="EA36" s="114">
        <v>27142</v>
      </c>
      <c r="EB36" s="114">
        <v>0</v>
      </c>
      <c r="EC36" s="113">
        <v>174963</v>
      </c>
      <c r="ED36" s="116">
        <v>174963</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5"/>
      <c r="FE36" s="114">
        <v>0</v>
      </c>
      <c r="FF36" s="114">
        <v>0</v>
      </c>
      <c r="FG36" s="114">
        <v>0</v>
      </c>
      <c r="FH36" s="114">
        <v>0</v>
      </c>
      <c r="FI36" s="114">
        <v>0</v>
      </c>
      <c r="FJ36" s="113">
        <v>0</v>
      </c>
      <c r="FK36" s="116">
        <v>0</v>
      </c>
      <c r="FL36" s="110">
        <v>5200</v>
      </c>
      <c r="FM36" s="114">
        <v>10400</v>
      </c>
      <c r="FN36" s="113">
        <v>15600</v>
      </c>
      <c r="FO36" s="110">
        <v>0</v>
      </c>
      <c r="FP36" s="114">
        <v>10960</v>
      </c>
      <c r="FQ36" s="114">
        <v>71720</v>
      </c>
      <c r="FR36" s="114">
        <v>62000</v>
      </c>
      <c r="FS36" s="114">
        <v>35800</v>
      </c>
      <c r="FT36" s="114">
        <v>0</v>
      </c>
      <c r="FU36" s="113">
        <v>180480</v>
      </c>
      <c r="FV36" s="116">
        <v>196080</v>
      </c>
      <c r="FW36" s="115">
        <v>5200</v>
      </c>
      <c r="FX36" s="114">
        <v>10400</v>
      </c>
      <c r="FY36" s="112">
        <v>15600</v>
      </c>
      <c r="FZ36" s="111">
        <v>0</v>
      </c>
      <c r="GA36" s="114">
        <v>10960</v>
      </c>
      <c r="GB36" s="114">
        <v>71720</v>
      </c>
      <c r="GC36" s="114">
        <v>62000</v>
      </c>
      <c r="GD36" s="114">
        <v>35800</v>
      </c>
      <c r="GE36" s="114">
        <v>0</v>
      </c>
      <c r="GF36" s="113">
        <v>180480</v>
      </c>
      <c r="GG36" s="316">
        <v>196080</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0</v>
      </c>
      <c r="HI36" s="114">
        <v>0</v>
      </c>
      <c r="HJ36" s="114">
        <v>199695</v>
      </c>
      <c r="HK36" s="114">
        <v>208440</v>
      </c>
      <c r="HL36" s="114">
        <v>0</v>
      </c>
      <c r="HM36" s="113">
        <v>408135</v>
      </c>
      <c r="HN36" s="109">
        <v>408135</v>
      </c>
      <c r="HO36" s="326"/>
      <c r="HP36" s="327"/>
      <c r="HQ36" s="328"/>
      <c r="HR36" s="329"/>
      <c r="HS36" s="327"/>
      <c r="HT36" s="327"/>
      <c r="HU36" s="327"/>
      <c r="HV36" s="327"/>
      <c r="HW36" s="327"/>
      <c r="HX36" s="330"/>
      <c r="HY36" s="331"/>
      <c r="HZ36" s="150">
        <v>0</v>
      </c>
      <c r="IA36" s="135">
        <v>0</v>
      </c>
      <c r="IB36" s="150">
        <v>0</v>
      </c>
      <c r="IC36" s="134">
        <v>0</v>
      </c>
      <c r="ID36" s="135">
        <v>136578</v>
      </c>
      <c r="IE36" s="136">
        <v>443989</v>
      </c>
      <c r="IF36" s="137">
        <v>0</v>
      </c>
      <c r="IG36" s="135">
        <v>434743</v>
      </c>
      <c r="IH36" s="137">
        <v>253728</v>
      </c>
      <c r="II36" s="138">
        <v>1269038</v>
      </c>
      <c r="IJ36" s="150">
        <v>1269038</v>
      </c>
      <c r="IK36" s="232">
        <v>0</v>
      </c>
      <c r="IL36" s="236">
        <v>0</v>
      </c>
      <c r="IM36" s="237">
        <v>0</v>
      </c>
      <c r="IN36" s="140"/>
      <c r="IO36" s="119">
        <v>0</v>
      </c>
      <c r="IP36" s="119">
        <v>0</v>
      </c>
      <c r="IQ36" s="119">
        <v>0</v>
      </c>
      <c r="IR36" s="119">
        <v>0</v>
      </c>
      <c r="IS36" s="119">
        <v>0</v>
      </c>
      <c r="IT36" s="141">
        <v>0</v>
      </c>
      <c r="IU36" s="318">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0</v>
      </c>
      <c r="JL36" s="119">
        <v>43348</v>
      </c>
      <c r="JM36" s="119">
        <v>0</v>
      </c>
      <c r="JN36" s="119">
        <v>0</v>
      </c>
      <c r="JO36" s="119">
        <v>0</v>
      </c>
      <c r="JP36" s="120">
        <v>43348</v>
      </c>
      <c r="JQ36" s="318">
        <v>43348</v>
      </c>
      <c r="JR36" s="142">
        <v>0</v>
      </c>
      <c r="JS36" s="119">
        <v>0</v>
      </c>
      <c r="JT36" s="141">
        <v>0</v>
      </c>
      <c r="JU36" s="118">
        <v>0</v>
      </c>
      <c r="JV36" s="119">
        <v>0</v>
      </c>
      <c r="JW36" s="119">
        <v>0</v>
      </c>
      <c r="JX36" s="119">
        <v>0</v>
      </c>
      <c r="JY36" s="119">
        <v>198652</v>
      </c>
      <c r="JZ36" s="119">
        <v>0</v>
      </c>
      <c r="KA36" s="120">
        <v>198652</v>
      </c>
      <c r="KB36" s="318">
        <v>198652</v>
      </c>
      <c r="KC36" s="234">
        <v>0</v>
      </c>
      <c r="KD36" s="230">
        <v>0</v>
      </c>
      <c r="KE36" s="120">
        <v>0</v>
      </c>
      <c r="KF36" s="118">
        <v>0</v>
      </c>
      <c r="KG36" s="119">
        <v>136578</v>
      </c>
      <c r="KH36" s="119">
        <v>0</v>
      </c>
      <c r="KI36" s="119">
        <v>0</v>
      </c>
      <c r="KJ36" s="119">
        <v>0</v>
      </c>
      <c r="KK36" s="119">
        <v>0</v>
      </c>
      <c r="KL36" s="120">
        <v>136578</v>
      </c>
      <c r="KM36" s="143">
        <v>136578</v>
      </c>
      <c r="KN36" s="232">
        <v>0</v>
      </c>
      <c r="KO36" s="236">
        <v>0</v>
      </c>
      <c r="KP36" s="237">
        <v>0</v>
      </c>
      <c r="KQ36" s="140"/>
      <c r="KR36" s="119">
        <v>0</v>
      </c>
      <c r="KS36" s="119">
        <v>400641</v>
      </c>
      <c r="KT36" s="119">
        <v>0</v>
      </c>
      <c r="KU36" s="119">
        <v>236091</v>
      </c>
      <c r="KV36" s="119">
        <v>253728</v>
      </c>
      <c r="KW36" s="120">
        <v>890460</v>
      </c>
      <c r="KX36" s="318">
        <v>890460</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18">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0</v>
      </c>
      <c r="ML36" s="119">
        <v>469986</v>
      </c>
      <c r="MM36" s="119">
        <v>277585</v>
      </c>
      <c r="MN36" s="119">
        <v>70128</v>
      </c>
      <c r="MO36" s="120">
        <v>817699</v>
      </c>
      <c r="MP36" s="143">
        <v>817699</v>
      </c>
      <c r="MQ36" s="142">
        <v>0</v>
      </c>
      <c r="MR36" s="119">
        <v>0</v>
      </c>
      <c r="MS36" s="120">
        <v>0</v>
      </c>
      <c r="MT36" s="145"/>
      <c r="MU36" s="119">
        <v>0</v>
      </c>
      <c r="MV36" s="119">
        <v>0</v>
      </c>
      <c r="MW36" s="119">
        <v>219964</v>
      </c>
      <c r="MX36" s="119">
        <v>277585</v>
      </c>
      <c r="MY36" s="119">
        <v>70128</v>
      </c>
      <c r="MZ36" s="120">
        <v>567677</v>
      </c>
      <c r="NA36" s="143">
        <v>567677</v>
      </c>
      <c r="NB36" s="142">
        <v>0</v>
      </c>
      <c r="NC36" s="119">
        <v>0</v>
      </c>
      <c r="ND36" s="120">
        <v>0</v>
      </c>
      <c r="NE36" s="145"/>
      <c r="NF36" s="119">
        <v>0</v>
      </c>
      <c r="NG36" s="119">
        <v>0</v>
      </c>
      <c r="NH36" s="119">
        <v>250022</v>
      </c>
      <c r="NI36" s="119">
        <v>0</v>
      </c>
      <c r="NJ36" s="119">
        <v>0</v>
      </c>
      <c r="NK36" s="120">
        <v>250022</v>
      </c>
      <c r="NL36" s="318">
        <v>250022</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2496</v>
      </c>
      <c r="OJ36" s="119">
        <v>10400</v>
      </c>
      <c r="OK36" s="141">
        <v>22896</v>
      </c>
      <c r="OL36" s="118">
        <v>0</v>
      </c>
      <c r="OM36" s="119">
        <v>255780</v>
      </c>
      <c r="ON36" s="119">
        <v>975312</v>
      </c>
      <c r="OO36" s="119">
        <v>1221721</v>
      </c>
      <c r="OP36" s="119">
        <v>1069430</v>
      </c>
      <c r="OQ36" s="119">
        <v>340528</v>
      </c>
      <c r="OR36" s="120">
        <v>3862771</v>
      </c>
      <c r="OS36" s="143">
        <v>3885667</v>
      </c>
    </row>
    <row r="37" spans="2:409" ht="21" customHeight="1" x14ac:dyDescent="0.2">
      <c r="B37" s="126" t="s">
        <v>32</v>
      </c>
      <c r="C37" s="110">
        <v>0</v>
      </c>
      <c r="D37" s="114">
        <v>23888</v>
      </c>
      <c r="E37" s="174">
        <v>23888</v>
      </c>
      <c r="F37" s="175">
        <v>0</v>
      </c>
      <c r="G37" s="176">
        <v>315451</v>
      </c>
      <c r="H37" s="176">
        <v>1078196</v>
      </c>
      <c r="I37" s="176">
        <v>460812</v>
      </c>
      <c r="J37" s="176">
        <v>749583</v>
      </c>
      <c r="K37" s="176">
        <v>1064553</v>
      </c>
      <c r="L37" s="177">
        <v>3668595</v>
      </c>
      <c r="M37" s="116">
        <v>3692483</v>
      </c>
      <c r="N37" s="110">
        <v>0</v>
      </c>
      <c r="O37" s="114">
        <v>11888</v>
      </c>
      <c r="P37" s="113">
        <v>11888</v>
      </c>
      <c r="Q37" s="110">
        <v>0</v>
      </c>
      <c r="R37" s="114">
        <v>72024</v>
      </c>
      <c r="S37" s="114">
        <v>276810</v>
      </c>
      <c r="T37" s="114">
        <v>156700</v>
      </c>
      <c r="U37" s="114">
        <v>509488</v>
      </c>
      <c r="V37" s="114">
        <v>270744</v>
      </c>
      <c r="W37" s="113">
        <v>1285766</v>
      </c>
      <c r="X37" s="116">
        <v>1297654</v>
      </c>
      <c r="Y37" s="110">
        <v>0</v>
      </c>
      <c r="Z37" s="114">
        <v>0</v>
      </c>
      <c r="AA37" s="113">
        <v>0</v>
      </c>
      <c r="AB37" s="110">
        <v>0</v>
      </c>
      <c r="AC37" s="114">
        <v>26440</v>
      </c>
      <c r="AD37" s="114">
        <v>130832</v>
      </c>
      <c r="AE37" s="114">
        <v>78495</v>
      </c>
      <c r="AF37" s="114">
        <v>472528</v>
      </c>
      <c r="AG37" s="114">
        <v>182496</v>
      </c>
      <c r="AH37" s="113">
        <v>890791</v>
      </c>
      <c r="AI37" s="116">
        <v>890791</v>
      </c>
      <c r="AJ37" s="110">
        <v>0</v>
      </c>
      <c r="AK37" s="114">
        <v>0</v>
      </c>
      <c r="AL37" s="113">
        <v>0</v>
      </c>
      <c r="AM37" s="110">
        <v>0</v>
      </c>
      <c r="AN37" s="114">
        <v>0</v>
      </c>
      <c r="AO37" s="114">
        <v>0</v>
      </c>
      <c r="AP37" s="114">
        <v>0</v>
      </c>
      <c r="AQ37" s="114">
        <v>0</v>
      </c>
      <c r="AR37" s="114">
        <v>46112</v>
      </c>
      <c r="AS37" s="113">
        <v>46112</v>
      </c>
      <c r="AT37" s="116">
        <v>46112</v>
      </c>
      <c r="AU37" s="110">
        <v>0</v>
      </c>
      <c r="AV37" s="114">
        <v>11888</v>
      </c>
      <c r="AW37" s="113">
        <v>11888</v>
      </c>
      <c r="AX37" s="110">
        <v>0</v>
      </c>
      <c r="AY37" s="114">
        <v>37312</v>
      </c>
      <c r="AZ37" s="114">
        <v>90314</v>
      </c>
      <c r="BA37" s="114">
        <v>40077</v>
      </c>
      <c r="BB37" s="114">
        <v>0</v>
      </c>
      <c r="BC37" s="114">
        <v>0</v>
      </c>
      <c r="BD37" s="113">
        <v>167703</v>
      </c>
      <c r="BE37" s="116">
        <v>179591</v>
      </c>
      <c r="BF37" s="110">
        <v>0</v>
      </c>
      <c r="BG37" s="114">
        <v>0</v>
      </c>
      <c r="BH37" s="112">
        <v>0</v>
      </c>
      <c r="BI37" s="111">
        <v>0</v>
      </c>
      <c r="BJ37" s="114">
        <v>0</v>
      </c>
      <c r="BK37" s="114">
        <v>30592</v>
      </c>
      <c r="BL37" s="114">
        <v>0</v>
      </c>
      <c r="BM37" s="114">
        <v>0</v>
      </c>
      <c r="BN37" s="114">
        <v>0</v>
      </c>
      <c r="BO37" s="113">
        <v>30592</v>
      </c>
      <c r="BP37" s="116">
        <v>30592</v>
      </c>
      <c r="BQ37" s="110">
        <v>0</v>
      </c>
      <c r="BR37" s="114">
        <v>0</v>
      </c>
      <c r="BS37" s="113">
        <v>0</v>
      </c>
      <c r="BT37" s="110">
        <v>0</v>
      </c>
      <c r="BU37" s="114">
        <v>8272</v>
      </c>
      <c r="BV37" s="114">
        <v>25072</v>
      </c>
      <c r="BW37" s="114">
        <v>38128</v>
      </c>
      <c r="BX37" s="114">
        <v>36960</v>
      </c>
      <c r="BY37" s="114">
        <v>42136</v>
      </c>
      <c r="BZ37" s="113">
        <v>150568</v>
      </c>
      <c r="CA37" s="116">
        <v>150568</v>
      </c>
      <c r="CB37" s="110">
        <v>0</v>
      </c>
      <c r="CC37" s="114">
        <v>0</v>
      </c>
      <c r="CD37" s="113">
        <v>0</v>
      </c>
      <c r="CE37" s="110">
        <v>0</v>
      </c>
      <c r="CF37" s="114">
        <v>193787</v>
      </c>
      <c r="CG37" s="114">
        <v>509666</v>
      </c>
      <c r="CH37" s="114">
        <v>63208</v>
      </c>
      <c r="CI37" s="114">
        <v>0</v>
      </c>
      <c r="CJ37" s="114">
        <v>201363</v>
      </c>
      <c r="CK37" s="113">
        <v>968024</v>
      </c>
      <c r="CL37" s="116">
        <v>968024</v>
      </c>
      <c r="CM37" s="110">
        <v>0</v>
      </c>
      <c r="CN37" s="114">
        <v>0</v>
      </c>
      <c r="CO37" s="113">
        <v>0</v>
      </c>
      <c r="CP37" s="111">
        <v>0</v>
      </c>
      <c r="CQ37" s="114">
        <v>102560</v>
      </c>
      <c r="CR37" s="114">
        <v>216328</v>
      </c>
      <c r="CS37" s="114">
        <v>63208</v>
      </c>
      <c r="CT37" s="114">
        <v>0</v>
      </c>
      <c r="CU37" s="114">
        <v>141684</v>
      </c>
      <c r="CV37" s="113">
        <v>523780</v>
      </c>
      <c r="CW37" s="116">
        <v>523780</v>
      </c>
      <c r="CX37" s="110">
        <v>0</v>
      </c>
      <c r="CY37" s="114">
        <v>0</v>
      </c>
      <c r="CZ37" s="113">
        <v>0</v>
      </c>
      <c r="DA37" s="110">
        <v>0</v>
      </c>
      <c r="DB37" s="114">
        <v>91227</v>
      </c>
      <c r="DC37" s="114">
        <v>293338</v>
      </c>
      <c r="DD37" s="114">
        <v>0</v>
      </c>
      <c r="DE37" s="114">
        <v>0</v>
      </c>
      <c r="DF37" s="114">
        <v>59679</v>
      </c>
      <c r="DG37" s="113">
        <v>444244</v>
      </c>
      <c r="DH37" s="116">
        <v>444244</v>
      </c>
      <c r="DI37" s="110">
        <v>0</v>
      </c>
      <c r="DJ37" s="114">
        <v>0</v>
      </c>
      <c r="DK37" s="112">
        <v>0</v>
      </c>
      <c r="DL37" s="111">
        <v>0</v>
      </c>
      <c r="DM37" s="114">
        <v>0</v>
      </c>
      <c r="DN37" s="114">
        <v>0</v>
      </c>
      <c r="DO37" s="114">
        <v>0</v>
      </c>
      <c r="DP37" s="114">
        <v>0</v>
      </c>
      <c r="DQ37" s="114">
        <v>86070</v>
      </c>
      <c r="DR37" s="113">
        <v>86070</v>
      </c>
      <c r="DS37" s="116">
        <v>86070</v>
      </c>
      <c r="DT37" s="110">
        <v>0</v>
      </c>
      <c r="DU37" s="114">
        <v>0</v>
      </c>
      <c r="DV37" s="113">
        <v>0</v>
      </c>
      <c r="DW37" s="110">
        <v>0</v>
      </c>
      <c r="DX37" s="114">
        <v>0</v>
      </c>
      <c r="DY37" s="114">
        <v>0</v>
      </c>
      <c r="DZ37" s="114">
        <v>0</v>
      </c>
      <c r="EA37" s="114">
        <v>0</v>
      </c>
      <c r="EB37" s="114">
        <v>86070</v>
      </c>
      <c r="EC37" s="113">
        <v>86070</v>
      </c>
      <c r="ED37" s="116">
        <v>86070</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5"/>
      <c r="FE37" s="114">
        <v>0</v>
      </c>
      <c r="FF37" s="114">
        <v>0</v>
      </c>
      <c r="FG37" s="114">
        <v>0</v>
      </c>
      <c r="FH37" s="114">
        <v>0</v>
      </c>
      <c r="FI37" s="114">
        <v>0</v>
      </c>
      <c r="FJ37" s="113">
        <v>0</v>
      </c>
      <c r="FK37" s="116">
        <v>0</v>
      </c>
      <c r="FL37" s="110">
        <v>0</v>
      </c>
      <c r="FM37" s="114">
        <v>12000</v>
      </c>
      <c r="FN37" s="113">
        <v>12000</v>
      </c>
      <c r="FO37" s="110">
        <v>0</v>
      </c>
      <c r="FP37" s="114">
        <v>49640</v>
      </c>
      <c r="FQ37" s="114">
        <v>120480</v>
      </c>
      <c r="FR37" s="114">
        <v>50416</v>
      </c>
      <c r="FS37" s="114">
        <v>20144</v>
      </c>
      <c r="FT37" s="114">
        <v>53280</v>
      </c>
      <c r="FU37" s="113">
        <v>293960</v>
      </c>
      <c r="FV37" s="116">
        <v>305960</v>
      </c>
      <c r="FW37" s="115">
        <v>0</v>
      </c>
      <c r="FX37" s="114">
        <v>12000</v>
      </c>
      <c r="FY37" s="112">
        <v>12000</v>
      </c>
      <c r="FZ37" s="111">
        <v>0</v>
      </c>
      <c r="GA37" s="114">
        <v>49640</v>
      </c>
      <c r="GB37" s="114">
        <v>120480</v>
      </c>
      <c r="GC37" s="114">
        <v>50416</v>
      </c>
      <c r="GD37" s="114">
        <v>20144</v>
      </c>
      <c r="GE37" s="114">
        <v>53280</v>
      </c>
      <c r="GF37" s="113">
        <v>293960</v>
      </c>
      <c r="GG37" s="316">
        <v>305960</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71240</v>
      </c>
      <c r="HJ37" s="114">
        <v>190488</v>
      </c>
      <c r="HK37" s="114">
        <v>219951</v>
      </c>
      <c r="HL37" s="114">
        <v>453096</v>
      </c>
      <c r="HM37" s="113">
        <v>1034775</v>
      </c>
      <c r="HN37" s="109">
        <v>1034775</v>
      </c>
      <c r="HO37" s="326"/>
      <c r="HP37" s="327"/>
      <c r="HQ37" s="328"/>
      <c r="HR37" s="329"/>
      <c r="HS37" s="327"/>
      <c r="HT37" s="327"/>
      <c r="HU37" s="327"/>
      <c r="HV37" s="327"/>
      <c r="HW37" s="327"/>
      <c r="HX37" s="330"/>
      <c r="HY37" s="331"/>
      <c r="HZ37" s="131">
        <v>0</v>
      </c>
      <c r="IA37" s="132">
        <v>0</v>
      </c>
      <c r="IB37" s="133">
        <v>0</v>
      </c>
      <c r="IC37" s="146">
        <v>0</v>
      </c>
      <c r="ID37" s="132">
        <v>63444</v>
      </c>
      <c r="IE37" s="147">
        <v>182800</v>
      </c>
      <c r="IF37" s="133">
        <v>455912</v>
      </c>
      <c r="IG37" s="132">
        <v>0</v>
      </c>
      <c r="IH37" s="133">
        <v>31600</v>
      </c>
      <c r="II37" s="148">
        <v>733756</v>
      </c>
      <c r="IJ37" s="139">
        <v>733756</v>
      </c>
      <c r="IK37" s="232">
        <v>0</v>
      </c>
      <c r="IL37" s="236">
        <v>0</v>
      </c>
      <c r="IM37" s="237">
        <v>0</v>
      </c>
      <c r="IN37" s="140"/>
      <c r="IO37" s="119">
        <v>0</v>
      </c>
      <c r="IP37" s="119">
        <v>0</v>
      </c>
      <c r="IQ37" s="119">
        <v>0</v>
      </c>
      <c r="IR37" s="119">
        <v>0</v>
      </c>
      <c r="IS37" s="119">
        <v>0</v>
      </c>
      <c r="IT37" s="141">
        <v>0</v>
      </c>
      <c r="IU37" s="318">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63444</v>
      </c>
      <c r="JL37" s="119">
        <v>117928</v>
      </c>
      <c r="JM37" s="119">
        <v>19144</v>
      </c>
      <c r="JN37" s="119">
        <v>0</v>
      </c>
      <c r="JO37" s="119">
        <v>31600</v>
      </c>
      <c r="JP37" s="120">
        <v>232116</v>
      </c>
      <c r="JQ37" s="318">
        <v>232116</v>
      </c>
      <c r="JR37" s="142">
        <v>0</v>
      </c>
      <c r="JS37" s="119">
        <v>0</v>
      </c>
      <c r="JT37" s="141">
        <v>0</v>
      </c>
      <c r="JU37" s="118">
        <v>0</v>
      </c>
      <c r="JV37" s="119">
        <v>0</v>
      </c>
      <c r="JW37" s="119">
        <v>0</v>
      </c>
      <c r="JX37" s="119">
        <v>0</v>
      </c>
      <c r="JY37" s="119">
        <v>0</v>
      </c>
      <c r="JZ37" s="119">
        <v>0</v>
      </c>
      <c r="KA37" s="120">
        <v>0</v>
      </c>
      <c r="KB37" s="318">
        <v>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234200</v>
      </c>
      <c r="KU37" s="119">
        <v>0</v>
      </c>
      <c r="KV37" s="119">
        <v>0</v>
      </c>
      <c r="KW37" s="120">
        <v>234200</v>
      </c>
      <c r="KX37" s="318">
        <v>234200</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64872</v>
      </c>
      <c r="LP37" s="119">
        <v>202568</v>
      </c>
      <c r="LQ37" s="119">
        <v>0</v>
      </c>
      <c r="LR37" s="119">
        <v>0</v>
      </c>
      <c r="LS37" s="120">
        <v>267440</v>
      </c>
      <c r="LT37" s="318">
        <v>267440</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338738</v>
      </c>
      <c r="ML37" s="119">
        <v>220144</v>
      </c>
      <c r="MM37" s="119">
        <v>1427751</v>
      </c>
      <c r="MN37" s="119">
        <v>0</v>
      </c>
      <c r="MO37" s="120">
        <v>1986633</v>
      </c>
      <c r="MP37" s="143">
        <v>1986633</v>
      </c>
      <c r="MQ37" s="142">
        <v>0</v>
      </c>
      <c r="MR37" s="119">
        <v>0</v>
      </c>
      <c r="MS37" s="120">
        <v>0</v>
      </c>
      <c r="MT37" s="145"/>
      <c r="MU37" s="119">
        <v>0</v>
      </c>
      <c r="MV37" s="119">
        <v>0</v>
      </c>
      <c r="MW37" s="119">
        <v>220144</v>
      </c>
      <c r="MX37" s="119">
        <v>792952</v>
      </c>
      <c r="MY37" s="119">
        <v>0</v>
      </c>
      <c r="MZ37" s="120">
        <v>1013096</v>
      </c>
      <c r="NA37" s="143">
        <v>1013096</v>
      </c>
      <c r="NB37" s="142">
        <v>0</v>
      </c>
      <c r="NC37" s="119">
        <v>0</v>
      </c>
      <c r="ND37" s="120">
        <v>0</v>
      </c>
      <c r="NE37" s="145"/>
      <c r="NF37" s="119">
        <v>0</v>
      </c>
      <c r="NG37" s="119">
        <v>338738</v>
      </c>
      <c r="NH37" s="119">
        <v>0</v>
      </c>
      <c r="NI37" s="119">
        <v>634799</v>
      </c>
      <c r="NJ37" s="119">
        <v>0</v>
      </c>
      <c r="NK37" s="120">
        <v>973537</v>
      </c>
      <c r="NL37" s="318">
        <v>973537</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23888</v>
      </c>
      <c r="OK37" s="141">
        <v>23888</v>
      </c>
      <c r="OL37" s="118">
        <v>0</v>
      </c>
      <c r="OM37" s="119">
        <v>378895</v>
      </c>
      <c r="ON37" s="119">
        <v>1599734</v>
      </c>
      <c r="OO37" s="119">
        <v>1136868</v>
      </c>
      <c r="OP37" s="119">
        <v>2177334</v>
      </c>
      <c r="OQ37" s="119">
        <v>1096153</v>
      </c>
      <c r="OR37" s="120">
        <v>6388984</v>
      </c>
      <c r="OS37" s="143">
        <v>6412872</v>
      </c>
    </row>
    <row r="38" spans="2:409" ht="21" customHeight="1" x14ac:dyDescent="0.2">
      <c r="B38" s="126" t="s">
        <v>33</v>
      </c>
      <c r="C38" s="110">
        <v>80138</v>
      </c>
      <c r="D38" s="114">
        <v>38564</v>
      </c>
      <c r="E38" s="113">
        <v>118702</v>
      </c>
      <c r="F38" s="109">
        <v>0</v>
      </c>
      <c r="G38" s="114">
        <v>181222</v>
      </c>
      <c r="H38" s="114">
        <v>317450</v>
      </c>
      <c r="I38" s="114">
        <v>60798</v>
      </c>
      <c r="J38" s="114">
        <v>234637</v>
      </c>
      <c r="K38" s="114">
        <v>110984</v>
      </c>
      <c r="L38" s="173">
        <v>905091</v>
      </c>
      <c r="M38" s="116">
        <v>1023793</v>
      </c>
      <c r="N38" s="110">
        <v>77738</v>
      </c>
      <c r="O38" s="114">
        <v>38564</v>
      </c>
      <c r="P38" s="113">
        <v>116302</v>
      </c>
      <c r="Q38" s="110">
        <v>0</v>
      </c>
      <c r="R38" s="114">
        <v>69642</v>
      </c>
      <c r="S38" s="114">
        <v>48053</v>
      </c>
      <c r="T38" s="114">
        <v>41118</v>
      </c>
      <c r="U38" s="114">
        <v>8776</v>
      </c>
      <c r="V38" s="114">
        <v>110984</v>
      </c>
      <c r="W38" s="113">
        <v>278573</v>
      </c>
      <c r="X38" s="116">
        <v>394875</v>
      </c>
      <c r="Y38" s="110">
        <v>0</v>
      </c>
      <c r="Z38" s="114">
        <v>0</v>
      </c>
      <c r="AA38" s="113">
        <v>0</v>
      </c>
      <c r="AB38" s="110">
        <v>0</v>
      </c>
      <c r="AC38" s="114">
        <v>6068</v>
      </c>
      <c r="AD38" s="114">
        <v>6288</v>
      </c>
      <c r="AE38" s="114">
        <v>0</v>
      </c>
      <c r="AF38" s="114">
        <v>0</v>
      </c>
      <c r="AG38" s="114">
        <v>38756</v>
      </c>
      <c r="AH38" s="113">
        <v>51112</v>
      </c>
      <c r="AI38" s="116">
        <v>51112</v>
      </c>
      <c r="AJ38" s="110">
        <v>0</v>
      </c>
      <c r="AK38" s="114">
        <v>0</v>
      </c>
      <c r="AL38" s="113">
        <v>0</v>
      </c>
      <c r="AM38" s="110">
        <v>0</v>
      </c>
      <c r="AN38" s="114">
        <v>0</v>
      </c>
      <c r="AO38" s="114">
        <v>0</v>
      </c>
      <c r="AP38" s="114">
        <v>0</v>
      </c>
      <c r="AQ38" s="114">
        <v>0</v>
      </c>
      <c r="AR38" s="114">
        <v>0</v>
      </c>
      <c r="AS38" s="113">
        <v>0</v>
      </c>
      <c r="AT38" s="116">
        <v>0</v>
      </c>
      <c r="AU38" s="110">
        <v>0</v>
      </c>
      <c r="AV38" s="114">
        <v>0</v>
      </c>
      <c r="AW38" s="113">
        <v>0</v>
      </c>
      <c r="AX38" s="110">
        <v>0</v>
      </c>
      <c r="AY38" s="114">
        <v>24112</v>
      </c>
      <c r="AZ38" s="114">
        <v>29437</v>
      </c>
      <c r="BA38" s="114">
        <v>0</v>
      </c>
      <c r="BB38" s="114">
        <v>0</v>
      </c>
      <c r="BC38" s="114">
        <v>16204</v>
      </c>
      <c r="BD38" s="113">
        <v>69753</v>
      </c>
      <c r="BE38" s="116">
        <v>69753</v>
      </c>
      <c r="BF38" s="110">
        <v>77738</v>
      </c>
      <c r="BG38" s="114">
        <v>38564</v>
      </c>
      <c r="BH38" s="112">
        <v>116302</v>
      </c>
      <c r="BI38" s="111">
        <v>0</v>
      </c>
      <c r="BJ38" s="114">
        <v>30558</v>
      </c>
      <c r="BK38" s="114">
        <v>0</v>
      </c>
      <c r="BL38" s="114">
        <v>30558</v>
      </c>
      <c r="BM38" s="114">
        <v>0</v>
      </c>
      <c r="BN38" s="114">
        <v>56024</v>
      </c>
      <c r="BO38" s="113">
        <v>117140</v>
      </c>
      <c r="BP38" s="116">
        <v>233442</v>
      </c>
      <c r="BQ38" s="110">
        <v>0</v>
      </c>
      <c r="BR38" s="114">
        <v>0</v>
      </c>
      <c r="BS38" s="113">
        <v>0</v>
      </c>
      <c r="BT38" s="110">
        <v>0</v>
      </c>
      <c r="BU38" s="114">
        <v>8904</v>
      </c>
      <c r="BV38" s="114">
        <v>12328</v>
      </c>
      <c r="BW38" s="114">
        <v>10560</v>
      </c>
      <c r="BX38" s="114">
        <v>8776</v>
      </c>
      <c r="BY38" s="114">
        <v>0</v>
      </c>
      <c r="BZ38" s="113">
        <v>40568</v>
      </c>
      <c r="CA38" s="116">
        <v>40568</v>
      </c>
      <c r="CB38" s="110">
        <v>0</v>
      </c>
      <c r="CC38" s="114">
        <v>0</v>
      </c>
      <c r="CD38" s="113">
        <v>0</v>
      </c>
      <c r="CE38" s="110">
        <v>0</v>
      </c>
      <c r="CF38" s="114">
        <v>72780</v>
      </c>
      <c r="CG38" s="114">
        <v>77385</v>
      </c>
      <c r="CH38" s="114">
        <v>0</v>
      </c>
      <c r="CI38" s="114">
        <v>0</v>
      </c>
      <c r="CJ38" s="114">
        <v>0</v>
      </c>
      <c r="CK38" s="113">
        <v>150165</v>
      </c>
      <c r="CL38" s="116">
        <v>150165</v>
      </c>
      <c r="CM38" s="110">
        <v>0</v>
      </c>
      <c r="CN38" s="114">
        <v>0</v>
      </c>
      <c r="CO38" s="113">
        <v>0</v>
      </c>
      <c r="CP38" s="111">
        <v>0</v>
      </c>
      <c r="CQ38" s="114">
        <v>31125</v>
      </c>
      <c r="CR38" s="114">
        <v>0</v>
      </c>
      <c r="CS38" s="114">
        <v>0</v>
      </c>
      <c r="CT38" s="114">
        <v>0</v>
      </c>
      <c r="CU38" s="114">
        <v>0</v>
      </c>
      <c r="CV38" s="113">
        <v>31125</v>
      </c>
      <c r="CW38" s="116">
        <v>31125</v>
      </c>
      <c r="CX38" s="110">
        <v>0</v>
      </c>
      <c r="CY38" s="114">
        <v>0</v>
      </c>
      <c r="CZ38" s="113">
        <v>0</v>
      </c>
      <c r="DA38" s="110">
        <v>0</v>
      </c>
      <c r="DB38" s="114">
        <v>41655</v>
      </c>
      <c r="DC38" s="114">
        <v>77385</v>
      </c>
      <c r="DD38" s="114">
        <v>0</v>
      </c>
      <c r="DE38" s="114">
        <v>0</v>
      </c>
      <c r="DF38" s="114">
        <v>0</v>
      </c>
      <c r="DG38" s="113">
        <v>119040</v>
      </c>
      <c r="DH38" s="116">
        <v>119040</v>
      </c>
      <c r="DI38" s="110">
        <v>0</v>
      </c>
      <c r="DJ38" s="114">
        <v>0</v>
      </c>
      <c r="DK38" s="112">
        <v>0</v>
      </c>
      <c r="DL38" s="111">
        <v>0</v>
      </c>
      <c r="DM38" s="114">
        <v>0</v>
      </c>
      <c r="DN38" s="114">
        <v>0</v>
      </c>
      <c r="DO38" s="114">
        <v>0</v>
      </c>
      <c r="DP38" s="114">
        <v>0</v>
      </c>
      <c r="DQ38" s="114">
        <v>0</v>
      </c>
      <c r="DR38" s="113">
        <v>0</v>
      </c>
      <c r="DS38" s="116">
        <v>0</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5"/>
      <c r="FE38" s="114">
        <v>0</v>
      </c>
      <c r="FF38" s="114">
        <v>0</v>
      </c>
      <c r="FG38" s="114">
        <v>0</v>
      </c>
      <c r="FH38" s="114">
        <v>0</v>
      </c>
      <c r="FI38" s="114">
        <v>0</v>
      </c>
      <c r="FJ38" s="113">
        <v>0</v>
      </c>
      <c r="FK38" s="116">
        <v>0</v>
      </c>
      <c r="FL38" s="110">
        <v>2400</v>
      </c>
      <c r="FM38" s="114">
        <v>0</v>
      </c>
      <c r="FN38" s="113">
        <v>2400</v>
      </c>
      <c r="FO38" s="110">
        <v>0</v>
      </c>
      <c r="FP38" s="114">
        <v>38800</v>
      </c>
      <c r="FQ38" s="114">
        <v>12240</v>
      </c>
      <c r="FR38" s="114">
        <v>19680</v>
      </c>
      <c r="FS38" s="114">
        <v>0</v>
      </c>
      <c r="FT38" s="114">
        <v>0</v>
      </c>
      <c r="FU38" s="113">
        <v>70720</v>
      </c>
      <c r="FV38" s="116">
        <v>73120</v>
      </c>
      <c r="FW38" s="115">
        <v>2400</v>
      </c>
      <c r="FX38" s="114">
        <v>0</v>
      </c>
      <c r="FY38" s="112">
        <v>2400</v>
      </c>
      <c r="FZ38" s="111">
        <v>0</v>
      </c>
      <c r="GA38" s="114">
        <v>38800</v>
      </c>
      <c r="GB38" s="114">
        <v>12240</v>
      </c>
      <c r="GC38" s="114">
        <v>19680</v>
      </c>
      <c r="GD38" s="114">
        <v>0</v>
      </c>
      <c r="GE38" s="114">
        <v>0</v>
      </c>
      <c r="GF38" s="113">
        <v>70720</v>
      </c>
      <c r="GG38" s="316">
        <v>73120</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179772</v>
      </c>
      <c r="HJ38" s="114">
        <v>0</v>
      </c>
      <c r="HK38" s="114">
        <v>225861</v>
      </c>
      <c r="HL38" s="114">
        <v>0</v>
      </c>
      <c r="HM38" s="113">
        <v>405633</v>
      </c>
      <c r="HN38" s="109">
        <v>405633</v>
      </c>
      <c r="HO38" s="326"/>
      <c r="HP38" s="327"/>
      <c r="HQ38" s="328"/>
      <c r="HR38" s="329"/>
      <c r="HS38" s="327"/>
      <c r="HT38" s="327"/>
      <c r="HU38" s="327"/>
      <c r="HV38" s="327"/>
      <c r="HW38" s="327"/>
      <c r="HX38" s="330"/>
      <c r="HY38" s="331"/>
      <c r="HZ38" s="150">
        <v>0</v>
      </c>
      <c r="IA38" s="135">
        <v>0</v>
      </c>
      <c r="IB38" s="150">
        <v>0</v>
      </c>
      <c r="IC38" s="146">
        <v>0</v>
      </c>
      <c r="ID38" s="132">
        <v>189519</v>
      </c>
      <c r="IE38" s="147">
        <v>0</v>
      </c>
      <c r="IF38" s="133">
        <v>231973</v>
      </c>
      <c r="IG38" s="132">
        <v>0</v>
      </c>
      <c r="IH38" s="133">
        <v>0</v>
      </c>
      <c r="II38" s="148">
        <v>421492</v>
      </c>
      <c r="IJ38" s="150">
        <v>421492</v>
      </c>
      <c r="IK38" s="232">
        <v>0</v>
      </c>
      <c r="IL38" s="236">
        <v>0</v>
      </c>
      <c r="IM38" s="237">
        <v>0</v>
      </c>
      <c r="IN38" s="140"/>
      <c r="IO38" s="119">
        <v>0</v>
      </c>
      <c r="IP38" s="119">
        <v>0</v>
      </c>
      <c r="IQ38" s="119">
        <v>0</v>
      </c>
      <c r="IR38" s="119">
        <v>0</v>
      </c>
      <c r="IS38" s="119">
        <v>0</v>
      </c>
      <c r="IT38" s="141">
        <v>0</v>
      </c>
      <c r="IU38" s="318">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46708</v>
      </c>
      <c r="JL38" s="119">
        <v>0</v>
      </c>
      <c r="JM38" s="119">
        <v>0</v>
      </c>
      <c r="JN38" s="119">
        <v>0</v>
      </c>
      <c r="JO38" s="119">
        <v>0</v>
      </c>
      <c r="JP38" s="120">
        <v>46708</v>
      </c>
      <c r="JQ38" s="318">
        <v>46708</v>
      </c>
      <c r="JR38" s="142">
        <v>0</v>
      </c>
      <c r="JS38" s="119">
        <v>0</v>
      </c>
      <c r="JT38" s="141">
        <v>0</v>
      </c>
      <c r="JU38" s="118">
        <v>0</v>
      </c>
      <c r="JV38" s="119">
        <v>0</v>
      </c>
      <c r="JW38" s="119">
        <v>0</v>
      </c>
      <c r="JX38" s="119">
        <v>0</v>
      </c>
      <c r="JY38" s="119">
        <v>0</v>
      </c>
      <c r="JZ38" s="119">
        <v>0</v>
      </c>
      <c r="KA38" s="120">
        <v>0</v>
      </c>
      <c r="KB38" s="318">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18">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18">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235872</v>
      </c>
      <c r="ML38" s="119">
        <v>0</v>
      </c>
      <c r="MM38" s="119">
        <v>0</v>
      </c>
      <c r="MN38" s="119">
        <v>364321</v>
      </c>
      <c r="MO38" s="120">
        <v>600193</v>
      </c>
      <c r="MP38" s="143">
        <v>600193</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18">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235872</v>
      </c>
      <c r="OD38" s="119">
        <v>0</v>
      </c>
      <c r="OE38" s="119">
        <v>0</v>
      </c>
      <c r="OF38" s="119">
        <v>364321</v>
      </c>
      <c r="OG38" s="120">
        <v>600193</v>
      </c>
      <c r="OH38" s="121">
        <v>600193</v>
      </c>
      <c r="OI38" s="142">
        <v>80138</v>
      </c>
      <c r="OJ38" s="119">
        <v>38564</v>
      </c>
      <c r="OK38" s="141">
        <v>118702</v>
      </c>
      <c r="OL38" s="118">
        <v>0</v>
      </c>
      <c r="OM38" s="119">
        <v>370741</v>
      </c>
      <c r="ON38" s="119">
        <v>553322</v>
      </c>
      <c r="OO38" s="119">
        <v>292771</v>
      </c>
      <c r="OP38" s="119">
        <v>234637</v>
      </c>
      <c r="OQ38" s="119">
        <v>475305</v>
      </c>
      <c r="OR38" s="120">
        <v>1926776</v>
      </c>
      <c r="OS38" s="143">
        <v>2045478</v>
      </c>
    </row>
    <row r="39" spans="2:409" ht="21" customHeight="1" x14ac:dyDescent="0.2">
      <c r="B39" s="126" t="s">
        <v>34</v>
      </c>
      <c r="C39" s="110">
        <v>0</v>
      </c>
      <c r="D39" s="114">
        <v>19520</v>
      </c>
      <c r="E39" s="174">
        <v>19520</v>
      </c>
      <c r="F39" s="175">
        <v>0</v>
      </c>
      <c r="G39" s="176">
        <v>9120</v>
      </c>
      <c r="H39" s="176">
        <v>319352</v>
      </c>
      <c r="I39" s="176">
        <v>0</v>
      </c>
      <c r="J39" s="176">
        <v>39792</v>
      </c>
      <c r="K39" s="176">
        <v>522576</v>
      </c>
      <c r="L39" s="177">
        <v>890840</v>
      </c>
      <c r="M39" s="116">
        <v>910360</v>
      </c>
      <c r="N39" s="110">
        <v>0</v>
      </c>
      <c r="O39" s="114">
        <v>0</v>
      </c>
      <c r="P39" s="113">
        <v>0</v>
      </c>
      <c r="Q39" s="110">
        <v>0</v>
      </c>
      <c r="R39" s="114">
        <v>7520</v>
      </c>
      <c r="S39" s="114">
        <v>73936</v>
      </c>
      <c r="T39" s="114">
        <v>0</v>
      </c>
      <c r="U39" s="114">
        <v>0</v>
      </c>
      <c r="V39" s="114">
        <v>31704</v>
      </c>
      <c r="W39" s="113">
        <v>113160</v>
      </c>
      <c r="X39" s="116">
        <v>113160</v>
      </c>
      <c r="Y39" s="110">
        <v>0</v>
      </c>
      <c r="Z39" s="114">
        <v>0</v>
      </c>
      <c r="AA39" s="113">
        <v>0</v>
      </c>
      <c r="AB39" s="110">
        <v>0</v>
      </c>
      <c r="AC39" s="114">
        <v>0</v>
      </c>
      <c r="AD39" s="114">
        <v>0</v>
      </c>
      <c r="AE39" s="114">
        <v>0</v>
      </c>
      <c r="AF39" s="114">
        <v>0</v>
      </c>
      <c r="AG39" s="114">
        <v>0</v>
      </c>
      <c r="AH39" s="113">
        <v>0</v>
      </c>
      <c r="AI39" s="116">
        <v>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7520</v>
      </c>
      <c r="AZ39" s="114">
        <v>0</v>
      </c>
      <c r="BA39" s="114">
        <v>0</v>
      </c>
      <c r="BB39" s="114">
        <v>0</v>
      </c>
      <c r="BC39" s="114">
        <v>0</v>
      </c>
      <c r="BD39" s="113">
        <v>7520</v>
      </c>
      <c r="BE39" s="116">
        <v>7520</v>
      </c>
      <c r="BF39" s="110">
        <v>0</v>
      </c>
      <c r="BG39" s="114">
        <v>0</v>
      </c>
      <c r="BH39" s="112">
        <v>0</v>
      </c>
      <c r="BI39" s="111">
        <v>0</v>
      </c>
      <c r="BJ39" s="114">
        <v>0</v>
      </c>
      <c r="BK39" s="114">
        <v>61536</v>
      </c>
      <c r="BL39" s="114">
        <v>0</v>
      </c>
      <c r="BM39" s="114">
        <v>0</v>
      </c>
      <c r="BN39" s="114">
        <v>0</v>
      </c>
      <c r="BO39" s="113">
        <v>61536</v>
      </c>
      <c r="BP39" s="116">
        <v>61536</v>
      </c>
      <c r="BQ39" s="110">
        <v>0</v>
      </c>
      <c r="BR39" s="114">
        <v>0</v>
      </c>
      <c r="BS39" s="113">
        <v>0</v>
      </c>
      <c r="BT39" s="110">
        <v>0</v>
      </c>
      <c r="BU39" s="114">
        <v>0</v>
      </c>
      <c r="BV39" s="114">
        <v>12400</v>
      </c>
      <c r="BW39" s="114">
        <v>0</v>
      </c>
      <c r="BX39" s="114">
        <v>0</v>
      </c>
      <c r="BY39" s="114">
        <v>31704</v>
      </c>
      <c r="BZ39" s="113">
        <v>44104</v>
      </c>
      <c r="CA39" s="116">
        <v>44104</v>
      </c>
      <c r="CB39" s="110">
        <v>0</v>
      </c>
      <c r="CC39" s="114">
        <v>0</v>
      </c>
      <c r="CD39" s="113">
        <v>0</v>
      </c>
      <c r="CE39" s="110">
        <v>0</v>
      </c>
      <c r="CF39" s="114">
        <v>0</v>
      </c>
      <c r="CG39" s="114">
        <v>11592</v>
      </c>
      <c r="CH39" s="114">
        <v>0</v>
      </c>
      <c r="CI39" s="114">
        <v>35392</v>
      </c>
      <c r="CJ39" s="114">
        <v>0</v>
      </c>
      <c r="CK39" s="113">
        <v>46984</v>
      </c>
      <c r="CL39" s="116">
        <v>46984</v>
      </c>
      <c r="CM39" s="110">
        <v>0</v>
      </c>
      <c r="CN39" s="114">
        <v>0</v>
      </c>
      <c r="CO39" s="113">
        <v>0</v>
      </c>
      <c r="CP39" s="111">
        <v>0</v>
      </c>
      <c r="CQ39" s="114">
        <v>0</v>
      </c>
      <c r="CR39" s="114">
        <v>11592</v>
      </c>
      <c r="CS39" s="114">
        <v>0</v>
      </c>
      <c r="CT39" s="114">
        <v>35392</v>
      </c>
      <c r="CU39" s="114">
        <v>0</v>
      </c>
      <c r="CV39" s="113">
        <v>46984</v>
      </c>
      <c r="CW39" s="116">
        <v>46984</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5"/>
      <c r="FE39" s="114">
        <v>0</v>
      </c>
      <c r="FF39" s="114">
        <v>0</v>
      </c>
      <c r="FG39" s="114">
        <v>0</v>
      </c>
      <c r="FH39" s="114">
        <v>0</v>
      </c>
      <c r="FI39" s="114">
        <v>0</v>
      </c>
      <c r="FJ39" s="113">
        <v>0</v>
      </c>
      <c r="FK39" s="116">
        <v>0</v>
      </c>
      <c r="FL39" s="110">
        <v>0</v>
      </c>
      <c r="FM39" s="114">
        <v>19520</v>
      </c>
      <c r="FN39" s="113">
        <v>19520</v>
      </c>
      <c r="FO39" s="110">
        <v>0</v>
      </c>
      <c r="FP39" s="114">
        <v>1600</v>
      </c>
      <c r="FQ39" s="114">
        <v>66640</v>
      </c>
      <c r="FR39" s="114">
        <v>0</v>
      </c>
      <c r="FS39" s="114">
        <v>4400</v>
      </c>
      <c r="FT39" s="114">
        <v>15984</v>
      </c>
      <c r="FU39" s="113">
        <v>88624</v>
      </c>
      <c r="FV39" s="116">
        <v>108144</v>
      </c>
      <c r="FW39" s="115">
        <v>0</v>
      </c>
      <c r="FX39" s="114">
        <v>19520</v>
      </c>
      <c r="FY39" s="112">
        <v>19520</v>
      </c>
      <c r="FZ39" s="111">
        <v>0</v>
      </c>
      <c r="GA39" s="114">
        <v>1600</v>
      </c>
      <c r="GB39" s="114">
        <v>66640</v>
      </c>
      <c r="GC39" s="114">
        <v>0</v>
      </c>
      <c r="GD39" s="114">
        <v>4400</v>
      </c>
      <c r="GE39" s="114">
        <v>15984</v>
      </c>
      <c r="GF39" s="113">
        <v>88624</v>
      </c>
      <c r="GG39" s="316">
        <v>108144</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67184</v>
      </c>
      <c r="HJ39" s="114">
        <v>0</v>
      </c>
      <c r="HK39" s="114">
        <v>0</v>
      </c>
      <c r="HL39" s="114">
        <v>474888</v>
      </c>
      <c r="HM39" s="113">
        <v>642072</v>
      </c>
      <c r="HN39" s="109">
        <v>642072</v>
      </c>
      <c r="HO39" s="326"/>
      <c r="HP39" s="327"/>
      <c r="HQ39" s="328"/>
      <c r="HR39" s="329"/>
      <c r="HS39" s="327"/>
      <c r="HT39" s="327"/>
      <c r="HU39" s="327"/>
      <c r="HV39" s="327"/>
      <c r="HW39" s="327"/>
      <c r="HX39" s="330"/>
      <c r="HY39" s="331"/>
      <c r="HZ39" s="131">
        <v>0</v>
      </c>
      <c r="IA39" s="132">
        <v>0</v>
      </c>
      <c r="IB39" s="133">
        <v>0</v>
      </c>
      <c r="IC39" s="146">
        <v>0</v>
      </c>
      <c r="ID39" s="132">
        <v>202080</v>
      </c>
      <c r="IE39" s="147">
        <v>267880</v>
      </c>
      <c r="IF39" s="133">
        <v>0</v>
      </c>
      <c r="IG39" s="132">
        <v>0</v>
      </c>
      <c r="IH39" s="133">
        <v>82680</v>
      </c>
      <c r="II39" s="148">
        <v>552640</v>
      </c>
      <c r="IJ39" s="139">
        <v>552640</v>
      </c>
      <c r="IK39" s="232">
        <v>0</v>
      </c>
      <c r="IL39" s="236">
        <v>0</v>
      </c>
      <c r="IM39" s="237">
        <v>0</v>
      </c>
      <c r="IN39" s="140"/>
      <c r="IO39" s="119">
        <v>0</v>
      </c>
      <c r="IP39" s="119">
        <v>0</v>
      </c>
      <c r="IQ39" s="119">
        <v>0</v>
      </c>
      <c r="IR39" s="119">
        <v>0</v>
      </c>
      <c r="IS39" s="119">
        <v>0</v>
      </c>
      <c r="IT39" s="141">
        <v>0</v>
      </c>
      <c r="IU39" s="318">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89680</v>
      </c>
      <c r="JL39" s="119">
        <v>103952</v>
      </c>
      <c r="JM39" s="119">
        <v>0</v>
      </c>
      <c r="JN39" s="119">
        <v>0</v>
      </c>
      <c r="JO39" s="119">
        <v>0</v>
      </c>
      <c r="JP39" s="120">
        <v>193632</v>
      </c>
      <c r="JQ39" s="318">
        <v>193632</v>
      </c>
      <c r="JR39" s="142">
        <v>0</v>
      </c>
      <c r="JS39" s="119">
        <v>0</v>
      </c>
      <c r="JT39" s="141">
        <v>0</v>
      </c>
      <c r="JU39" s="118">
        <v>0</v>
      </c>
      <c r="JV39" s="119">
        <v>0</v>
      </c>
      <c r="JW39" s="119">
        <v>0</v>
      </c>
      <c r="JX39" s="119">
        <v>0</v>
      </c>
      <c r="JY39" s="119">
        <v>0</v>
      </c>
      <c r="JZ39" s="119">
        <v>0</v>
      </c>
      <c r="KA39" s="120">
        <v>0</v>
      </c>
      <c r="KB39" s="318">
        <v>0</v>
      </c>
      <c r="KC39" s="234">
        <v>0</v>
      </c>
      <c r="KD39" s="230">
        <v>0</v>
      </c>
      <c r="KE39" s="120">
        <v>0</v>
      </c>
      <c r="KF39" s="118">
        <v>0</v>
      </c>
      <c r="KG39" s="119">
        <v>112400</v>
      </c>
      <c r="KH39" s="119">
        <v>163928</v>
      </c>
      <c r="KI39" s="119">
        <v>0</v>
      </c>
      <c r="KJ39" s="119">
        <v>0</v>
      </c>
      <c r="KK39" s="119">
        <v>0</v>
      </c>
      <c r="KL39" s="120">
        <v>276328</v>
      </c>
      <c r="KM39" s="143">
        <v>276328</v>
      </c>
      <c r="KN39" s="232">
        <v>0</v>
      </c>
      <c r="KO39" s="236">
        <v>0</v>
      </c>
      <c r="KP39" s="237">
        <v>0</v>
      </c>
      <c r="KQ39" s="140"/>
      <c r="KR39" s="119">
        <v>0</v>
      </c>
      <c r="KS39" s="119">
        <v>0</v>
      </c>
      <c r="KT39" s="119">
        <v>0</v>
      </c>
      <c r="KU39" s="119">
        <v>0</v>
      </c>
      <c r="KV39" s="119">
        <v>0</v>
      </c>
      <c r="KW39" s="120">
        <v>0</v>
      </c>
      <c r="KX39" s="318">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18">
        <v>0</v>
      </c>
      <c r="LU39" s="142">
        <v>0</v>
      </c>
      <c r="LV39" s="119">
        <v>0</v>
      </c>
      <c r="LW39" s="120">
        <v>0</v>
      </c>
      <c r="LX39" s="145"/>
      <c r="LY39" s="119">
        <v>0</v>
      </c>
      <c r="LZ39" s="119">
        <v>0</v>
      </c>
      <c r="MA39" s="119">
        <v>0</v>
      </c>
      <c r="MB39" s="119">
        <v>0</v>
      </c>
      <c r="MC39" s="119">
        <v>82680</v>
      </c>
      <c r="MD39" s="120">
        <v>82680</v>
      </c>
      <c r="ME39" s="121">
        <v>82680</v>
      </c>
      <c r="MF39" s="142">
        <v>0</v>
      </c>
      <c r="MG39" s="119">
        <v>0</v>
      </c>
      <c r="MH39" s="120">
        <v>0</v>
      </c>
      <c r="MI39" s="145"/>
      <c r="MJ39" s="119">
        <v>0</v>
      </c>
      <c r="MK39" s="119">
        <v>0</v>
      </c>
      <c r="ML39" s="119">
        <v>482344</v>
      </c>
      <c r="MM39" s="119">
        <v>0</v>
      </c>
      <c r="MN39" s="119">
        <v>0</v>
      </c>
      <c r="MO39" s="120">
        <v>482344</v>
      </c>
      <c r="MP39" s="143">
        <v>482344</v>
      </c>
      <c r="MQ39" s="142">
        <v>0</v>
      </c>
      <c r="MR39" s="119">
        <v>0</v>
      </c>
      <c r="MS39" s="120">
        <v>0</v>
      </c>
      <c r="MT39" s="145"/>
      <c r="MU39" s="119">
        <v>0</v>
      </c>
      <c r="MV39" s="119">
        <v>0</v>
      </c>
      <c r="MW39" s="119">
        <v>218376</v>
      </c>
      <c r="MX39" s="119">
        <v>0</v>
      </c>
      <c r="MY39" s="119">
        <v>0</v>
      </c>
      <c r="MZ39" s="120">
        <v>218376</v>
      </c>
      <c r="NA39" s="143">
        <v>218376</v>
      </c>
      <c r="NB39" s="142">
        <v>0</v>
      </c>
      <c r="NC39" s="119">
        <v>0</v>
      </c>
      <c r="ND39" s="120">
        <v>0</v>
      </c>
      <c r="NE39" s="145"/>
      <c r="NF39" s="119">
        <v>0</v>
      </c>
      <c r="NG39" s="119">
        <v>0</v>
      </c>
      <c r="NH39" s="119">
        <v>263968</v>
      </c>
      <c r="NI39" s="119">
        <v>0</v>
      </c>
      <c r="NJ39" s="119">
        <v>0</v>
      </c>
      <c r="NK39" s="120">
        <v>263968</v>
      </c>
      <c r="NL39" s="318">
        <v>263968</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19520</v>
      </c>
      <c r="OK39" s="141">
        <v>19520</v>
      </c>
      <c r="OL39" s="118">
        <v>0</v>
      </c>
      <c r="OM39" s="119">
        <v>211200</v>
      </c>
      <c r="ON39" s="119">
        <v>587232</v>
      </c>
      <c r="OO39" s="119">
        <v>482344</v>
      </c>
      <c r="OP39" s="119">
        <v>39792</v>
      </c>
      <c r="OQ39" s="119">
        <v>605256</v>
      </c>
      <c r="OR39" s="120">
        <v>1925824</v>
      </c>
      <c r="OS39" s="143">
        <v>1945344</v>
      </c>
    </row>
    <row r="40" spans="2:409" ht="21" customHeight="1" x14ac:dyDescent="0.2">
      <c r="B40" s="126" t="s">
        <v>35</v>
      </c>
      <c r="C40" s="110">
        <v>225016</v>
      </c>
      <c r="D40" s="114">
        <v>137009</v>
      </c>
      <c r="E40" s="113">
        <v>362025</v>
      </c>
      <c r="F40" s="109">
        <v>0</v>
      </c>
      <c r="G40" s="114">
        <v>1826370</v>
      </c>
      <c r="H40" s="114">
        <v>699576</v>
      </c>
      <c r="I40" s="114">
        <v>229856</v>
      </c>
      <c r="J40" s="114">
        <v>934220</v>
      </c>
      <c r="K40" s="114">
        <v>885532</v>
      </c>
      <c r="L40" s="173">
        <v>4575554</v>
      </c>
      <c r="M40" s="116">
        <v>4937579</v>
      </c>
      <c r="N40" s="110">
        <v>33232</v>
      </c>
      <c r="O40" s="114">
        <v>9600</v>
      </c>
      <c r="P40" s="113">
        <v>42832</v>
      </c>
      <c r="Q40" s="110">
        <v>0</v>
      </c>
      <c r="R40" s="114">
        <v>513015</v>
      </c>
      <c r="S40" s="114">
        <v>112800</v>
      </c>
      <c r="T40" s="114">
        <v>46144</v>
      </c>
      <c r="U40" s="114">
        <v>102960</v>
      </c>
      <c r="V40" s="114">
        <v>610071</v>
      </c>
      <c r="W40" s="113">
        <v>1384990</v>
      </c>
      <c r="X40" s="116">
        <v>1427822</v>
      </c>
      <c r="Y40" s="110">
        <v>0</v>
      </c>
      <c r="Z40" s="114">
        <v>0</v>
      </c>
      <c r="AA40" s="113">
        <v>0</v>
      </c>
      <c r="AB40" s="110">
        <v>0</v>
      </c>
      <c r="AC40" s="114">
        <v>283511</v>
      </c>
      <c r="AD40" s="114">
        <v>43672</v>
      </c>
      <c r="AE40" s="114">
        <v>0</v>
      </c>
      <c r="AF40" s="114">
        <v>0</v>
      </c>
      <c r="AG40" s="114">
        <v>212407</v>
      </c>
      <c r="AH40" s="113">
        <v>539590</v>
      </c>
      <c r="AI40" s="116">
        <v>539590</v>
      </c>
      <c r="AJ40" s="110">
        <v>0</v>
      </c>
      <c r="AK40" s="114">
        <v>0</v>
      </c>
      <c r="AL40" s="113">
        <v>0</v>
      </c>
      <c r="AM40" s="110">
        <v>0</v>
      </c>
      <c r="AN40" s="114">
        <v>0</v>
      </c>
      <c r="AO40" s="114">
        <v>0</v>
      </c>
      <c r="AP40" s="114">
        <v>0</v>
      </c>
      <c r="AQ40" s="114">
        <v>0</v>
      </c>
      <c r="AR40" s="114">
        <v>144272</v>
      </c>
      <c r="AS40" s="113">
        <v>144272</v>
      </c>
      <c r="AT40" s="116">
        <v>144272</v>
      </c>
      <c r="AU40" s="110">
        <v>0</v>
      </c>
      <c r="AV40" s="114">
        <v>0</v>
      </c>
      <c r="AW40" s="113">
        <v>0</v>
      </c>
      <c r="AX40" s="110">
        <v>0</v>
      </c>
      <c r="AY40" s="114">
        <v>41312</v>
      </c>
      <c r="AZ40" s="114">
        <v>34672</v>
      </c>
      <c r="BA40" s="114">
        <v>28224</v>
      </c>
      <c r="BB40" s="114">
        <v>21488</v>
      </c>
      <c r="BC40" s="114">
        <v>191496</v>
      </c>
      <c r="BD40" s="113">
        <v>317192</v>
      </c>
      <c r="BE40" s="116">
        <v>317192</v>
      </c>
      <c r="BF40" s="110">
        <v>20032</v>
      </c>
      <c r="BG40" s="114">
        <v>0</v>
      </c>
      <c r="BH40" s="112">
        <v>20032</v>
      </c>
      <c r="BI40" s="111">
        <v>0</v>
      </c>
      <c r="BJ40" s="114">
        <v>76200</v>
      </c>
      <c r="BK40" s="114">
        <v>0</v>
      </c>
      <c r="BL40" s="114">
        <v>8320</v>
      </c>
      <c r="BM40" s="114">
        <v>0</v>
      </c>
      <c r="BN40" s="114">
        <v>5008</v>
      </c>
      <c r="BO40" s="113">
        <v>89528</v>
      </c>
      <c r="BP40" s="116">
        <v>109560</v>
      </c>
      <c r="BQ40" s="110">
        <v>13200</v>
      </c>
      <c r="BR40" s="114">
        <v>9600</v>
      </c>
      <c r="BS40" s="113">
        <v>22800</v>
      </c>
      <c r="BT40" s="110">
        <v>0</v>
      </c>
      <c r="BU40" s="114">
        <v>111992</v>
      </c>
      <c r="BV40" s="114">
        <v>34456</v>
      </c>
      <c r="BW40" s="114">
        <v>9600</v>
      </c>
      <c r="BX40" s="114">
        <v>81472</v>
      </c>
      <c r="BY40" s="114">
        <v>56888</v>
      </c>
      <c r="BZ40" s="113">
        <v>294408</v>
      </c>
      <c r="CA40" s="116">
        <v>317208</v>
      </c>
      <c r="CB40" s="110">
        <v>20728</v>
      </c>
      <c r="CC40" s="114">
        <v>40545</v>
      </c>
      <c r="CD40" s="113">
        <v>61273</v>
      </c>
      <c r="CE40" s="110">
        <v>0</v>
      </c>
      <c r="CF40" s="114">
        <v>363344</v>
      </c>
      <c r="CG40" s="114">
        <v>299136</v>
      </c>
      <c r="CH40" s="114">
        <v>136112</v>
      </c>
      <c r="CI40" s="114">
        <v>0</v>
      </c>
      <c r="CJ40" s="114">
        <v>0</v>
      </c>
      <c r="CK40" s="113">
        <v>798592</v>
      </c>
      <c r="CL40" s="116">
        <v>859865</v>
      </c>
      <c r="CM40" s="110">
        <v>0</v>
      </c>
      <c r="CN40" s="114">
        <v>0</v>
      </c>
      <c r="CO40" s="113">
        <v>0</v>
      </c>
      <c r="CP40" s="111">
        <v>0</v>
      </c>
      <c r="CQ40" s="114">
        <v>291480</v>
      </c>
      <c r="CR40" s="114">
        <v>282848</v>
      </c>
      <c r="CS40" s="114">
        <v>136112</v>
      </c>
      <c r="CT40" s="114">
        <v>0</v>
      </c>
      <c r="CU40" s="114">
        <v>0</v>
      </c>
      <c r="CV40" s="113">
        <v>710440</v>
      </c>
      <c r="CW40" s="116">
        <v>710440</v>
      </c>
      <c r="CX40" s="110">
        <v>20728</v>
      </c>
      <c r="CY40" s="114">
        <v>40545</v>
      </c>
      <c r="CZ40" s="113">
        <v>61273</v>
      </c>
      <c r="DA40" s="110">
        <v>0</v>
      </c>
      <c r="DB40" s="114">
        <v>71864</v>
      </c>
      <c r="DC40" s="114">
        <v>16288</v>
      </c>
      <c r="DD40" s="114">
        <v>0</v>
      </c>
      <c r="DE40" s="114">
        <v>0</v>
      </c>
      <c r="DF40" s="114">
        <v>0</v>
      </c>
      <c r="DG40" s="113">
        <v>88152</v>
      </c>
      <c r="DH40" s="116">
        <v>149425</v>
      </c>
      <c r="DI40" s="110">
        <v>0</v>
      </c>
      <c r="DJ40" s="114">
        <v>0</v>
      </c>
      <c r="DK40" s="112">
        <v>0</v>
      </c>
      <c r="DL40" s="111">
        <v>0</v>
      </c>
      <c r="DM40" s="114">
        <v>102232</v>
      </c>
      <c r="DN40" s="114">
        <v>65144</v>
      </c>
      <c r="DO40" s="114">
        <v>0</v>
      </c>
      <c r="DP40" s="114">
        <v>0</v>
      </c>
      <c r="DQ40" s="114">
        <v>0</v>
      </c>
      <c r="DR40" s="113">
        <v>167376</v>
      </c>
      <c r="DS40" s="116">
        <v>167376</v>
      </c>
      <c r="DT40" s="110">
        <v>0</v>
      </c>
      <c r="DU40" s="114">
        <v>0</v>
      </c>
      <c r="DV40" s="113">
        <v>0</v>
      </c>
      <c r="DW40" s="110">
        <v>0</v>
      </c>
      <c r="DX40" s="114">
        <v>0</v>
      </c>
      <c r="DY40" s="114">
        <v>65144</v>
      </c>
      <c r="DZ40" s="114">
        <v>0</v>
      </c>
      <c r="EA40" s="114">
        <v>0</v>
      </c>
      <c r="EB40" s="114">
        <v>0</v>
      </c>
      <c r="EC40" s="113">
        <v>65144</v>
      </c>
      <c r="ED40" s="116">
        <v>65144</v>
      </c>
      <c r="EE40" s="110">
        <v>0</v>
      </c>
      <c r="EF40" s="112">
        <v>0</v>
      </c>
      <c r="EG40" s="113">
        <v>0</v>
      </c>
      <c r="EH40" s="110">
        <v>0</v>
      </c>
      <c r="EI40" s="114">
        <v>102232</v>
      </c>
      <c r="EJ40" s="114">
        <v>0</v>
      </c>
      <c r="EK40" s="114">
        <v>0</v>
      </c>
      <c r="EL40" s="114">
        <v>0</v>
      </c>
      <c r="EM40" s="114">
        <v>0</v>
      </c>
      <c r="EN40" s="112">
        <v>102232</v>
      </c>
      <c r="EO40" s="116">
        <v>102232</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5"/>
      <c r="FE40" s="114">
        <v>0</v>
      </c>
      <c r="FF40" s="114">
        <v>0</v>
      </c>
      <c r="FG40" s="114">
        <v>0</v>
      </c>
      <c r="FH40" s="114">
        <v>0</v>
      </c>
      <c r="FI40" s="114">
        <v>0</v>
      </c>
      <c r="FJ40" s="113">
        <v>0</v>
      </c>
      <c r="FK40" s="116">
        <v>0</v>
      </c>
      <c r="FL40" s="110">
        <v>0</v>
      </c>
      <c r="FM40" s="114">
        <v>0</v>
      </c>
      <c r="FN40" s="113">
        <v>0</v>
      </c>
      <c r="FO40" s="110">
        <v>0</v>
      </c>
      <c r="FP40" s="114">
        <v>46752</v>
      </c>
      <c r="FQ40" s="114">
        <v>222496</v>
      </c>
      <c r="FR40" s="114">
        <v>47600</v>
      </c>
      <c r="FS40" s="114">
        <v>26000</v>
      </c>
      <c r="FT40" s="114">
        <v>30000</v>
      </c>
      <c r="FU40" s="113">
        <v>372848</v>
      </c>
      <c r="FV40" s="116">
        <v>372848</v>
      </c>
      <c r="FW40" s="115">
        <v>0</v>
      </c>
      <c r="FX40" s="114">
        <v>0</v>
      </c>
      <c r="FY40" s="112">
        <v>0</v>
      </c>
      <c r="FZ40" s="111">
        <v>0</v>
      </c>
      <c r="GA40" s="114">
        <v>35488</v>
      </c>
      <c r="GB40" s="114">
        <v>62496</v>
      </c>
      <c r="GC40" s="114">
        <v>47600</v>
      </c>
      <c r="GD40" s="114">
        <v>26000</v>
      </c>
      <c r="GE40" s="114">
        <v>30000</v>
      </c>
      <c r="GF40" s="113">
        <v>201584</v>
      </c>
      <c r="GG40" s="316">
        <v>201584</v>
      </c>
      <c r="GH40" s="115">
        <v>0</v>
      </c>
      <c r="GI40" s="114">
        <v>0</v>
      </c>
      <c r="GJ40" s="112">
        <v>0</v>
      </c>
      <c r="GK40" s="111">
        <v>0</v>
      </c>
      <c r="GL40" s="114">
        <v>11264</v>
      </c>
      <c r="GM40" s="114">
        <v>0</v>
      </c>
      <c r="GN40" s="114">
        <v>0</v>
      </c>
      <c r="GO40" s="114">
        <v>0</v>
      </c>
      <c r="GP40" s="114">
        <v>0</v>
      </c>
      <c r="GQ40" s="113">
        <v>11264</v>
      </c>
      <c r="GR40" s="116">
        <v>11264</v>
      </c>
      <c r="GS40" s="110">
        <v>0</v>
      </c>
      <c r="GT40" s="114">
        <v>0</v>
      </c>
      <c r="GU40" s="113">
        <v>0</v>
      </c>
      <c r="GV40" s="110">
        <v>0</v>
      </c>
      <c r="GW40" s="114">
        <v>0</v>
      </c>
      <c r="GX40" s="114">
        <v>160000</v>
      </c>
      <c r="GY40" s="114">
        <v>0</v>
      </c>
      <c r="GZ40" s="114">
        <v>0</v>
      </c>
      <c r="HA40" s="114">
        <v>0</v>
      </c>
      <c r="HB40" s="112">
        <v>160000</v>
      </c>
      <c r="HC40" s="116">
        <v>160000</v>
      </c>
      <c r="HD40" s="110">
        <v>171056</v>
      </c>
      <c r="HE40" s="114">
        <v>86864</v>
      </c>
      <c r="HF40" s="112">
        <v>257920</v>
      </c>
      <c r="HG40" s="111">
        <v>0</v>
      </c>
      <c r="HH40" s="114">
        <v>801027</v>
      </c>
      <c r="HI40" s="114">
        <v>0</v>
      </c>
      <c r="HJ40" s="114">
        <v>0</v>
      </c>
      <c r="HK40" s="114">
        <v>805260</v>
      </c>
      <c r="HL40" s="114">
        <v>245461</v>
      </c>
      <c r="HM40" s="113">
        <v>1851748</v>
      </c>
      <c r="HN40" s="109">
        <v>2109668</v>
      </c>
      <c r="HO40" s="326"/>
      <c r="HP40" s="327"/>
      <c r="HQ40" s="328"/>
      <c r="HR40" s="329"/>
      <c r="HS40" s="327"/>
      <c r="HT40" s="327"/>
      <c r="HU40" s="327"/>
      <c r="HV40" s="327"/>
      <c r="HW40" s="327"/>
      <c r="HX40" s="330"/>
      <c r="HY40" s="331"/>
      <c r="HZ40" s="150">
        <v>0</v>
      </c>
      <c r="IA40" s="135">
        <v>0</v>
      </c>
      <c r="IB40" s="150">
        <v>0</v>
      </c>
      <c r="IC40" s="146">
        <v>0</v>
      </c>
      <c r="ID40" s="132">
        <v>0</v>
      </c>
      <c r="IE40" s="147">
        <v>406728</v>
      </c>
      <c r="IF40" s="133">
        <v>120344</v>
      </c>
      <c r="IG40" s="132">
        <v>0</v>
      </c>
      <c r="IH40" s="133">
        <v>0</v>
      </c>
      <c r="II40" s="148">
        <v>527072</v>
      </c>
      <c r="IJ40" s="150">
        <v>527072</v>
      </c>
      <c r="IK40" s="232">
        <v>0</v>
      </c>
      <c r="IL40" s="236">
        <v>0</v>
      </c>
      <c r="IM40" s="237">
        <v>0</v>
      </c>
      <c r="IN40" s="140"/>
      <c r="IO40" s="119">
        <v>0</v>
      </c>
      <c r="IP40" s="119">
        <v>0</v>
      </c>
      <c r="IQ40" s="119">
        <v>120344</v>
      </c>
      <c r="IR40" s="119">
        <v>0</v>
      </c>
      <c r="IS40" s="119">
        <v>0</v>
      </c>
      <c r="IT40" s="141">
        <v>120344</v>
      </c>
      <c r="IU40" s="318">
        <v>120344</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18">
        <v>0</v>
      </c>
      <c r="JR40" s="142">
        <v>0</v>
      </c>
      <c r="JS40" s="119">
        <v>0</v>
      </c>
      <c r="JT40" s="141">
        <v>0</v>
      </c>
      <c r="JU40" s="118">
        <v>0</v>
      </c>
      <c r="JV40" s="119">
        <v>0</v>
      </c>
      <c r="JW40" s="119">
        <v>0</v>
      </c>
      <c r="JX40" s="119">
        <v>0</v>
      </c>
      <c r="JY40" s="119">
        <v>0</v>
      </c>
      <c r="JZ40" s="119">
        <v>0</v>
      </c>
      <c r="KA40" s="120">
        <v>0</v>
      </c>
      <c r="KB40" s="318">
        <v>0</v>
      </c>
      <c r="KC40" s="234">
        <v>0</v>
      </c>
      <c r="KD40" s="230">
        <v>0</v>
      </c>
      <c r="KE40" s="120">
        <v>0</v>
      </c>
      <c r="KF40" s="118">
        <v>0</v>
      </c>
      <c r="KG40" s="119">
        <v>0</v>
      </c>
      <c r="KH40" s="119">
        <v>169720</v>
      </c>
      <c r="KI40" s="119">
        <v>0</v>
      </c>
      <c r="KJ40" s="119">
        <v>0</v>
      </c>
      <c r="KK40" s="119">
        <v>0</v>
      </c>
      <c r="KL40" s="120">
        <v>169720</v>
      </c>
      <c r="KM40" s="143">
        <v>169720</v>
      </c>
      <c r="KN40" s="232">
        <v>0</v>
      </c>
      <c r="KO40" s="236">
        <v>0</v>
      </c>
      <c r="KP40" s="237">
        <v>0</v>
      </c>
      <c r="KQ40" s="140"/>
      <c r="KR40" s="119">
        <v>0</v>
      </c>
      <c r="KS40" s="119">
        <v>237008</v>
      </c>
      <c r="KT40" s="119">
        <v>0</v>
      </c>
      <c r="KU40" s="119">
        <v>0</v>
      </c>
      <c r="KV40" s="119">
        <v>0</v>
      </c>
      <c r="KW40" s="120">
        <v>237008</v>
      </c>
      <c r="KX40" s="318">
        <v>237008</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18">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270904</v>
      </c>
      <c r="MK40" s="119">
        <v>479824</v>
      </c>
      <c r="ML40" s="119">
        <v>632697</v>
      </c>
      <c r="MM40" s="119">
        <v>265080</v>
      </c>
      <c r="MN40" s="119">
        <v>615848</v>
      </c>
      <c r="MO40" s="120">
        <v>2264353</v>
      </c>
      <c r="MP40" s="143">
        <v>2264353</v>
      </c>
      <c r="MQ40" s="142">
        <v>0</v>
      </c>
      <c r="MR40" s="119">
        <v>0</v>
      </c>
      <c r="MS40" s="120">
        <v>0</v>
      </c>
      <c r="MT40" s="145"/>
      <c r="MU40" s="119">
        <v>0</v>
      </c>
      <c r="MV40" s="119">
        <v>0</v>
      </c>
      <c r="MW40" s="119">
        <v>0</v>
      </c>
      <c r="MX40" s="119">
        <v>265080</v>
      </c>
      <c r="MY40" s="119">
        <v>615848</v>
      </c>
      <c r="MZ40" s="120">
        <v>880928</v>
      </c>
      <c r="NA40" s="143">
        <v>880928</v>
      </c>
      <c r="NB40" s="142">
        <v>0</v>
      </c>
      <c r="NC40" s="119">
        <v>0</v>
      </c>
      <c r="ND40" s="120">
        <v>0</v>
      </c>
      <c r="NE40" s="145"/>
      <c r="NF40" s="119">
        <v>270904</v>
      </c>
      <c r="NG40" s="119">
        <v>479824</v>
      </c>
      <c r="NH40" s="119">
        <v>632697</v>
      </c>
      <c r="NI40" s="119">
        <v>0</v>
      </c>
      <c r="NJ40" s="119">
        <v>0</v>
      </c>
      <c r="NK40" s="120">
        <v>1383425</v>
      </c>
      <c r="NL40" s="318">
        <v>1383425</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25016</v>
      </c>
      <c r="OJ40" s="119">
        <v>137009</v>
      </c>
      <c r="OK40" s="141">
        <v>362025</v>
      </c>
      <c r="OL40" s="118">
        <v>0</v>
      </c>
      <c r="OM40" s="119">
        <v>2097274</v>
      </c>
      <c r="ON40" s="119">
        <v>1586128</v>
      </c>
      <c r="OO40" s="119">
        <v>982897</v>
      </c>
      <c r="OP40" s="119">
        <v>1199300</v>
      </c>
      <c r="OQ40" s="119">
        <v>1501380</v>
      </c>
      <c r="OR40" s="120">
        <v>7366979</v>
      </c>
      <c r="OS40" s="143">
        <v>7729004</v>
      </c>
    </row>
    <row r="41" spans="2:409" ht="21" customHeight="1" x14ac:dyDescent="0.2">
      <c r="B41" s="126" t="s">
        <v>36</v>
      </c>
      <c r="C41" s="110">
        <v>0</v>
      </c>
      <c r="D41" s="114">
        <v>115027</v>
      </c>
      <c r="E41" s="113">
        <v>115027</v>
      </c>
      <c r="F41" s="109">
        <v>0</v>
      </c>
      <c r="G41" s="114">
        <v>466084</v>
      </c>
      <c r="H41" s="114">
        <v>499628</v>
      </c>
      <c r="I41" s="114">
        <v>430318</v>
      </c>
      <c r="J41" s="114">
        <v>397109</v>
      </c>
      <c r="K41" s="114">
        <v>998883</v>
      </c>
      <c r="L41" s="173">
        <v>2792022</v>
      </c>
      <c r="M41" s="116">
        <v>2907049</v>
      </c>
      <c r="N41" s="110">
        <v>0</v>
      </c>
      <c r="O41" s="114">
        <v>20931</v>
      </c>
      <c r="P41" s="113">
        <v>20931</v>
      </c>
      <c r="Q41" s="110">
        <v>0</v>
      </c>
      <c r="R41" s="114">
        <v>149069</v>
      </c>
      <c r="S41" s="114">
        <v>206480</v>
      </c>
      <c r="T41" s="114">
        <v>59950</v>
      </c>
      <c r="U41" s="114">
        <v>304063</v>
      </c>
      <c r="V41" s="114">
        <v>703760</v>
      </c>
      <c r="W41" s="113">
        <v>1423322</v>
      </c>
      <c r="X41" s="116">
        <v>1444253</v>
      </c>
      <c r="Y41" s="110">
        <v>0</v>
      </c>
      <c r="Z41" s="114">
        <v>0</v>
      </c>
      <c r="AA41" s="113">
        <v>0</v>
      </c>
      <c r="AB41" s="110">
        <v>0</v>
      </c>
      <c r="AC41" s="114">
        <v>43429</v>
      </c>
      <c r="AD41" s="114">
        <v>157544</v>
      </c>
      <c r="AE41" s="114">
        <v>44582</v>
      </c>
      <c r="AF41" s="114">
        <v>232825</v>
      </c>
      <c r="AG41" s="114">
        <v>536900</v>
      </c>
      <c r="AH41" s="113">
        <v>1015280</v>
      </c>
      <c r="AI41" s="116">
        <v>1015280</v>
      </c>
      <c r="AJ41" s="110">
        <v>0</v>
      </c>
      <c r="AK41" s="114">
        <v>0</v>
      </c>
      <c r="AL41" s="113">
        <v>0</v>
      </c>
      <c r="AM41" s="110">
        <v>0</v>
      </c>
      <c r="AN41" s="114">
        <v>0</v>
      </c>
      <c r="AO41" s="114">
        <v>0</v>
      </c>
      <c r="AP41" s="114">
        <v>0</v>
      </c>
      <c r="AQ41" s="114">
        <v>43142</v>
      </c>
      <c r="AR41" s="114">
        <v>0</v>
      </c>
      <c r="AS41" s="113">
        <v>43142</v>
      </c>
      <c r="AT41" s="116">
        <v>43142</v>
      </c>
      <c r="AU41" s="110">
        <v>0</v>
      </c>
      <c r="AV41" s="114">
        <v>0</v>
      </c>
      <c r="AW41" s="113">
        <v>0</v>
      </c>
      <c r="AX41" s="110">
        <v>0</v>
      </c>
      <c r="AY41" s="114">
        <v>90152</v>
      </c>
      <c r="AZ41" s="114">
        <v>0</v>
      </c>
      <c r="BA41" s="114">
        <v>0</v>
      </c>
      <c r="BB41" s="114">
        <v>0</v>
      </c>
      <c r="BC41" s="114">
        <v>116116</v>
      </c>
      <c r="BD41" s="113">
        <v>206268</v>
      </c>
      <c r="BE41" s="116">
        <v>206268</v>
      </c>
      <c r="BF41" s="110">
        <v>0</v>
      </c>
      <c r="BG41" s="114">
        <v>20931</v>
      </c>
      <c r="BH41" s="112">
        <v>20931</v>
      </c>
      <c r="BI41" s="111">
        <v>0</v>
      </c>
      <c r="BJ41" s="114">
        <v>0</v>
      </c>
      <c r="BK41" s="114">
        <v>27416</v>
      </c>
      <c r="BL41" s="114">
        <v>0</v>
      </c>
      <c r="BM41" s="114">
        <v>0</v>
      </c>
      <c r="BN41" s="114">
        <v>0</v>
      </c>
      <c r="BO41" s="113">
        <v>27416</v>
      </c>
      <c r="BP41" s="116">
        <v>48347</v>
      </c>
      <c r="BQ41" s="110">
        <v>0</v>
      </c>
      <c r="BR41" s="114">
        <v>0</v>
      </c>
      <c r="BS41" s="113">
        <v>0</v>
      </c>
      <c r="BT41" s="110">
        <v>0</v>
      </c>
      <c r="BU41" s="114">
        <v>15488</v>
      </c>
      <c r="BV41" s="114">
        <v>21520</v>
      </c>
      <c r="BW41" s="114">
        <v>15368</v>
      </c>
      <c r="BX41" s="114">
        <v>28096</v>
      </c>
      <c r="BY41" s="114">
        <v>50744</v>
      </c>
      <c r="BZ41" s="113">
        <v>131216</v>
      </c>
      <c r="CA41" s="116">
        <v>131216</v>
      </c>
      <c r="CB41" s="110">
        <v>0</v>
      </c>
      <c r="CC41" s="114">
        <v>37296</v>
      </c>
      <c r="CD41" s="113">
        <v>37296</v>
      </c>
      <c r="CE41" s="110">
        <v>0</v>
      </c>
      <c r="CF41" s="114">
        <v>140383</v>
      </c>
      <c r="CG41" s="114">
        <v>43513</v>
      </c>
      <c r="CH41" s="114">
        <v>159680</v>
      </c>
      <c r="CI41" s="114">
        <v>53222</v>
      </c>
      <c r="CJ41" s="114">
        <v>58736</v>
      </c>
      <c r="CK41" s="113">
        <v>455534</v>
      </c>
      <c r="CL41" s="116">
        <v>492830</v>
      </c>
      <c r="CM41" s="110">
        <v>0</v>
      </c>
      <c r="CN41" s="114">
        <v>0</v>
      </c>
      <c r="CO41" s="113">
        <v>0</v>
      </c>
      <c r="CP41" s="111">
        <v>0</v>
      </c>
      <c r="CQ41" s="114">
        <v>119444</v>
      </c>
      <c r="CR41" s="114">
        <v>43513</v>
      </c>
      <c r="CS41" s="114">
        <v>113680</v>
      </c>
      <c r="CT41" s="114">
        <v>0</v>
      </c>
      <c r="CU41" s="114">
        <v>58736</v>
      </c>
      <c r="CV41" s="113">
        <v>335373</v>
      </c>
      <c r="CW41" s="116">
        <v>335373</v>
      </c>
      <c r="CX41" s="110">
        <v>0</v>
      </c>
      <c r="CY41" s="114">
        <v>37296</v>
      </c>
      <c r="CZ41" s="113">
        <v>37296</v>
      </c>
      <c r="DA41" s="110">
        <v>0</v>
      </c>
      <c r="DB41" s="114">
        <v>20939</v>
      </c>
      <c r="DC41" s="114">
        <v>0</v>
      </c>
      <c r="DD41" s="114">
        <v>46000</v>
      </c>
      <c r="DE41" s="114">
        <v>53222</v>
      </c>
      <c r="DF41" s="114">
        <v>0</v>
      </c>
      <c r="DG41" s="113">
        <v>120161</v>
      </c>
      <c r="DH41" s="116">
        <v>157457</v>
      </c>
      <c r="DI41" s="110">
        <v>0</v>
      </c>
      <c r="DJ41" s="114">
        <v>0</v>
      </c>
      <c r="DK41" s="112">
        <v>0</v>
      </c>
      <c r="DL41" s="111">
        <v>0</v>
      </c>
      <c r="DM41" s="114">
        <v>0</v>
      </c>
      <c r="DN41" s="114">
        <v>16483</v>
      </c>
      <c r="DO41" s="114">
        <v>9080</v>
      </c>
      <c r="DP41" s="114">
        <v>0</v>
      </c>
      <c r="DQ41" s="114">
        <v>0</v>
      </c>
      <c r="DR41" s="113">
        <v>25563</v>
      </c>
      <c r="DS41" s="116">
        <v>25563</v>
      </c>
      <c r="DT41" s="110">
        <v>0</v>
      </c>
      <c r="DU41" s="114">
        <v>0</v>
      </c>
      <c r="DV41" s="113">
        <v>0</v>
      </c>
      <c r="DW41" s="110">
        <v>0</v>
      </c>
      <c r="DX41" s="114">
        <v>0</v>
      </c>
      <c r="DY41" s="114">
        <v>16483</v>
      </c>
      <c r="DZ41" s="114">
        <v>9080</v>
      </c>
      <c r="EA41" s="114">
        <v>0</v>
      </c>
      <c r="EB41" s="114">
        <v>0</v>
      </c>
      <c r="EC41" s="113">
        <v>25563</v>
      </c>
      <c r="ED41" s="116">
        <v>25563</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5"/>
      <c r="FE41" s="114">
        <v>0</v>
      </c>
      <c r="FF41" s="114">
        <v>0</v>
      </c>
      <c r="FG41" s="114">
        <v>0</v>
      </c>
      <c r="FH41" s="114">
        <v>0</v>
      </c>
      <c r="FI41" s="114">
        <v>0</v>
      </c>
      <c r="FJ41" s="113">
        <v>0</v>
      </c>
      <c r="FK41" s="116">
        <v>0</v>
      </c>
      <c r="FL41" s="110">
        <v>0</v>
      </c>
      <c r="FM41" s="114">
        <v>56800</v>
      </c>
      <c r="FN41" s="113">
        <v>56800</v>
      </c>
      <c r="FO41" s="110">
        <v>0</v>
      </c>
      <c r="FP41" s="114">
        <v>13760</v>
      </c>
      <c r="FQ41" s="114">
        <v>58160</v>
      </c>
      <c r="FR41" s="114">
        <v>0</v>
      </c>
      <c r="FS41" s="114">
        <v>39824</v>
      </c>
      <c r="FT41" s="114">
        <v>0</v>
      </c>
      <c r="FU41" s="113">
        <v>111744</v>
      </c>
      <c r="FV41" s="116">
        <v>168544</v>
      </c>
      <c r="FW41" s="115">
        <v>0</v>
      </c>
      <c r="FX41" s="114">
        <v>56800</v>
      </c>
      <c r="FY41" s="112">
        <v>56800</v>
      </c>
      <c r="FZ41" s="111">
        <v>0</v>
      </c>
      <c r="GA41" s="114">
        <v>13760</v>
      </c>
      <c r="GB41" s="114">
        <v>58160</v>
      </c>
      <c r="GC41" s="114">
        <v>0</v>
      </c>
      <c r="GD41" s="114">
        <v>39824</v>
      </c>
      <c r="GE41" s="114">
        <v>0</v>
      </c>
      <c r="GF41" s="113">
        <v>111744</v>
      </c>
      <c r="GG41" s="316">
        <v>168544</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162872</v>
      </c>
      <c r="HI41" s="114">
        <v>174992</v>
      </c>
      <c r="HJ41" s="114">
        <v>201608</v>
      </c>
      <c r="HK41" s="114">
        <v>0</v>
      </c>
      <c r="HL41" s="114">
        <v>236387</v>
      </c>
      <c r="HM41" s="113">
        <v>775859</v>
      </c>
      <c r="HN41" s="109">
        <v>775859</v>
      </c>
      <c r="HO41" s="326"/>
      <c r="HP41" s="327"/>
      <c r="HQ41" s="328"/>
      <c r="HR41" s="329"/>
      <c r="HS41" s="327"/>
      <c r="HT41" s="327"/>
      <c r="HU41" s="327"/>
      <c r="HV41" s="327"/>
      <c r="HW41" s="327"/>
      <c r="HX41" s="330"/>
      <c r="HY41" s="331"/>
      <c r="HZ41" s="131">
        <v>0</v>
      </c>
      <c r="IA41" s="132">
        <v>0</v>
      </c>
      <c r="IB41" s="133">
        <v>0</v>
      </c>
      <c r="IC41" s="146">
        <v>0</v>
      </c>
      <c r="ID41" s="132">
        <v>71924</v>
      </c>
      <c r="IE41" s="147">
        <v>289087</v>
      </c>
      <c r="IF41" s="133">
        <v>82580</v>
      </c>
      <c r="IG41" s="132">
        <v>391606</v>
      </c>
      <c r="IH41" s="133">
        <v>0</v>
      </c>
      <c r="II41" s="148">
        <v>835197</v>
      </c>
      <c r="IJ41" s="139">
        <v>835197</v>
      </c>
      <c r="IK41" s="232">
        <v>0</v>
      </c>
      <c r="IL41" s="236">
        <v>0</v>
      </c>
      <c r="IM41" s="237">
        <v>0</v>
      </c>
      <c r="IN41" s="140"/>
      <c r="IO41" s="119">
        <v>0</v>
      </c>
      <c r="IP41" s="119">
        <v>0</v>
      </c>
      <c r="IQ41" s="119">
        <v>0</v>
      </c>
      <c r="IR41" s="119">
        <v>0</v>
      </c>
      <c r="IS41" s="119">
        <v>0</v>
      </c>
      <c r="IT41" s="141">
        <v>0</v>
      </c>
      <c r="IU41" s="318">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71924</v>
      </c>
      <c r="JL41" s="119">
        <v>41415</v>
      </c>
      <c r="JM41" s="119">
        <v>82580</v>
      </c>
      <c r="JN41" s="119">
        <v>131945</v>
      </c>
      <c r="JO41" s="119">
        <v>0</v>
      </c>
      <c r="JP41" s="120">
        <v>327864</v>
      </c>
      <c r="JQ41" s="318">
        <v>327864</v>
      </c>
      <c r="JR41" s="142">
        <v>0</v>
      </c>
      <c r="JS41" s="119">
        <v>0</v>
      </c>
      <c r="JT41" s="141">
        <v>0</v>
      </c>
      <c r="JU41" s="118">
        <v>0</v>
      </c>
      <c r="JV41" s="119">
        <v>0</v>
      </c>
      <c r="JW41" s="119">
        <v>0</v>
      </c>
      <c r="JX41" s="119">
        <v>0</v>
      </c>
      <c r="JY41" s="119">
        <v>0</v>
      </c>
      <c r="JZ41" s="119">
        <v>0</v>
      </c>
      <c r="KA41" s="120">
        <v>0</v>
      </c>
      <c r="KB41" s="318">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47672</v>
      </c>
      <c r="KT41" s="119">
        <v>0</v>
      </c>
      <c r="KU41" s="119">
        <v>259661</v>
      </c>
      <c r="KV41" s="119">
        <v>0</v>
      </c>
      <c r="KW41" s="120">
        <v>507333</v>
      </c>
      <c r="KX41" s="318">
        <v>507333</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18">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0</v>
      </c>
      <c r="MK41" s="119">
        <v>293136</v>
      </c>
      <c r="ML41" s="119">
        <v>416033</v>
      </c>
      <c r="MM41" s="119">
        <v>529927</v>
      </c>
      <c r="MN41" s="119">
        <v>584798</v>
      </c>
      <c r="MO41" s="120">
        <v>1823894</v>
      </c>
      <c r="MP41" s="143">
        <v>1823894</v>
      </c>
      <c r="MQ41" s="142">
        <v>0</v>
      </c>
      <c r="MR41" s="119">
        <v>0</v>
      </c>
      <c r="MS41" s="120">
        <v>0</v>
      </c>
      <c r="MT41" s="145"/>
      <c r="MU41" s="119">
        <v>0</v>
      </c>
      <c r="MV41" s="119">
        <v>0</v>
      </c>
      <c r="MW41" s="119">
        <v>0</v>
      </c>
      <c r="MX41" s="119">
        <v>529927</v>
      </c>
      <c r="MY41" s="119">
        <v>584798</v>
      </c>
      <c r="MZ41" s="120">
        <v>1114725</v>
      </c>
      <c r="NA41" s="143">
        <v>1114725</v>
      </c>
      <c r="NB41" s="142">
        <v>0</v>
      </c>
      <c r="NC41" s="119">
        <v>0</v>
      </c>
      <c r="ND41" s="120">
        <v>0</v>
      </c>
      <c r="NE41" s="145"/>
      <c r="NF41" s="119">
        <v>0</v>
      </c>
      <c r="NG41" s="119">
        <v>293136</v>
      </c>
      <c r="NH41" s="119">
        <v>416033</v>
      </c>
      <c r="NI41" s="119">
        <v>0</v>
      </c>
      <c r="NJ41" s="119">
        <v>0</v>
      </c>
      <c r="NK41" s="120">
        <v>709169</v>
      </c>
      <c r="NL41" s="318">
        <v>709169</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115027</v>
      </c>
      <c r="OK41" s="141">
        <v>115027</v>
      </c>
      <c r="OL41" s="118">
        <v>0</v>
      </c>
      <c r="OM41" s="119">
        <v>538008</v>
      </c>
      <c r="ON41" s="119">
        <v>1081851</v>
      </c>
      <c r="OO41" s="119">
        <v>928931</v>
      </c>
      <c r="OP41" s="119">
        <v>1318642</v>
      </c>
      <c r="OQ41" s="119">
        <v>1583681</v>
      </c>
      <c r="OR41" s="120">
        <v>5451113</v>
      </c>
      <c r="OS41" s="143">
        <v>5566140</v>
      </c>
    </row>
    <row r="42" spans="2:409" ht="21" customHeight="1" thickBot="1" x14ac:dyDescent="0.25">
      <c r="B42" s="127" t="s">
        <v>37</v>
      </c>
      <c r="C42" s="117">
        <v>0</v>
      </c>
      <c r="D42" s="178">
        <v>37972</v>
      </c>
      <c r="E42" s="179">
        <v>37972</v>
      </c>
      <c r="F42" s="180">
        <v>0</v>
      </c>
      <c r="G42" s="178">
        <v>31902</v>
      </c>
      <c r="H42" s="178">
        <v>98251</v>
      </c>
      <c r="I42" s="178">
        <v>0</v>
      </c>
      <c r="J42" s="178">
        <v>235024</v>
      </c>
      <c r="K42" s="178">
        <v>0</v>
      </c>
      <c r="L42" s="180">
        <v>365177</v>
      </c>
      <c r="M42" s="181">
        <v>403149</v>
      </c>
      <c r="N42" s="117">
        <v>0</v>
      </c>
      <c r="O42" s="178">
        <v>0</v>
      </c>
      <c r="P42" s="179">
        <v>0</v>
      </c>
      <c r="Q42" s="117">
        <v>0</v>
      </c>
      <c r="R42" s="178">
        <v>31902</v>
      </c>
      <c r="S42" s="178">
        <v>0</v>
      </c>
      <c r="T42" s="178">
        <v>0</v>
      </c>
      <c r="U42" s="178">
        <v>12976</v>
      </c>
      <c r="V42" s="178">
        <v>0</v>
      </c>
      <c r="W42" s="179">
        <v>44878</v>
      </c>
      <c r="X42" s="181">
        <v>44878</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31902</v>
      </c>
      <c r="AZ42" s="178">
        <v>0</v>
      </c>
      <c r="BA42" s="178">
        <v>0</v>
      </c>
      <c r="BB42" s="178">
        <v>0</v>
      </c>
      <c r="BC42" s="178">
        <v>0</v>
      </c>
      <c r="BD42" s="179">
        <v>31902</v>
      </c>
      <c r="BE42" s="181">
        <v>31902</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12976</v>
      </c>
      <c r="BY42" s="178">
        <v>0</v>
      </c>
      <c r="BZ42" s="179">
        <v>12976</v>
      </c>
      <c r="CA42" s="181">
        <v>12976</v>
      </c>
      <c r="CB42" s="117">
        <v>0</v>
      </c>
      <c r="CC42" s="178">
        <v>36772</v>
      </c>
      <c r="CD42" s="179">
        <v>36772</v>
      </c>
      <c r="CE42" s="117">
        <v>0</v>
      </c>
      <c r="CF42" s="178">
        <v>0</v>
      </c>
      <c r="CG42" s="178">
        <v>79243</v>
      </c>
      <c r="CH42" s="178">
        <v>0</v>
      </c>
      <c r="CI42" s="178">
        <v>0</v>
      </c>
      <c r="CJ42" s="178">
        <v>0</v>
      </c>
      <c r="CK42" s="179">
        <v>79243</v>
      </c>
      <c r="CL42" s="181">
        <v>116015</v>
      </c>
      <c r="CM42" s="117">
        <v>0</v>
      </c>
      <c r="CN42" s="178">
        <v>0</v>
      </c>
      <c r="CO42" s="179">
        <v>0</v>
      </c>
      <c r="CP42" s="182">
        <v>0</v>
      </c>
      <c r="CQ42" s="178">
        <v>0</v>
      </c>
      <c r="CR42" s="178">
        <v>79243</v>
      </c>
      <c r="CS42" s="178">
        <v>0</v>
      </c>
      <c r="CT42" s="178">
        <v>0</v>
      </c>
      <c r="CU42" s="178">
        <v>0</v>
      </c>
      <c r="CV42" s="179">
        <v>79243</v>
      </c>
      <c r="CW42" s="181">
        <v>79243</v>
      </c>
      <c r="CX42" s="117">
        <v>0</v>
      </c>
      <c r="CY42" s="178">
        <v>36772</v>
      </c>
      <c r="CZ42" s="179">
        <v>36772</v>
      </c>
      <c r="DA42" s="117">
        <v>0</v>
      </c>
      <c r="DB42" s="178">
        <v>0</v>
      </c>
      <c r="DC42" s="178">
        <v>0</v>
      </c>
      <c r="DD42" s="178">
        <v>0</v>
      </c>
      <c r="DE42" s="178">
        <v>0</v>
      </c>
      <c r="DF42" s="178">
        <v>0</v>
      </c>
      <c r="DG42" s="179">
        <v>0</v>
      </c>
      <c r="DH42" s="181">
        <v>36772</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6"/>
      <c r="FE42" s="178">
        <v>0</v>
      </c>
      <c r="FF42" s="178">
        <v>0</v>
      </c>
      <c r="FG42" s="178">
        <v>0</v>
      </c>
      <c r="FH42" s="178">
        <v>0</v>
      </c>
      <c r="FI42" s="178">
        <v>0</v>
      </c>
      <c r="FJ42" s="179">
        <v>0</v>
      </c>
      <c r="FK42" s="181">
        <v>0</v>
      </c>
      <c r="FL42" s="117">
        <v>0</v>
      </c>
      <c r="FM42" s="178">
        <v>1200</v>
      </c>
      <c r="FN42" s="179">
        <v>1200</v>
      </c>
      <c r="FO42" s="117">
        <v>0</v>
      </c>
      <c r="FP42" s="178">
        <v>0</v>
      </c>
      <c r="FQ42" s="178">
        <v>19008</v>
      </c>
      <c r="FR42" s="178">
        <v>0</v>
      </c>
      <c r="FS42" s="178">
        <v>0</v>
      </c>
      <c r="FT42" s="178">
        <v>0</v>
      </c>
      <c r="FU42" s="179">
        <v>19008</v>
      </c>
      <c r="FV42" s="181">
        <v>20208</v>
      </c>
      <c r="FW42" s="184">
        <v>0</v>
      </c>
      <c r="FX42" s="178">
        <v>1200</v>
      </c>
      <c r="FY42" s="183">
        <v>1200</v>
      </c>
      <c r="FZ42" s="182">
        <v>0</v>
      </c>
      <c r="GA42" s="178">
        <v>0</v>
      </c>
      <c r="GB42" s="178">
        <v>19008</v>
      </c>
      <c r="GC42" s="178">
        <v>0</v>
      </c>
      <c r="GD42" s="178">
        <v>0</v>
      </c>
      <c r="GE42" s="178">
        <v>0</v>
      </c>
      <c r="GF42" s="179">
        <v>19008</v>
      </c>
      <c r="GG42" s="317">
        <v>20208</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222048</v>
      </c>
      <c r="HL42" s="178">
        <v>0</v>
      </c>
      <c r="HM42" s="179">
        <v>222048</v>
      </c>
      <c r="HN42" s="180">
        <v>222048</v>
      </c>
      <c r="HO42" s="332"/>
      <c r="HP42" s="333"/>
      <c r="HQ42" s="334"/>
      <c r="HR42" s="335"/>
      <c r="HS42" s="333"/>
      <c r="HT42" s="333"/>
      <c r="HU42" s="333"/>
      <c r="HV42" s="333"/>
      <c r="HW42" s="333"/>
      <c r="HX42" s="336"/>
      <c r="HY42" s="337"/>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19">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19">
        <v>0</v>
      </c>
      <c r="JR42" s="163">
        <v>0</v>
      </c>
      <c r="JS42" s="161">
        <v>0</v>
      </c>
      <c r="JT42" s="162">
        <v>0</v>
      </c>
      <c r="JU42" s="164">
        <v>0</v>
      </c>
      <c r="JV42" s="161">
        <v>0</v>
      </c>
      <c r="JW42" s="161">
        <v>0</v>
      </c>
      <c r="JX42" s="161">
        <v>0</v>
      </c>
      <c r="JY42" s="161">
        <v>0</v>
      </c>
      <c r="JZ42" s="161">
        <v>0</v>
      </c>
      <c r="KA42" s="165">
        <v>0</v>
      </c>
      <c r="KB42" s="319">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19">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19">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33548</v>
      </c>
      <c r="MM42" s="161">
        <v>-3365</v>
      </c>
      <c r="MN42" s="161">
        <v>-11762</v>
      </c>
      <c r="MO42" s="165">
        <v>218421</v>
      </c>
      <c r="MP42" s="167">
        <v>218421</v>
      </c>
      <c r="MQ42" s="163">
        <v>0</v>
      </c>
      <c r="MR42" s="161">
        <v>0</v>
      </c>
      <c r="MS42" s="165">
        <v>0</v>
      </c>
      <c r="MT42" s="169"/>
      <c r="MU42" s="161">
        <v>0</v>
      </c>
      <c r="MV42" s="161">
        <v>0</v>
      </c>
      <c r="MW42" s="161">
        <v>233548</v>
      </c>
      <c r="MX42" s="161">
        <v>-3365</v>
      </c>
      <c r="MY42" s="161">
        <v>-11762</v>
      </c>
      <c r="MZ42" s="165">
        <v>218421</v>
      </c>
      <c r="NA42" s="167">
        <v>218421</v>
      </c>
      <c r="NB42" s="163">
        <v>0</v>
      </c>
      <c r="NC42" s="161">
        <v>0</v>
      </c>
      <c r="ND42" s="165">
        <v>0</v>
      </c>
      <c r="NE42" s="169"/>
      <c r="NF42" s="161">
        <v>0</v>
      </c>
      <c r="NG42" s="161">
        <v>0</v>
      </c>
      <c r="NH42" s="161">
        <v>0</v>
      </c>
      <c r="NI42" s="161">
        <v>0</v>
      </c>
      <c r="NJ42" s="161">
        <v>0</v>
      </c>
      <c r="NK42" s="165">
        <v>0</v>
      </c>
      <c r="NL42" s="319">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37972</v>
      </c>
      <c r="OK42" s="162">
        <v>37972</v>
      </c>
      <c r="OL42" s="164">
        <v>0</v>
      </c>
      <c r="OM42" s="161">
        <v>31902</v>
      </c>
      <c r="ON42" s="161">
        <v>98251</v>
      </c>
      <c r="OO42" s="161">
        <v>233548</v>
      </c>
      <c r="OP42" s="161">
        <v>231659</v>
      </c>
      <c r="OQ42" s="161">
        <v>-11762</v>
      </c>
      <c r="OR42" s="165">
        <v>583598</v>
      </c>
      <c r="OS42" s="167">
        <v>621570</v>
      </c>
    </row>
    <row r="43" spans="2:409" x14ac:dyDescent="0.2">
      <c r="B43" s="44"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10.6640625" style="44" customWidth="1"/>
    <col min="3" max="3" width="8.21875" style="44" customWidth="1"/>
    <col min="4" max="5" width="10" style="44" customWidth="1"/>
    <col min="6" max="6" width="7.777343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2" customWidth="1"/>
    <col min="83" max="83" width="7.6640625" style="322" customWidth="1"/>
    <col min="84" max="84" width="9.88671875" style="322" customWidth="1"/>
    <col min="85" max="85" width="10" style="322" customWidth="1"/>
    <col min="86" max="86" width="9.77734375" style="322" customWidth="1"/>
    <col min="87" max="87" width="9.21875" style="322" customWidth="1"/>
    <col min="88" max="88" width="8.77734375" style="322" customWidth="1"/>
    <col min="89" max="89" width="9.88671875" style="322" customWidth="1"/>
    <col min="90" max="90" width="9.77734375" style="322"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2" customWidth="1"/>
    <col min="116" max="116" width="7.21875" style="322" customWidth="1"/>
    <col min="117" max="121" width="8.21875" style="322" customWidth="1"/>
    <col min="122" max="122" width="10.109375" style="322" customWidth="1"/>
    <col min="123" max="123" width="9.77734375" style="322"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2" customWidth="1"/>
    <col min="171" max="171" width="6.6640625" style="322" customWidth="1"/>
    <col min="172" max="176" width="8.21875" style="322" customWidth="1"/>
    <col min="177" max="177" width="10.109375" style="322" customWidth="1"/>
    <col min="178" max="178" width="9.88671875" style="322"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2:409" ht="24" customHeight="1" x14ac:dyDescent="0.2">
      <c r="B1" s="20" t="s">
        <v>135</v>
      </c>
      <c r="E1" s="496">
        <f>第１表!F2</f>
        <v>5</v>
      </c>
      <c r="F1" s="246">
        <f>第１表!G2</f>
        <v>7</v>
      </c>
      <c r="G1" s="726">
        <f>IF(F1&lt;3,F1-2+12,F1-2)</f>
        <v>5</v>
      </c>
      <c r="H1" s="726"/>
      <c r="IB1" s="365"/>
      <c r="IC1" s="252"/>
      <c r="ID1" s="642"/>
      <c r="IE1" s="642"/>
    </row>
    <row r="2" spans="2:409" ht="24" customHeight="1" x14ac:dyDescent="0.2">
      <c r="B2" s="20" t="s">
        <v>146</v>
      </c>
      <c r="E2" s="249"/>
      <c r="F2" s="250"/>
      <c r="G2" s="352"/>
      <c r="H2" s="352"/>
      <c r="IB2" s="251"/>
      <c r="IC2" s="252"/>
      <c r="ID2" s="368"/>
      <c r="IE2" s="368"/>
    </row>
    <row r="3" spans="2:409" ht="24" customHeight="1" thickBot="1" x14ac:dyDescent="0.25">
      <c r="B3" s="20" t="s">
        <v>155</v>
      </c>
    </row>
    <row r="4" spans="2:409" ht="21" customHeight="1" thickBot="1" x14ac:dyDescent="0.25">
      <c r="B4" s="679" t="s">
        <v>42</v>
      </c>
      <c r="C4" s="682" t="s">
        <v>63</v>
      </c>
      <c r="D4" s="682"/>
      <c r="E4" s="682"/>
      <c r="F4" s="682"/>
      <c r="G4" s="682"/>
      <c r="H4" s="682"/>
      <c r="I4" s="682"/>
      <c r="J4" s="682"/>
      <c r="K4" s="682"/>
      <c r="L4" s="682"/>
      <c r="M4" s="682"/>
      <c r="N4" s="685"/>
      <c r="O4" s="685"/>
      <c r="P4" s="685"/>
      <c r="Q4" s="685"/>
      <c r="R4" s="685"/>
      <c r="S4" s="685"/>
      <c r="T4" s="685"/>
      <c r="U4" s="685"/>
      <c r="V4" s="685"/>
      <c r="W4" s="685"/>
      <c r="X4" s="685"/>
      <c r="Y4" s="685"/>
      <c r="Z4" s="685"/>
      <c r="AA4" s="685"/>
      <c r="AB4" s="685"/>
      <c r="AC4" s="685"/>
      <c r="AD4" s="685"/>
      <c r="AE4" s="685"/>
      <c r="AF4" s="685"/>
      <c r="AG4" s="685"/>
      <c r="AH4" s="685"/>
      <c r="AI4" s="685"/>
      <c r="AJ4" s="685"/>
      <c r="AK4" s="685"/>
      <c r="AL4" s="685"/>
      <c r="AM4" s="685"/>
      <c r="AN4" s="685"/>
      <c r="AO4" s="685"/>
      <c r="AP4" s="685"/>
      <c r="AQ4" s="685"/>
      <c r="AR4" s="685"/>
      <c r="AS4" s="685"/>
      <c r="AT4" s="685"/>
      <c r="AU4" s="685"/>
      <c r="AV4" s="685"/>
      <c r="AW4" s="685"/>
      <c r="AX4" s="685"/>
      <c r="AY4" s="685"/>
      <c r="AZ4" s="685"/>
      <c r="BA4" s="685"/>
      <c r="BB4" s="685"/>
      <c r="BC4" s="685"/>
      <c r="BD4" s="685"/>
      <c r="BE4" s="685"/>
      <c r="BF4" s="685"/>
      <c r="BG4" s="685"/>
      <c r="BH4" s="685"/>
      <c r="BI4" s="685"/>
      <c r="BJ4" s="685"/>
      <c r="BK4" s="685"/>
      <c r="BL4" s="685"/>
      <c r="BM4" s="685"/>
      <c r="BN4" s="685"/>
      <c r="BO4" s="685"/>
      <c r="BP4" s="685"/>
      <c r="BQ4" s="685"/>
      <c r="BR4" s="685"/>
      <c r="BS4" s="685"/>
      <c r="BT4" s="685"/>
      <c r="BU4" s="685"/>
      <c r="BV4" s="685"/>
      <c r="BW4" s="685"/>
      <c r="BX4" s="685"/>
      <c r="BY4" s="685"/>
      <c r="BZ4" s="685"/>
      <c r="CA4" s="685"/>
      <c r="CB4" s="685"/>
      <c r="CC4" s="685"/>
      <c r="CD4" s="685"/>
      <c r="CE4" s="685"/>
      <c r="CF4" s="685"/>
      <c r="CG4" s="685"/>
      <c r="CH4" s="685"/>
      <c r="CI4" s="685"/>
      <c r="CJ4" s="685"/>
      <c r="CK4" s="685"/>
      <c r="CL4" s="685"/>
      <c r="CM4" s="685"/>
      <c r="CN4" s="685"/>
      <c r="CO4" s="685"/>
      <c r="CP4" s="685"/>
      <c r="CQ4" s="685"/>
      <c r="CR4" s="685"/>
      <c r="CS4" s="685"/>
      <c r="CT4" s="685"/>
      <c r="CU4" s="685"/>
      <c r="CV4" s="685"/>
      <c r="CW4" s="685"/>
      <c r="CX4" s="685"/>
      <c r="CY4" s="685"/>
      <c r="CZ4" s="685"/>
      <c r="DA4" s="685"/>
      <c r="DB4" s="685"/>
      <c r="DC4" s="685"/>
      <c r="DD4" s="685"/>
      <c r="DE4" s="685"/>
      <c r="DF4" s="685"/>
      <c r="DG4" s="685"/>
      <c r="DH4" s="685"/>
      <c r="DI4" s="685"/>
      <c r="DJ4" s="685"/>
      <c r="DK4" s="685"/>
      <c r="DL4" s="685"/>
      <c r="DM4" s="685"/>
      <c r="DN4" s="685"/>
      <c r="DO4" s="685"/>
      <c r="DP4" s="685"/>
      <c r="DQ4" s="685"/>
      <c r="DR4" s="685"/>
      <c r="DS4" s="685"/>
      <c r="DT4" s="685"/>
      <c r="DU4" s="685"/>
      <c r="DV4" s="685"/>
      <c r="DW4" s="685"/>
      <c r="DX4" s="685"/>
      <c r="DY4" s="685"/>
      <c r="DZ4" s="685"/>
      <c r="EA4" s="685"/>
      <c r="EB4" s="685"/>
      <c r="EC4" s="685"/>
      <c r="ED4" s="685"/>
      <c r="EE4" s="685"/>
      <c r="EF4" s="685"/>
      <c r="EG4" s="685"/>
      <c r="EH4" s="685"/>
      <c r="EI4" s="685"/>
      <c r="EJ4" s="685"/>
      <c r="EK4" s="685"/>
      <c r="EL4" s="685"/>
      <c r="EM4" s="685"/>
      <c r="EN4" s="685"/>
      <c r="EO4" s="685"/>
      <c r="EP4" s="685"/>
      <c r="EQ4" s="685"/>
      <c r="ER4" s="685"/>
      <c r="ES4" s="685"/>
      <c r="ET4" s="685"/>
      <c r="EU4" s="685"/>
      <c r="EV4" s="685"/>
      <c r="EW4" s="685"/>
      <c r="EX4" s="685"/>
      <c r="EY4" s="685"/>
      <c r="EZ4" s="685"/>
      <c r="FA4" s="685"/>
      <c r="FB4" s="685"/>
      <c r="FC4" s="685"/>
      <c r="FD4" s="685"/>
      <c r="FE4" s="685"/>
      <c r="FF4" s="685"/>
      <c r="FG4" s="685"/>
      <c r="FH4" s="685"/>
      <c r="FI4" s="685"/>
      <c r="FJ4" s="685"/>
      <c r="FK4" s="685"/>
      <c r="FL4" s="685"/>
      <c r="FM4" s="685"/>
      <c r="FN4" s="685"/>
      <c r="FO4" s="685"/>
      <c r="FP4" s="685"/>
      <c r="FQ4" s="685"/>
      <c r="FR4" s="685"/>
      <c r="FS4" s="685"/>
      <c r="FT4" s="685"/>
      <c r="FU4" s="685"/>
      <c r="FV4" s="685"/>
      <c r="FW4" s="685"/>
      <c r="FX4" s="685"/>
      <c r="FY4" s="685"/>
      <c r="FZ4" s="685"/>
      <c r="GA4" s="685"/>
      <c r="GB4" s="685"/>
      <c r="GC4" s="685"/>
      <c r="GD4" s="685"/>
      <c r="GE4" s="685"/>
      <c r="GF4" s="685"/>
      <c r="GG4" s="685"/>
      <c r="GH4" s="685"/>
      <c r="GI4" s="685"/>
      <c r="GJ4" s="685"/>
      <c r="GK4" s="685"/>
      <c r="GL4" s="685"/>
      <c r="GM4" s="685"/>
      <c r="GN4" s="685"/>
      <c r="GO4" s="685"/>
      <c r="GP4" s="685"/>
      <c r="GQ4" s="685"/>
      <c r="GR4" s="685"/>
      <c r="GS4" s="685"/>
      <c r="GT4" s="685"/>
      <c r="GU4" s="685"/>
      <c r="GV4" s="685"/>
      <c r="GW4" s="685"/>
      <c r="GX4" s="685"/>
      <c r="GY4" s="685"/>
      <c r="GZ4" s="685"/>
      <c r="HA4" s="685"/>
      <c r="HB4" s="685"/>
      <c r="HC4" s="685"/>
      <c r="HD4" s="685"/>
      <c r="HE4" s="685"/>
      <c r="HF4" s="685"/>
      <c r="HG4" s="685"/>
      <c r="HH4" s="685"/>
      <c r="HI4" s="685"/>
      <c r="HJ4" s="685"/>
      <c r="HK4" s="685"/>
      <c r="HL4" s="685"/>
      <c r="HM4" s="685"/>
      <c r="HN4" s="685"/>
      <c r="HO4" s="685"/>
      <c r="HP4" s="685"/>
      <c r="HQ4" s="685"/>
      <c r="HR4" s="685"/>
      <c r="HS4" s="685"/>
      <c r="HT4" s="685"/>
      <c r="HU4" s="685"/>
      <c r="HV4" s="685"/>
      <c r="HW4" s="685"/>
      <c r="HX4" s="685"/>
      <c r="HY4" s="686"/>
      <c r="HZ4" s="639" t="s">
        <v>85</v>
      </c>
      <c r="IA4" s="640"/>
      <c r="IB4" s="640"/>
      <c r="IC4" s="640"/>
      <c r="ID4" s="640"/>
      <c r="IE4" s="640"/>
      <c r="IF4" s="640"/>
      <c r="IG4" s="640"/>
      <c r="IH4" s="640"/>
      <c r="II4" s="640"/>
      <c r="IJ4" s="640"/>
      <c r="IK4" s="640"/>
      <c r="IL4" s="640"/>
      <c r="IM4" s="640"/>
      <c r="IN4" s="640"/>
      <c r="IO4" s="640"/>
      <c r="IP4" s="640"/>
      <c r="IQ4" s="640"/>
      <c r="IR4" s="640"/>
      <c r="IS4" s="640"/>
      <c r="IT4" s="640"/>
      <c r="IU4" s="640"/>
      <c r="IV4" s="640"/>
      <c r="IW4" s="640"/>
      <c r="IX4" s="640"/>
      <c r="IY4" s="640"/>
      <c r="IZ4" s="640"/>
      <c r="JA4" s="640"/>
      <c r="JB4" s="640"/>
      <c r="JC4" s="640"/>
      <c r="JD4" s="640"/>
      <c r="JE4" s="640"/>
      <c r="JF4" s="640"/>
      <c r="JG4" s="640"/>
      <c r="JH4" s="640"/>
      <c r="JI4" s="640"/>
      <c r="JJ4" s="640"/>
      <c r="JK4" s="640"/>
      <c r="JL4" s="640"/>
      <c r="JM4" s="640"/>
      <c r="JN4" s="640"/>
      <c r="JO4" s="640"/>
      <c r="JP4" s="640"/>
      <c r="JQ4" s="640"/>
      <c r="JR4" s="640"/>
      <c r="JS4" s="640"/>
      <c r="JT4" s="640"/>
      <c r="JU4" s="640"/>
      <c r="JV4" s="640"/>
      <c r="JW4" s="640"/>
      <c r="JX4" s="640"/>
      <c r="JY4" s="640"/>
      <c r="JZ4" s="640"/>
      <c r="KA4" s="640"/>
      <c r="KB4" s="640"/>
      <c r="KC4" s="640"/>
      <c r="KD4" s="640"/>
      <c r="KE4" s="640"/>
      <c r="KF4" s="640"/>
      <c r="KG4" s="640"/>
      <c r="KH4" s="640"/>
      <c r="KI4" s="640"/>
      <c r="KJ4" s="640"/>
      <c r="KK4" s="640"/>
      <c r="KL4" s="640"/>
      <c r="KM4" s="640"/>
      <c r="KN4" s="640"/>
      <c r="KO4" s="640"/>
      <c r="KP4" s="640"/>
      <c r="KQ4" s="640"/>
      <c r="KR4" s="640"/>
      <c r="KS4" s="640"/>
      <c r="KT4" s="640"/>
      <c r="KU4" s="640"/>
      <c r="KV4" s="640"/>
      <c r="KW4" s="640"/>
      <c r="KX4" s="640"/>
      <c r="KY4" s="640"/>
      <c r="KZ4" s="640"/>
      <c r="LA4" s="640"/>
      <c r="LB4" s="640"/>
      <c r="LC4" s="640"/>
      <c r="LD4" s="640"/>
      <c r="LE4" s="640"/>
      <c r="LF4" s="640"/>
      <c r="LG4" s="640"/>
      <c r="LH4" s="640"/>
      <c r="LI4" s="640"/>
      <c r="LJ4" s="640"/>
      <c r="LK4" s="640"/>
      <c r="LL4" s="640"/>
      <c r="LM4" s="640"/>
      <c r="LN4" s="640"/>
      <c r="LO4" s="640"/>
      <c r="LP4" s="640"/>
      <c r="LQ4" s="640"/>
      <c r="LR4" s="640"/>
      <c r="LS4" s="640"/>
      <c r="LT4" s="640"/>
      <c r="LU4" s="640"/>
      <c r="LV4" s="640"/>
      <c r="LW4" s="640"/>
      <c r="LX4" s="640"/>
      <c r="LY4" s="640"/>
      <c r="LZ4" s="640"/>
      <c r="MA4" s="640"/>
      <c r="MB4" s="640"/>
      <c r="MC4" s="640"/>
      <c r="MD4" s="640"/>
      <c r="ME4" s="641"/>
      <c r="MF4" s="639" t="s">
        <v>86</v>
      </c>
      <c r="MG4" s="640"/>
      <c r="MH4" s="640"/>
      <c r="MI4" s="640"/>
      <c r="MJ4" s="640"/>
      <c r="MK4" s="640"/>
      <c r="ML4" s="640"/>
      <c r="MM4" s="640"/>
      <c r="MN4" s="640"/>
      <c r="MO4" s="640"/>
      <c r="MP4" s="640"/>
      <c r="MQ4" s="640"/>
      <c r="MR4" s="640"/>
      <c r="MS4" s="640"/>
      <c r="MT4" s="640"/>
      <c r="MU4" s="640"/>
      <c r="MV4" s="640"/>
      <c r="MW4" s="640"/>
      <c r="MX4" s="640"/>
      <c r="MY4" s="640"/>
      <c r="MZ4" s="640"/>
      <c r="NA4" s="640"/>
      <c r="NB4" s="640"/>
      <c r="NC4" s="640"/>
      <c r="ND4" s="640"/>
      <c r="NE4" s="640"/>
      <c r="NF4" s="640"/>
      <c r="NG4" s="640"/>
      <c r="NH4" s="640"/>
      <c r="NI4" s="640"/>
      <c r="NJ4" s="640"/>
      <c r="NK4" s="640"/>
      <c r="NL4" s="640"/>
      <c r="NM4" s="640"/>
      <c r="NN4" s="640"/>
      <c r="NO4" s="640"/>
      <c r="NP4" s="640"/>
      <c r="NQ4" s="640"/>
      <c r="NR4" s="640"/>
      <c r="NS4" s="640"/>
      <c r="NT4" s="640"/>
      <c r="NU4" s="640"/>
      <c r="NV4" s="640"/>
      <c r="NW4" s="640"/>
      <c r="NX4" s="640"/>
      <c r="NY4" s="640"/>
      <c r="NZ4" s="640"/>
      <c r="OA4" s="640"/>
      <c r="OB4" s="640"/>
      <c r="OC4" s="640"/>
      <c r="OD4" s="640"/>
      <c r="OE4" s="640"/>
      <c r="OF4" s="640"/>
      <c r="OG4" s="640"/>
      <c r="OH4" s="641"/>
      <c r="OI4" s="594" t="s">
        <v>60</v>
      </c>
      <c r="OJ4" s="504"/>
      <c r="OK4" s="504"/>
      <c r="OL4" s="504"/>
      <c r="OM4" s="504"/>
      <c r="ON4" s="504"/>
      <c r="OO4" s="504"/>
      <c r="OP4" s="504"/>
      <c r="OQ4" s="504"/>
      <c r="OR4" s="504"/>
      <c r="OS4" s="505"/>
    </row>
    <row r="5" spans="2:409" ht="21" customHeight="1" thickBot="1" x14ac:dyDescent="0.25">
      <c r="B5" s="680"/>
      <c r="C5" s="683"/>
      <c r="D5" s="683"/>
      <c r="E5" s="683"/>
      <c r="F5" s="683"/>
      <c r="G5" s="683"/>
      <c r="H5" s="683"/>
      <c r="I5" s="683"/>
      <c r="J5" s="683"/>
      <c r="K5" s="683"/>
      <c r="L5" s="683"/>
      <c r="M5" s="683"/>
      <c r="N5" s="687" t="s">
        <v>64</v>
      </c>
      <c r="O5" s="688"/>
      <c r="P5" s="688"/>
      <c r="Q5" s="688"/>
      <c r="R5" s="688"/>
      <c r="S5" s="688"/>
      <c r="T5" s="688"/>
      <c r="U5" s="688"/>
      <c r="V5" s="688"/>
      <c r="W5" s="688"/>
      <c r="X5" s="688"/>
      <c r="Y5" s="688"/>
      <c r="Z5" s="688"/>
      <c r="AA5" s="688"/>
      <c r="AB5" s="688"/>
      <c r="AC5" s="688"/>
      <c r="AD5" s="688"/>
      <c r="AE5" s="688"/>
      <c r="AF5" s="688"/>
      <c r="AG5" s="688"/>
      <c r="AH5" s="688"/>
      <c r="AI5" s="688"/>
      <c r="AJ5" s="688"/>
      <c r="AK5" s="688"/>
      <c r="AL5" s="688"/>
      <c r="AM5" s="688"/>
      <c r="AN5" s="688"/>
      <c r="AO5" s="688"/>
      <c r="AP5" s="688"/>
      <c r="AQ5" s="688"/>
      <c r="AR5" s="688"/>
      <c r="AS5" s="688"/>
      <c r="AT5" s="688"/>
      <c r="AU5" s="688"/>
      <c r="AV5" s="688"/>
      <c r="AW5" s="688"/>
      <c r="AX5" s="688"/>
      <c r="AY5" s="688"/>
      <c r="AZ5" s="688"/>
      <c r="BA5" s="688"/>
      <c r="BB5" s="688"/>
      <c r="BC5" s="688"/>
      <c r="BD5" s="688"/>
      <c r="BE5" s="688"/>
      <c r="BF5" s="688"/>
      <c r="BG5" s="688"/>
      <c r="BH5" s="688"/>
      <c r="BI5" s="688"/>
      <c r="BJ5" s="688"/>
      <c r="BK5" s="688"/>
      <c r="BL5" s="688"/>
      <c r="BM5" s="688"/>
      <c r="BN5" s="688"/>
      <c r="BO5" s="688"/>
      <c r="BP5" s="688"/>
      <c r="BQ5" s="688"/>
      <c r="BR5" s="688"/>
      <c r="BS5" s="688"/>
      <c r="BT5" s="688"/>
      <c r="BU5" s="688"/>
      <c r="BV5" s="688"/>
      <c r="BW5" s="688"/>
      <c r="BX5" s="688"/>
      <c r="BY5" s="688"/>
      <c r="BZ5" s="688"/>
      <c r="CA5" s="689"/>
      <c r="CB5" s="687" t="s">
        <v>65</v>
      </c>
      <c r="CC5" s="688"/>
      <c r="CD5" s="688"/>
      <c r="CE5" s="688"/>
      <c r="CF5" s="688"/>
      <c r="CG5" s="688"/>
      <c r="CH5" s="688"/>
      <c r="CI5" s="688"/>
      <c r="CJ5" s="688"/>
      <c r="CK5" s="688"/>
      <c r="CL5" s="688"/>
      <c r="CM5" s="688"/>
      <c r="CN5" s="688"/>
      <c r="CO5" s="688"/>
      <c r="CP5" s="688"/>
      <c r="CQ5" s="688"/>
      <c r="CR5" s="688"/>
      <c r="CS5" s="688"/>
      <c r="CT5" s="688"/>
      <c r="CU5" s="688"/>
      <c r="CV5" s="688"/>
      <c r="CW5" s="688"/>
      <c r="CX5" s="688"/>
      <c r="CY5" s="688"/>
      <c r="CZ5" s="688"/>
      <c r="DA5" s="688"/>
      <c r="DB5" s="688"/>
      <c r="DC5" s="688"/>
      <c r="DD5" s="688"/>
      <c r="DE5" s="688"/>
      <c r="DF5" s="688"/>
      <c r="DG5" s="688"/>
      <c r="DH5" s="689"/>
      <c r="DI5" s="508" t="s">
        <v>66</v>
      </c>
      <c r="DJ5" s="509"/>
      <c r="DK5" s="509"/>
      <c r="DL5" s="509"/>
      <c r="DM5" s="509"/>
      <c r="DN5" s="509"/>
      <c r="DO5" s="509"/>
      <c r="DP5" s="509"/>
      <c r="DQ5" s="509"/>
      <c r="DR5" s="509"/>
      <c r="DS5" s="509"/>
      <c r="DT5" s="509"/>
      <c r="DU5" s="509"/>
      <c r="DV5" s="509"/>
      <c r="DW5" s="509"/>
      <c r="DX5" s="509"/>
      <c r="DY5" s="509"/>
      <c r="DZ5" s="509"/>
      <c r="EA5" s="509"/>
      <c r="EB5" s="509"/>
      <c r="EC5" s="509"/>
      <c r="ED5" s="509"/>
      <c r="EE5" s="509"/>
      <c r="EF5" s="509"/>
      <c r="EG5" s="509"/>
      <c r="EH5" s="509"/>
      <c r="EI5" s="509"/>
      <c r="EJ5" s="509"/>
      <c r="EK5" s="509"/>
      <c r="EL5" s="509"/>
      <c r="EM5" s="509"/>
      <c r="EN5" s="509"/>
      <c r="EO5" s="509"/>
      <c r="EP5" s="509"/>
      <c r="EQ5" s="509"/>
      <c r="ER5" s="509"/>
      <c r="ES5" s="509"/>
      <c r="ET5" s="509"/>
      <c r="EU5" s="509"/>
      <c r="EV5" s="509"/>
      <c r="EW5" s="509"/>
      <c r="EX5" s="509"/>
      <c r="EY5" s="509"/>
      <c r="EZ5" s="509"/>
      <c r="FA5" s="509"/>
      <c r="FB5" s="509"/>
      <c r="FC5" s="509"/>
      <c r="FD5" s="509"/>
      <c r="FE5" s="509"/>
      <c r="FF5" s="509"/>
      <c r="FG5" s="509"/>
      <c r="FH5" s="509"/>
      <c r="FI5" s="509"/>
      <c r="FJ5" s="509"/>
      <c r="FK5" s="510"/>
      <c r="FL5" s="687" t="s">
        <v>67</v>
      </c>
      <c r="FM5" s="688"/>
      <c r="FN5" s="688"/>
      <c r="FO5" s="688"/>
      <c r="FP5" s="688"/>
      <c r="FQ5" s="688"/>
      <c r="FR5" s="688"/>
      <c r="FS5" s="688"/>
      <c r="FT5" s="688"/>
      <c r="FU5" s="688"/>
      <c r="FV5" s="688"/>
      <c r="FW5" s="688"/>
      <c r="FX5" s="688"/>
      <c r="FY5" s="688"/>
      <c r="FZ5" s="688"/>
      <c r="GA5" s="688"/>
      <c r="GB5" s="688"/>
      <c r="GC5" s="688"/>
      <c r="GD5" s="688"/>
      <c r="GE5" s="688"/>
      <c r="GF5" s="688"/>
      <c r="GG5" s="688"/>
      <c r="GH5" s="688"/>
      <c r="GI5" s="688"/>
      <c r="GJ5" s="688"/>
      <c r="GK5" s="688"/>
      <c r="GL5" s="688"/>
      <c r="GM5" s="688"/>
      <c r="GN5" s="688"/>
      <c r="GO5" s="688"/>
      <c r="GP5" s="688"/>
      <c r="GQ5" s="688"/>
      <c r="GR5" s="688"/>
      <c r="GS5" s="688"/>
      <c r="GT5" s="688"/>
      <c r="GU5" s="688"/>
      <c r="GV5" s="688"/>
      <c r="GW5" s="688"/>
      <c r="GX5" s="688"/>
      <c r="GY5" s="688"/>
      <c r="GZ5" s="688"/>
      <c r="HA5" s="688"/>
      <c r="HB5" s="688"/>
      <c r="HC5" s="689"/>
      <c r="HD5" s="690" t="s">
        <v>68</v>
      </c>
      <c r="HE5" s="691"/>
      <c r="HF5" s="691"/>
      <c r="HG5" s="691"/>
      <c r="HH5" s="691"/>
      <c r="HI5" s="691"/>
      <c r="HJ5" s="691"/>
      <c r="HK5" s="691"/>
      <c r="HL5" s="691"/>
      <c r="HM5" s="691"/>
      <c r="HN5" s="692"/>
      <c r="HO5" s="690" t="s">
        <v>69</v>
      </c>
      <c r="HP5" s="691"/>
      <c r="HQ5" s="691"/>
      <c r="HR5" s="691"/>
      <c r="HS5" s="691"/>
      <c r="HT5" s="691"/>
      <c r="HU5" s="691"/>
      <c r="HV5" s="691"/>
      <c r="HW5" s="691"/>
      <c r="HX5" s="691"/>
      <c r="HY5" s="692"/>
      <c r="HZ5" s="618"/>
      <c r="IA5" s="619"/>
      <c r="IB5" s="619"/>
      <c r="IC5" s="619"/>
      <c r="ID5" s="619"/>
      <c r="IE5" s="619"/>
      <c r="IF5" s="619"/>
      <c r="IG5" s="619"/>
      <c r="IH5" s="619"/>
      <c r="II5" s="619"/>
      <c r="IJ5" s="620"/>
      <c r="IK5" s="594" t="s">
        <v>94</v>
      </c>
      <c r="IL5" s="504"/>
      <c r="IM5" s="504"/>
      <c r="IN5" s="504"/>
      <c r="IO5" s="504"/>
      <c r="IP5" s="504"/>
      <c r="IQ5" s="504"/>
      <c r="IR5" s="504"/>
      <c r="IS5" s="504"/>
      <c r="IT5" s="504"/>
      <c r="IU5" s="505"/>
      <c r="IV5" s="594" t="s">
        <v>88</v>
      </c>
      <c r="IW5" s="504"/>
      <c r="IX5" s="504"/>
      <c r="IY5" s="504"/>
      <c r="IZ5" s="504"/>
      <c r="JA5" s="504"/>
      <c r="JB5" s="504"/>
      <c r="JC5" s="504"/>
      <c r="JD5" s="504"/>
      <c r="JE5" s="504"/>
      <c r="JF5" s="505"/>
      <c r="JG5" s="624" t="s">
        <v>143</v>
      </c>
      <c r="JH5" s="625"/>
      <c r="JI5" s="625"/>
      <c r="JJ5" s="625"/>
      <c r="JK5" s="625"/>
      <c r="JL5" s="625"/>
      <c r="JM5" s="625"/>
      <c r="JN5" s="625"/>
      <c r="JO5" s="625"/>
      <c r="JP5" s="625"/>
      <c r="JQ5" s="626"/>
      <c r="JR5" s="594" t="s">
        <v>90</v>
      </c>
      <c r="JS5" s="504"/>
      <c r="JT5" s="504"/>
      <c r="JU5" s="504"/>
      <c r="JV5" s="504"/>
      <c r="JW5" s="504"/>
      <c r="JX5" s="504"/>
      <c r="JY5" s="504"/>
      <c r="JZ5" s="504"/>
      <c r="KA5" s="504"/>
      <c r="KB5" s="505"/>
      <c r="KC5" s="594" t="s">
        <v>89</v>
      </c>
      <c r="KD5" s="504"/>
      <c r="KE5" s="504"/>
      <c r="KF5" s="504"/>
      <c r="KG5" s="504"/>
      <c r="KH5" s="504"/>
      <c r="KI5" s="504"/>
      <c r="KJ5" s="504"/>
      <c r="KK5" s="504"/>
      <c r="KL5" s="504"/>
      <c r="KM5" s="505"/>
      <c r="KN5" s="594" t="s">
        <v>91</v>
      </c>
      <c r="KO5" s="504"/>
      <c r="KP5" s="504"/>
      <c r="KQ5" s="504"/>
      <c r="KR5" s="504"/>
      <c r="KS5" s="504"/>
      <c r="KT5" s="504"/>
      <c r="KU5" s="504"/>
      <c r="KV5" s="504"/>
      <c r="KW5" s="504"/>
      <c r="KX5" s="505"/>
      <c r="KY5" s="594" t="s">
        <v>92</v>
      </c>
      <c r="KZ5" s="504"/>
      <c r="LA5" s="504"/>
      <c r="LB5" s="504"/>
      <c r="LC5" s="504"/>
      <c r="LD5" s="504"/>
      <c r="LE5" s="504"/>
      <c r="LF5" s="504"/>
      <c r="LG5" s="504"/>
      <c r="LH5" s="504"/>
      <c r="LI5" s="505"/>
      <c r="LJ5" s="630" t="s">
        <v>93</v>
      </c>
      <c r="LK5" s="631"/>
      <c r="LL5" s="631"/>
      <c r="LM5" s="631"/>
      <c r="LN5" s="631"/>
      <c r="LO5" s="631"/>
      <c r="LP5" s="631"/>
      <c r="LQ5" s="631"/>
      <c r="LR5" s="631"/>
      <c r="LS5" s="631"/>
      <c r="LT5" s="632"/>
      <c r="LU5" s="633" t="s">
        <v>144</v>
      </c>
      <c r="LV5" s="634"/>
      <c r="LW5" s="634"/>
      <c r="LX5" s="634"/>
      <c r="LY5" s="634"/>
      <c r="LZ5" s="634"/>
      <c r="MA5" s="634"/>
      <c r="MB5" s="634"/>
      <c r="MC5" s="634"/>
      <c r="MD5" s="634"/>
      <c r="ME5" s="635"/>
      <c r="MF5" s="618"/>
      <c r="MG5" s="619"/>
      <c r="MH5" s="619"/>
      <c r="MI5" s="619"/>
      <c r="MJ5" s="619"/>
      <c r="MK5" s="619"/>
      <c r="ML5" s="619"/>
      <c r="MM5" s="619"/>
      <c r="MN5" s="619"/>
      <c r="MO5" s="619"/>
      <c r="MP5" s="620"/>
      <c r="MQ5" s="594" t="s">
        <v>57</v>
      </c>
      <c r="MR5" s="504"/>
      <c r="MS5" s="504"/>
      <c r="MT5" s="504"/>
      <c r="MU5" s="504"/>
      <c r="MV5" s="504"/>
      <c r="MW5" s="504"/>
      <c r="MX5" s="504"/>
      <c r="MY5" s="504"/>
      <c r="MZ5" s="504"/>
      <c r="NA5" s="505"/>
      <c r="NB5" s="594" t="s">
        <v>58</v>
      </c>
      <c r="NC5" s="504"/>
      <c r="ND5" s="504"/>
      <c r="NE5" s="504"/>
      <c r="NF5" s="504"/>
      <c r="NG5" s="504"/>
      <c r="NH5" s="504"/>
      <c r="NI5" s="504"/>
      <c r="NJ5" s="504"/>
      <c r="NK5" s="504"/>
      <c r="NL5" s="505"/>
      <c r="NM5" s="594" t="s">
        <v>59</v>
      </c>
      <c r="NN5" s="504"/>
      <c r="NO5" s="504"/>
      <c r="NP5" s="504"/>
      <c r="NQ5" s="504"/>
      <c r="NR5" s="504"/>
      <c r="NS5" s="504"/>
      <c r="NT5" s="504"/>
      <c r="NU5" s="504"/>
      <c r="NV5" s="504"/>
      <c r="NW5" s="505"/>
      <c r="NX5" s="643" t="s">
        <v>150</v>
      </c>
      <c r="NY5" s="644"/>
      <c r="NZ5" s="644"/>
      <c r="OA5" s="644"/>
      <c r="OB5" s="644"/>
      <c r="OC5" s="644"/>
      <c r="OD5" s="644"/>
      <c r="OE5" s="644"/>
      <c r="OF5" s="644"/>
      <c r="OG5" s="644"/>
      <c r="OH5" s="645"/>
      <c r="OI5" s="615"/>
      <c r="OJ5" s="616"/>
      <c r="OK5" s="616"/>
      <c r="OL5" s="616"/>
      <c r="OM5" s="616"/>
      <c r="ON5" s="616"/>
      <c r="OO5" s="616"/>
      <c r="OP5" s="616"/>
      <c r="OQ5" s="616"/>
      <c r="OR5" s="616"/>
      <c r="OS5" s="617"/>
    </row>
    <row r="6" spans="2:409" ht="21" customHeight="1" thickBot="1" x14ac:dyDescent="0.25">
      <c r="B6" s="680"/>
      <c r="C6" s="684"/>
      <c r="D6" s="684"/>
      <c r="E6" s="684"/>
      <c r="F6" s="684"/>
      <c r="G6" s="684"/>
      <c r="H6" s="684"/>
      <c r="I6" s="684"/>
      <c r="J6" s="684"/>
      <c r="K6" s="684"/>
      <c r="L6" s="684"/>
      <c r="M6" s="684"/>
      <c r="N6" s="517"/>
      <c r="O6" s="518"/>
      <c r="P6" s="518"/>
      <c r="Q6" s="518"/>
      <c r="R6" s="518"/>
      <c r="S6" s="518"/>
      <c r="T6" s="518"/>
      <c r="U6" s="518"/>
      <c r="V6" s="518"/>
      <c r="W6" s="518"/>
      <c r="X6" s="519"/>
      <c r="Y6" s="699" t="s">
        <v>70</v>
      </c>
      <c r="Z6" s="521"/>
      <c r="AA6" s="521"/>
      <c r="AB6" s="521"/>
      <c r="AC6" s="521"/>
      <c r="AD6" s="521"/>
      <c r="AE6" s="521"/>
      <c r="AF6" s="521"/>
      <c r="AG6" s="521"/>
      <c r="AH6" s="521"/>
      <c r="AI6" s="522"/>
      <c r="AJ6" s="696" t="s">
        <v>71</v>
      </c>
      <c r="AK6" s="697"/>
      <c r="AL6" s="697"/>
      <c r="AM6" s="697"/>
      <c r="AN6" s="697"/>
      <c r="AO6" s="697"/>
      <c r="AP6" s="697"/>
      <c r="AQ6" s="697"/>
      <c r="AR6" s="697"/>
      <c r="AS6" s="697"/>
      <c r="AT6" s="698"/>
      <c r="AU6" s="696" t="s">
        <v>72</v>
      </c>
      <c r="AV6" s="697"/>
      <c r="AW6" s="697"/>
      <c r="AX6" s="697"/>
      <c r="AY6" s="697"/>
      <c r="AZ6" s="697"/>
      <c r="BA6" s="697"/>
      <c r="BB6" s="697"/>
      <c r="BC6" s="697"/>
      <c r="BD6" s="697"/>
      <c r="BE6" s="698"/>
      <c r="BF6" s="696" t="s">
        <v>73</v>
      </c>
      <c r="BG6" s="697"/>
      <c r="BH6" s="697"/>
      <c r="BI6" s="697"/>
      <c r="BJ6" s="697"/>
      <c r="BK6" s="697"/>
      <c r="BL6" s="697"/>
      <c r="BM6" s="697"/>
      <c r="BN6" s="697"/>
      <c r="BO6" s="697"/>
      <c r="BP6" s="698"/>
      <c r="BQ6" s="696" t="s">
        <v>74</v>
      </c>
      <c r="BR6" s="697"/>
      <c r="BS6" s="697"/>
      <c r="BT6" s="697"/>
      <c r="BU6" s="697"/>
      <c r="BV6" s="697"/>
      <c r="BW6" s="697"/>
      <c r="BX6" s="697"/>
      <c r="BY6" s="697"/>
      <c r="BZ6" s="697"/>
      <c r="CA6" s="698"/>
      <c r="CB6" s="700"/>
      <c r="CC6" s="701"/>
      <c r="CD6" s="701"/>
      <c r="CE6" s="701"/>
      <c r="CF6" s="701"/>
      <c r="CG6" s="701"/>
      <c r="CH6" s="701"/>
      <c r="CI6" s="701"/>
      <c r="CJ6" s="701"/>
      <c r="CK6" s="701"/>
      <c r="CL6" s="702"/>
      <c r="CM6" s="696" t="s">
        <v>75</v>
      </c>
      <c r="CN6" s="697"/>
      <c r="CO6" s="697"/>
      <c r="CP6" s="697"/>
      <c r="CQ6" s="697"/>
      <c r="CR6" s="697"/>
      <c r="CS6" s="697"/>
      <c r="CT6" s="697"/>
      <c r="CU6" s="697"/>
      <c r="CV6" s="697"/>
      <c r="CW6" s="698"/>
      <c r="CX6" s="696" t="s">
        <v>76</v>
      </c>
      <c r="CY6" s="697"/>
      <c r="CZ6" s="697"/>
      <c r="DA6" s="697"/>
      <c r="DB6" s="697"/>
      <c r="DC6" s="697"/>
      <c r="DD6" s="697"/>
      <c r="DE6" s="697"/>
      <c r="DF6" s="697"/>
      <c r="DG6" s="697"/>
      <c r="DH6" s="698"/>
      <c r="DI6" s="700"/>
      <c r="DJ6" s="701"/>
      <c r="DK6" s="701"/>
      <c r="DL6" s="701"/>
      <c r="DM6" s="701"/>
      <c r="DN6" s="701"/>
      <c r="DO6" s="701"/>
      <c r="DP6" s="701"/>
      <c r="DQ6" s="701"/>
      <c r="DR6" s="701"/>
      <c r="DS6" s="701"/>
      <c r="DT6" s="696" t="s">
        <v>77</v>
      </c>
      <c r="DU6" s="697"/>
      <c r="DV6" s="697"/>
      <c r="DW6" s="697"/>
      <c r="DX6" s="697"/>
      <c r="DY6" s="697"/>
      <c r="DZ6" s="697"/>
      <c r="EA6" s="697"/>
      <c r="EB6" s="697"/>
      <c r="EC6" s="697"/>
      <c r="ED6" s="698"/>
      <c r="EE6" s="696" t="s">
        <v>78</v>
      </c>
      <c r="EF6" s="697"/>
      <c r="EG6" s="697"/>
      <c r="EH6" s="697"/>
      <c r="EI6" s="697"/>
      <c r="EJ6" s="697"/>
      <c r="EK6" s="697"/>
      <c r="EL6" s="697"/>
      <c r="EM6" s="697"/>
      <c r="EN6" s="697"/>
      <c r="EO6" s="698"/>
      <c r="EP6" s="696" t="s">
        <v>79</v>
      </c>
      <c r="EQ6" s="697"/>
      <c r="ER6" s="697"/>
      <c r="ES6" s="697"/>
      <c r="ET6" s="697"/>
      <c r="EU6" s="697"/>
      <c r="EV6" s="697"/>
      <c r="EW6" s="697"/>
      <c r="EX6" s="697"/>
      <c r="EY6" s="697"/>
      <c r="EZ6" s="698"/>
      <c r="FA6" s="677" t="s">
        <v>151</v>
      </c>
      <c r="FB6" s="697"/>
      <c r="FC6" s="697"/>
      <c r="FD6" s="697"/>
      <c r="FE6" s="697"/>
      <c r="FF6" s="697"/>
      <c r="FG6" s="697"/>
      <c r="FH6" s="697"/>
      <c r="FI6" s="697"/>
      <c r="FJ6" s="697"/>
      <c r="FK6" s="698"/>
      <c r="FL6" s="700"/>
      <c r="FM6" s="701"/>
      <c r="FN6" s="701"/>
      <c r="FO6" s="701"/>
      <c r="FP6" s="701"/>
      <c r="FQ6" s="701"/>
      <c r="FR6" s="701"/>
      <c r="FS6" s="701"/>
      <c r="FT6" s="701"/>
      <c r="FU6" s="701"/>
      <c r="FV6" s="701"/>
      <c r="FW6" s="696" t="s">
        <v>80</v>
      </c>
      <c r="FX6" s="697"/>
      <c r="FY6" s="697"/>
      <c r="FZ6" s="697"/>
      <c r="GA6" s="697"/>
      <c r="GB6" s="697"/>
      <c r="GC6" s="697"/>
      <c r="GD6" s="697"/>
      <c r="GE6" s="697"/>
      <c r="GF6" s="697"/>
      <c r="GG6" s="698"/>
      <c r="GH6" s="699" t="s">
        <v>81</v>
      </c>
      <c r="GI6" s="521"/>
      <c r="GJ6" s="521"/>
      <c r="GK6" s="521"/>
      <c r="GL6" s="521"/>
      <c r="GM6" s="521"/>
      <c r="GN6" s="521"/>
      <c r="GO6" s="521"/>
      <c r="GP6" s="521"/>
      <c r="GQ6" s="521"/>
      <c r="GR6" s="522"/>
      <c r="GS6" s="699" t="s">
        <v>82</v>
      </c>
      <c r="GT6" s="521"/>
      <c r="GU6" s="521"/>
      <c r="GV6" s="521"/>
      <c r="GW6" s="521"/>
      <c r="GX6" s="521"/>
      <c r="GY6" s="521"/>
      <c r="GZ6" s="521"/>
      <c r="HA6" s="521"/>
      <c r="HB6" s="521"/>
      <c r="HC6" s="522"/>
      <c r="HD6" s="693"/>
      <c r="HE6" s="694"/>
      <c r="HF6" s="694"/>
      <c r="HG6" s="694"/>
      <c r="HH6" s="694"/>
      <c r="HI6" s="694"/>
      <c r="HJ6" s="694"/>
      <c r="HK6" s="694"/>
      <c r="HL6" s="694"/>
      <c r="HM6" s="694"/>
      <c r="HN6" s="695"/>
      <c r="HO6" s="693"/>
      <c r="HP6" s="694"/>
      <c r="HQ6" s="694"/>
      <c r="HR6" s="694"/>
      <c r="HS6" s="694"/>
      <c r="HT6" s="694"/>
      <c r="HU6" s="694"/>
      <c r="HV6" s="694"/>
      <c r="HW6" s="694"/>
      <c r="HX6" s="694"/>
      <c r="HY6" s="695"/>
      <c r="HZ6" s="621"/>
      <c r="IA6" s="622"/>
      <c r="IB6" s="622"/>
      <c r="IC6" s="622"/>
      <c r="ID6" s="622"/>
      <c r="IE6" s="622"/>
      <c r="IF6" s="622"/>
      <c r="IG6" s="622"/>
      <c r="IH6" s="622"/>
      <c r="II6" s="622"/>
      <c r="IJ6" s="623"/>
      <c r="IK6" s="595"/>
      <c r="IL6" s="586"/>
      <c r="IM6" s="586"/>
      <c r="IN6" s="586"/>
      <c r="IO6" s="586"/>
      <c r="IP6" s="586"/>
      <c r="IQ6" s="586"/>
      <c r="IR6" s="586"/>
      <c r="IS6" s="586"/>
      <c r="IT6" s="586"/>
      <c r="IU6" s="596"/>
      <c r="IV6" s="595"/>
      <c r="IW6" s="586"/>
      <c r="IX6" s="586"/>
      <c r="IY6" s="586"/>
      <c r="IZ6" s="586"/>
      <c r="JA6" s="586"/>
      <c r="JB6" s="586"/>
      <c r="JC6" s="586"/>
      <c r="JD6" s="586"/>
      <c r="JE6" s="586"/>
      <c r="JF6" s="596"/>
      <c r="JG6" s="627"/>
      <c r="JH6" s="628"/>
      <c r="JI6" s="628"/>
      <c r="JJ6" s="628"/>
      <c r="JK6" s="628"/>
      <c r="JL6" s="628"/>
      <c r="JM6" s="628"/>
      <c r="JN6" s="628"/>
      <c r="JO6" s="628"/>
      <c r="JP6" s="628"/>
      <c r="JQ6" s="629"/>
      <c r="JR6" s="595"/>
      <c r="JS6" s="586"/>
      <c r="JT6" s="586"/>
      <c r="JU6" s="586"/>
      <c r="JV6" s="586"/>
      <c r="JW6" s="586"/>
      <c r="JX6" s="586"/>
      <c r="JY6" s="586"/>
      <c r="JZ6" s="586"/>
      <c r="KA6" s="586"/>
      <c r="KB6" s="596"/>
      <c r="KC6" s="595"/>
      <c r="KD6" s="586"/>
      <c r="KE6" s="586"/>
      <c r="KF6" s="586"/>
      <c r="KG6" s="586"/>
      <c r="KH6" s="586"/>
      <c r="KI6" s="586"/>
      <c r="KJ6" s="586"/>
      <c r="KK6" s="586"/>
      <c r="KL6" s="586"/>
      <c r="KM6" s="596"/>
      <c r="KN6" s="595"/>
      <c r="KO6" s="586"/>
      <c r="KP6" s="586"/>
      <c r="KQ6" s="586"/>
      <c r="KR6" s="586"/>
      <c r="KS6" s="586"/>
      <c r="KT6" s="586"/>
      <c r="KU6" s="586"/>
      <c r="KV6" s="586"/>
      <c r="KW6" s="586"/>
      <c r="KX6" s="596"/>
      <c r="KY6" s="595"/>
      <c r="KZ6" s="586"/>
      <c r="LA6" s="586"/>
      <c r="LB6" s="586"/>
      <c r="LC6" s="586"/>
      <c r="LD6" s="586"/>
      <c r="LE6" s="586"/>
      <c r="LF6" s="586"/>
      <c r="LG6" s="586"/>
      <c r="LH6" s="586"/>
      <c r="LI6" s="596"/>
      <c r="LJ6" s="621"/>
      <c r="LK6" s="622"/>
      <c r="LL6" s="622"/>
      <c r="LM6" s="622"/>
      <c r="LN6" s="622"/>
      <c r="LO6" s="622"/>
      <c r="LP6" s="622"/>
      <c r="LQ6" s="622"/>
      <c r="LR6" s="622"/>
      <c r="LS6" s="622"/>
      <c r="LT6" s="623"/>
      <c r="LU6" s="636"/>
      <c r="LV6" s="637"/>
      <c r="LW6" s="637"/>
      <c r="LX6" s="637"/>
      <c r="LY6" s="637"/>
      <c r="LZ6" s="637"/>
      <c r="MA6" s="637"/>
      <c r="MB6" s="637"/>
      <c r="MC6" s="637"/>
      <c r="MD6" s="637"/>
      <c r="ME6" s="638"/>
      <c r="MF6" s="621"/>
      <c r="MG6" s="622"/>
      <c r="MH6" s="622"/>
      <c r="MI6" s="622"/>
      <c r="MJ6" s="622"/>
      <c r="MK6" s="622"/>
      <c r="ML6" s="622"/>
      <c r="MM6" s="622"/>
      <c r="MN6" s="622"/>
      <c r="MO6" s="622"/>
      <c r="MP6" s="623"/>
      <c r="MQ6" s="595"/>
      <c r="MR6" s="586"/>
      <c r="MS6" s="586"/>
      <c r="MT6" s="586"/>
      <c r="MU6" s="586"/>
      <c r="MV6" s="586"/>
      <c r="MW6" s="586"/>
      <c r="MX6" s="586"/>
      <c r="MY6" s="586"/>
      <c r="MZ6" s="586"/>
      <c r="NA6" s="596"/>
      <c r="NB6" s="595"/>
      <c r="NC6" s="586"/>
      <c r="ND6" s="586"/>
      <c r="NE6" s="586"/>
      <c r="NF6" s="586"/>
      <c r="NG6" s="586"/>
      <c r="NH6" s="586"/>
      <c r="NI6" s="586"/>
      <c r="NJ6" s="586"/>
      <c r="NK6" s="586"/>
      <c r="NL6" s="596"/>
      <c r="NM6" s="595"/>
      <c r="NN6" s="586"/>
      <c r="NO6" s="586"/>
      <c r="NP6" s="586"/>
      <c r="NQ6" s="586"/>
      <c r="NR6" s="586"/>
      <c r="NS6" s="586"/>
      <c r="NT6" s="586"/>
      <c r="NU6" s="586"/>
      <c r="NV6" s="586"/>
      <c r="NW6" s="596"/>
      <c r="NX6" s="646"/>
      <c r="NY6" s="647"/>
      <c r="NZ6" s="647"/>
      <c r="OA6" s="647"/>
      <c r="OB6" s="647"/>
      <c r="OC6" s="647"/>
      <c r="OD6" s="647"/>
      <c r="OE6" s="647"/>
      <c r="OF6" s="647"/>
      <c r="OG6" s="647"/>
      <c r="OH6" s="648"/>
      <c r="OI6" s="595"/>
      <c r="OJ6" s="586"/>
      <c r="OK6" s="586"/>
      <c r="OL6" s="586"/>
      <c r="OM6" s="586"/>
      <c r="ON6" s="586"/>
      <c r="OO6" s="586"/>
      <c r="OP6" s="586"/>
      <c r="OQ6" s="586"/>
      <c r="OR6" s="586"/>
      <c r="OS6" s="596"/>
    </row>
    <row r="7" spans="2:409" ht="21" customHeight="1" x14ac:dyDescent="0.2">
      <c r="B7" s="680"/>
      <c r="C7" s="703" t="s">
        <v>61</v>
      </c>
      <c r="D7" s="703"/>
      <c r="E7" s="703"/>
      <c r="F7" s="704" t="s">
        <v>62</v>
      </c>
      <c r="G7" s="703"/>
      <c r="H7" s="703"/>
      <c r="I7" s="703"/>
      <c r="J7" s="703"/>
      <c r="K7" s="703"/>
      <c r="L7" s="703"/>
      <c r="M7" s="704" t="s">
        <v>52</v>
      </c>
      <c r="N7" s="706" t="s">
        <v>61</v>
      </c>
      <c r="O7" s="703"/>
      <c r="P7" s="703"/>
      <c r="Q7" s="704" t="s">
        <v>62</v>
      </c>
      <c r="R7" s="703"/>
      <c r="S7" s="703"/>
      <c r="T7" s="703"/>
      <c r="U7" s="703"/>
      <c r="V7" s="703"/>
      <c r="W7" s="707"/>
      <c r="X7" s="711" t="s">
        <v>52</v>
      </c>
      <c r="Y7" s="517" t="s">
        <v>61</v>
      </c>
      <c r="Z7" s="518"/>
      <c r="AA7" s="713"/>
      <c r="AB7" s="714" t="s">
        <v>62</v>
      </c>
      <c r="AC7" s="518"/>
      <c r="AD7" s="518"/>
      <c r="AE7" s="518"/>
      <c r="AF7" s="518"/>
      <c r="AG7" s="518"/>
      <c r="AH7" s="713"/>
      <c r="AI7" s="519" t="s">
        <v>52</v>
      </c>
      <c r="AJ7" s="716" t="s">
        <v>61</v>
      </c>
      <c r="AK7" s="709"/>
      <c r="AL7" s="717"/>
      <c r="AM7" s="708" t="s">
        <v>62</v>
      </c>
      <c r="AN7" s="709"/>
      <c r="AO7" s="709"/>
      <c r="AP7" s="709"/>
      <c r="AQ7" s="709"/>
      <c r="AR7" s="709"/>
      <c r="AS7" s="710"/>
      <c r="AT7" s="519" t="s">
        <v>52</v>
      </c>
      <c r="AU7" s="716" t="s">
        <v>61</v>
      </c>
      <c r="AV7" s="709"/>
      <c r="AW7" s="717"/>
      <c r="AX7" s="708" t="s">
        <v>62</v>
      </c>
      <c r="AY7" s="709"/>
      <c r="AZ7" s="709"/>
      <c r="BA7" s="709"/>
      <c r="BB7" s="709"/>
      <c r="BC7" s="709"/>
      <c r="BD7" s="710"/>
      <c r="BE7" s="519" t="s">
        <v>52</v>
      </c>
      <c r="BF7" s="716" t="s">
        <v>61</v>
      </c>
      <c r="BG7" s="709"/>
      <c r="BH7" s="717"/>
      <c r="BI7" s="708" t="s">
        <v>62</v>
      </c>
      <c r="BJ7" s="709"/>
      <c r="BK7" s="709"/>
      <c r="BL7" s="709"/>
      <c r="BM7" s="709"/>
      <c r="BN7" s="709"/>
      <c r="BO7" s="710"/>
      <c r="BP7" s="519" t="s">
        <v>52</v>
      </c>
      <c r="BQ7" s="716" t="s">
        <v>61</v>
      </c>
      <c r="BR7" s="709"/>
      <c r="BS7" s="717"/>
      <c r="BT7" s="708" t="s">
        <v>62</v>
      </c>
      <c r="BU7" s="709"/>
      <c r="BV7" s="709"/>
      <c r="BW7" s="709"/>
      <c r="BX7" s="709"/>
      <c r="BY7" s="709"/>
      <c r="BZ7" s="710"/>
      <c r="CA7" s="519" t="s">
        <v>52</v>
      </c>
      <c r="CB7" s="718" t="s">
        <v>61</v>
      </c>
      <c r="CC7" s="719"/>
      <c r="CD7" s="720"/>
      <c r="CE7" s="721" t="s">
        <v>62</v>
      </c>
      <c r="CF7" s="719"/>
      <c r="CG7" s="719"/>
      <c r="CH7" s="719"/>
      <c r="CI7" s="719"/>
      <c r="CJ7" s="719"/>
      <c r="CK7" s="722"/>
      <c r="CL7" s="711" t="s">
        <v>52</v>
      </c>
      <c r="CM7" s="716" t="s">
        <v>61</v>
      </c>
      <c r="CN7" s="709"/>
      <c r="CO7" s="710"/>
      <c r="CP7" s="708" t="s">
        <v>62</v>
      </c>
      <c r="CQ7" s="709"/>
      <c r="CR7" s="709"/>
      <c r="CS7" s="709"/>
      <c r="CT7" s="709"/>
      <c r="CU7" s="709"/>
      <c r="CV7" s="710"/>
      <c r="CW7" s="723" t="s">
        <v>52</v>
      </c>
      <c r="CX7" s="716" t="s">
        <v>61</v>
      </c>
      <c r="CY7" s="709"/>
      <c r="CZ7" s="710"/>
      <c r="DA7" s="708" t="s">
        <v>62</v>
      </c>
      <c r="DB7" s="709"/>
      <c r="DC7" s="709"/>
      <c r="DD7" s="709"/>
      <c r="DE7" s="709"/>
      <c r="DF7" s="709"/>
      <c r="DG7" s="710"/>
      <c r="DH7" s="723" t="s">
        <v>52</v>
      </c>
      <c r="DI7" s="718" t="s">
        <v>61</v>
      </c>
      <c r="DJ7" s="719"/>
      <c r="DK7" s="722"/>
      <c r="DL7" s="721" t="s">
        <v>62</v>
      </c>
      <c r="DM7" s="719"/>
      <c r="DN7" s="719"/>
      <c r="DO7" s="719"/>
      <c r="DP7" s="719"/>
      <c r="DQ7" s="719"/>
      <c r="DR7" s="722"/>
      <c r="DS7" s="711" t="s">
        <v>52</v>
      </c>
      <c r="DT7" s="716" t="s">
        <v>61</v>
      </c>
      <c r="DU7" s="709"/>
      <c r="DV7" s="717"/>
      <c r="DW7" s="708" t="s">
        <v>62</v>
      </c>
      <c r="DX7" s="709"/>
      <c r="DY7" s="709"/>
      <c r="DZ7" s="709"/>
      <c r="EA7" s="709"/>
      <c r="EB7" s="709"/>
      <c r="EC7" s="710"/>
      <c r="ED7" s="519" t="s">
        <v>52</v>
      </c>
      <c r="EE7" s="716" t="s">
        <v>61</v>
      </c>
      <c r="EF7" s="709"/>
      <c r="EG7" s="717"/>
      <c r="EH7" s="708" t="s">
        <v>62</v>
      </c>
      <c r="EI7" s="709"/>
      <c r="EJ7" s="709"/>
      <c r="EK7" s="709"/>
      <c r="EL7" s="709"/>
      <c r="EM7" s="709"/>
      <c r="EN7" s="710"/>
      <c r="EO7" s="519" t="s">
        <v>52</v>
      </c>
      <c r="EP7" s="716" t="s">
        <v>61</v>
      </c>
      <c r="EQ7" s="709"/>
      <c r="ER7" s="717"/>
      <c r="ES7" s="708" t="s">
        <v>62</v>
      </c>
      <c r="ET7" s="709"/>
      <c r="EU7" s="709"/>
      <c r="EV7" s="709"/>
      <c r="EW7" s="709"/>
      <c r="EX7" s="709"/>
      <c r="EY7" s="710"/>
      <c r="EZ7" s="519" t="s">
        <v>52</v>
      </c>
      <c r="FA7" s="716" t="s">
        <v>61</v>
      </c>
      <c r="FB7" s="709"/>
      <c r="FC7" s="717"/>
      <c r="FD7" s="708" t="s">
        <v>62</v>
      </c>
      <c r="FE7" s="709"/>
      <c r="FF7" s="709"/>
      <c r="FG7" s="709"/>
      <c r="FH7" s="709"/>
      <c r="FI7" s="709"/>
      <c r="FJ7" s="710"/>
      <c r="FK7" s="519" t="s">
        <v>52</v>
      </c>
      <c r="FL7" s="718" t="s">
        <v>61</v>
      </c>
      <c r="FM7" s="719"/>
      <c r="FN7" s="720"/>
      <c r="FO7" s="721" t="s">
        <v>62</v>
      </c>
      <c r="FP7" s="719"/>
      <c r="FQ7" s="719"/>
      <c r="FR7" s="719"/>
      <c r="FS7" s="719"/>
      <c r="FT7" s="719"/>
      <c r="FU7" s="722"/>
      <c r="FV7" s="703" t="s">
        <v>52</v>
      </c>
      <c r="FW7" s="716" t="s">
        <v>61</v>
      </c>
      <c r="FX7" s="709"/>
      <c r="FY7" s="717"/>
      <c r="FZ7" s="708" t="s">
        <v>62</v>
      </c>
      <c r="GA7" s="709"/>
      <c r="GB7" s="709"/>
      <c r="GC7" s="709"/>
      <c r="GD7" s="709"/>
      <c r="GE7" s="709"/>
      <c r="GF7" s="710"/>
      <c r="GG7" s="519" t="s">
        <v>52</v>
      </c>
      <c r="GH7" s="517" t="s">
        <v>61</v>
      </c>
      <c r="GI7" s="518"/>
      <c r="GJ7" s="518"/>
      <c r="GK7" s="714" t="s">
        <v>62</v>
      </c>
      <c r="GL7" s="518"/>
      <c r="GM7" s="518"/>
      <c r="GN7" s="518"/>
      <c r="GO7" s="518"/>
      <c r="GP7" s="518"/>
      <c r="GQ7" s="713"/>
      <c r="GR7" s="724" t="s">
        <v>52</v>
      </c>
      <c r="GS7" s="517" t="s">
        <v>61</v>
      </c>
      <c r="GT7" s="518"/>
      <c r="GU7" s="713"/>
      <c r="GV7" s="714" t="s">
        <v>62</v>
      </c>
      <c r="GW7" s="518"/>
      <c r="GX7" s="518"/>
      <c r="GY7" s="518"/>
      <c r="GZ7" s="518"/>
      <c r="HA7" s="518"/>
      <c r="HB7" s="713"/>
      <c r="HC7" s="724" t="s">
        <v>52</v>
      </c>
      <c r="HD7" s="716" t="s">
        <v>61</v>
      </c>
      <c r="HE7" s="709"/>
      <c r="HF7" s="717"/>
      <c r="HG7" s="708" t="s">
        <v>62</v>
      </c>
      <c r="HH7" s="709"/>
      <c r="HI7" s="709"/>
      <c r="HJ7" s="709"/>
      <c r="HK7" s="709"/>
      <c r="HL7" s="709"/>
      <c r="HM7" s="710"/>
      <c r="HN7" s="519" t="s">
        <v>52</v>
      </c>
      <c r="HO7" s="716" t="s">
        <v>61</v>
      </c>
      <c r="HP7" s="709"/>
      <c r="HQ7" s="717"/>
      <c r="HR7" s="708" t="s">
        <v>62</v>
      </c>
      <c r="HS7" s="709"/>
      <c r="HT7" s="709"/>
      <c r="HU7" s="709"/>
      <c r="HV7" s="709"/>
      <c r="HW7" s="709"/>
      <c r="HX7" s="710"/>
      <c r="HY7" s="519" t="s">
        <v>52</v>
      </c>
      <c r="HZ7" s="573" t="s">
        <v>61</v>
      </c>
      <c r="IA7" s="574"/>
      <c r="IB7" s="575"/>
      <c r="IC7" s="610" t="s">
        <v>62</v>
      </c>
      <c r="ID7" s="574"/>
      <c r="IE7" s="574"/>
      <c r="IF7" s="574"/>
      <c r="IG7" s="574"/>
      <c r="IH7" s="574"/>
      <c r="II7" s="611"/>
      <c r="IJ7" s="577" t="s">
        <v>52</v>
      </c>
      <c r="IK7" s="590" t="s">
        <v>61</v>
      </c>
      <c r="IL7" s="583"/>
      <c r="IM7" s="584"/>
      <c r="IN7" s="613" t="s">
        <v>62</v>
      </c>
      <c r="IO7" s="583"/>
      <c r="IP7" s="583"/>
      <c r="IQ7" s="583"/>
      <c r="IR7" s="583"/>
      <c r="IS7" s="583"/>
      <c r="IT7" s="614"/>
      <c r="IU7" s="596" t="s">
        <v>52</v>
      </c>
      <c r="IV7" s="590" t="s">
        <v>61</v>
      </c>
      <c r="IW7" s="583"/>
      <c r="IX7" s="614"/>
      <c r="IY7" s="613" t="s">
        <v>62</v>
      </c>
      <c r="IZ7" s="583"/>
      <c r="JA7" s="583"/>
      <c r="JB7" s="583"/>
      <c r="JC7" s="583"/>
      <c r="JD7" s="583"/>
      <c r="JE7" s="614"/>
      <c r="JF7" s="596" t="s">
        <v>52</v>
      </c>
      <c r="JG7" s="590" t="s">
        <v>61</v>
      </c>
      <c r="JH7" s="583"/>
      <c r="JI7" s="584"/>
      <c r="JJ7" s="613" t="s">
        <v>62</v>
      </c>
      <c r="JK7" s="583"/>
      <c r="JL7" s="583"/>
      <c r="JM7" s="583"/>
      <c r="JN7" s="583"/>
      <c r="JO7" s="583"/>
      <c r="JP7" s="614"/>
      <c r="JQ7" s="608" t="s">
        <v>52</v>
      </c>
      <c r="JR7" s="590" t="s">
        <v>61</v>
      </c>
      <c r="JS7" s="583"/>
      <c r="JT7" s="584"/>
      <c r="JU7" s="613" t="s">
        <v>62</v>
      </c>
      <c r="JV7" s="583"/>
      <c r="JW7" s="583"/>
      <c r="JX7" s="583"/>
      <c r="JY7" s="583"/>
      <c r="JZ7" s="583"/>
      <c r="KA7" s="614"/>
      <c r="KB7" s="608" t="s">
        <v>52</v>
      </c>
      <c r="KC7" s="590" t="s">
        <v>61</v>
      </c>
      <c r="KD7" s="583"/>
      <c r="KE7" s="584"/>
      <c r="KF7" s="613" t="s">
        <v>62</v>
      </c>
      <c r="KG7" s="583"/>
      <c r="KH7" s="583"/>
      <c r="KI7" s="583"/>
      <c r="KJ7" s="583"/>
      <c r="KK7" s="583"/>
      <c r="KL7" s="614"/>
      <c r="KM7" s="608" t="s">
        <v>52</v>
      </c>
      <c r="KN7" s="590" t="s">
        <v>61</v>
      </c>
      <c r="KO7" s="583"/>
      <c r="KP7" s="584"/>
      <c r="KQ7" s="613" t="s">
        <v>62</v>
      </c>
      <c r="KR7" s="583"/>
      <c r="KS7" s="583"/>
      <c r="KT7" s="583"/>
      <c r="KU7" s="583"/>
      <c r="KV7" s="583"/>
      <c r="KW7" s="614"/>
      <c r="KX7" s="608" t="s">
        <v>52</v>
      </c>
      <c r="KY7" s="590" t="s">
        <v>61</v>
      </c>
      <c r="KZ7" s="583"/>
      <c r="LA7" s="584"/>
      <c r="LB7" s="613" t="s">
        <v>62</v>
      </c>
      <c r="LC7" s="583"/>
      <c r="LD7" s="583"/>
      <c r="LE7" s="583"/>
      <c r="LF7" s="583"/>
      <c r="LG7" s="583"/>
      <c r="LH7" s="614"/>
      <c r="LI7" s="608" t="s">
        <v>52</v>
      </c>
      <c r="LJ7" s="590" t="s">
        <v>61</v>
      </c>
      <c r="LK7" s="583"/>
      <c r="LL7" s="584"/>
      <c r="LM7" s="613" t="s">
        <v>62</v>
      </c>
      <c r="LN7" s="583"/>
      <c r="LO7" s="583"/>
      <c r="LP7" s="583"/>
      <c r="LQ7" s="583"/>
      <c r="LR7" s="583"/>
      <c r="LS7" s="614"/>
      <c r="LT7" s="608" t="s">
        <v>52</v>
      </c>
      <c r="LU7" s="590" t="s">
        <v>61</v>
      </c>
      <c r="LV7" s="583"/>
      <c r="LW7" s="584"/>
      <c r="LX7" s="613" t="s">
        <v>62</v>
      </c>
      <c r="LY7" s="583"/>
      <c r="LZ7" s="583"/>
      <c r="MA7" s="583"/>
      <c r="MB7" s="583"/>
      <c r="MC7" s="583"/>
      <c r="MD7" s="614"/>
      <c r="ME7" s="608" t="s">
        <v>52</v>
      </c>
      <c r="MF7" s="573" t="s">
        <v>61</v>
      </c>
      <c r="MG7" s="574"/>
      <c r="MH7" s="575"/>
      <c r="MI7" s="610" t="s">
        <v>62</v>
      </c>
      <c r="MJ7" s="574"/>
      <c r="MK7" s="574"/>
      <c r="ML7" s="574"/>
      <c r="MM7" s="574"/>
      <c r="MN7" s="574"/>
      <c r="MO7" s="611"/>
      <c r="MP7" s="612" t="s">
        <v>52</v>
      </c>
      <c r="MQ7" s="590" t="s">
        <v>61</v>
      </c>
      <c r="MR7" s="583"/>
      <c r="MS7" s="584"/>
      <c r="MT7" s="613" t="s">
        <v>62</v>
      </c>
      <c r="MU7" s="583"/>
      <c r="MV7" s="583"/>
      <c r="MW7" s="583"/>
      <c r="MX7" s="583"/>
      <c r="MY7" s="583"/>
      <c r="MZ7" s="614"/>
      <c r="NA7" s="608" t="s">
        <v>52</v>
      </c>
      <c r="NB7" s="590" t="s">
        <v>61</v>
      </c>
      <c r="NC7" s="583"/>
      <c r="ND7" s="584"/>
      <c r="NE7" s="613" t="s">
        <v>62</v>
      </c>
      <c r="NF7" s="583"/>
      <c r="NG7" s="583"/>
      <c r="NH7" s="583"/>
      <c r="NI7" s="583"/>
      <c r="NJ7" s="583"/>
      <c r="NK7" s="614"/>
      <c r="NL7" s="608" t="s">
        <v>52</v>
      </c>
      <c r="NM7" s="590" t="s">
        <v>61</v>
      </c>
      <c r="NN7" s="583"/>
      <c r="NO7" s="584"/>
      <c r="NP7" s="613" t="s">
        <v>62</v>
      </c>
      <c r="NQ7" s="583"/>
      <c r="NR7" s="583"/>
      <c r="NS7" s="583"/>
      <c r="NT7" s="583"/>
      <c r="NU7" s="583"/>
      <c r="NV7" s="614"/>
      <c r="NW7" s="608" t="s">
        <v>52</v>
      </c>
      <c r="NX7" s="590" t="s">
        <v>61</v>
      </c>
      <c r="NY7" s="583"/>
      <c r="NZ7" s="584"/>
      <c r="OA7" s="613" t="s">
        <v>62</v>
      </c>
      <c r="OB7" s="583"/>
      <c r="OC7" s="583"/>
      <c r="OD7" s="583"/>
      <c r="OE7" s="583"/>
      <c r="OF7" s="583"/>
      <c r="OG7" s="614"/>
      <c r="OH7" s="608" t="s">
        <v>52</v>
      </c>
      <c r="OI7" s="573" t="s">
        <v>61</v>
      </c>
      <c r="OJ7" s="574"/>
      <c r="OK7" s="575"/>
      <c r="OL7" s="610" t="s">
        <v>62</v>
      </c>
      <c r="OM7" s="574"/>
      <c r="ON7" s="574"/>
      <c r="OO7" s="574"/>
      <c r="OP7" s="574"/>
      <c r="OQ7" s="574"/>
      <c r="OR7" s="611"/>
      <c r="OS7" s="612" t="s">
        <v>52</v>
      </c>
    </row>
    <row r="8" spans="2:409" ht="30" customHeight="1" thickBot="1" x14ac:dyDescent="0.25">
      <c r="B8" s="681"/>
      <c r="C8" s="323" t="s">
        <v>43</v>
      </c>
      <c r="D8" s="47" t="s">
        <v>44</v>
      </c>
      <c r="E8" s="324" t="s">
        <v>45</v>
      </c>
      <c r="F8" s="52" t="s">
        <v>83</v>
      </c>
      <c r="G8" s="47" t="s">
        <v>47</v>
      </c>
      <c r="H8" s="47" t="s">
        <v>48</v>
      </c>
      <c r="I8" s="47" t="s">
        <v>49</v>
      </c>
      <c r="J8" s="47" t="s">
        <v>50</v>
      </c>
      <c r="K8" s="47" t="s">
        <v>51</v>
      </c>
      <c r="L8" s="48" t="s">
        <v>45</v>
      </c>
      <c r="M8" s="705"/>
      <c r="N8" s="51" t="s">
        <v>43</v>
      </c>
      <c r="O8" s="47" t="s">
        <v>44</v>
      </c>
      <c r="P8" s="48" t="s">
        <v>45</v>
      </c>
      <c r="Q8" s="52" t="s">
        <v>83</v>
      </c>
      <c r="R8" s="47" t="s">
        <v>47</v>
      </c>
      <c r="S8" s="47" t="s">
        <v>48</v>
      </c>
      <c r="T8" s="47" t="s">
        <v>49</v>
      </c>
      <c r="U8" s="47" t="s">
        <v>50</v>
      </c>
      <c r="V8" s="47" t="s">
        <v>51</v>
      </c>
      <c r="W8" s="48" t="s">
        <v>45</v>
      </c>
      <c r="X8" s="712"/>
      <c r="Y8" s="51" t="s">
        <v>43</v>
      </c>
      <c r="Z8" s="47" t="s">
        <v>44</v>
      </c>
      <c r="AA8" s="48" t="s">
        <v>45</v>
      </c>
      <c r="AB8" s="52" t="s">
        <v>83</v>
      </c>
      <c r="AC8" s="47" t="s">
        <v>47</v>
      </c>
      <c r="AD8" s="47" t="s">
        <v>48</v>
      </c>
      <c r="AE8" s="47" t="s">
        <v>49</v>
      </c>
      <c r="AF8" s="47" t="s">
        <v>50</v>
      </c>
      <c r="AG8" s="47" t="s">
        <v>51</v>
      </c>
      <c r="AH8" s="48" t="s">
        <v>45</v>
      </c>
      <c r="AI8" s="715"/>
      <c r="AJ8" s="51" t="s">
        <v>43</v>
      </c>
      <c r="AK8" s="47" t="s">
        <v>44</v>
      </c>
      <c r="AL8" s="324" t="s">
        <v>45</v>
      </c>
      <c r="AM8" s="52" t="s">
        <v>83</v>
      </c>
      <c r="AN8" s="47" t="s">
        <v>47</v>
      </c>
      <c r="AO8" s="47" t="s">
        <v>48</v>
      </c>
      <c r="AP8" s="47" t="s">
        <v>49</v>
      </c>
      <c r="AQ8" s="47" t="s">
        <v>50</v>
      </c>
      <c r="AR8" s="47" t="s">
        <v>51</v>
      </c>
      <c r="AS8" s="48" t="s">
        <v>45</v>
      </c>
      <c r="AT8" s="715"/>
      <c r="AU8" s="51" t="s">
        <v>43</v>
      </c>
      <c r="AV8" s="47" t="s">
        <v>44</v>
      </c>
      <c r="AW8" s="324" t="s">
        <v>45</v>
      </c>
      <c r="AX8" s="52" t="s">
        <v>83</v>
      </c>
      <c r="AY8" s="47" t="s">
        <v>47</v>
      </c>
      <c r="AZ8" s="47" t="s">
        <v>48</v>
      </c>
      <c r="BA8" s="47" t="s">
        <v>49</v>
      </c>
      <c r="BB8" s="47" t="s">
        <v>50</v>
      </c>
      <c r="BC8" s="47" t="s">
        <v>51</v>
      </c>
      <c r="BD8" s="48" t="s">
        <v>45</v>
      </c>
      <c r="BE8" s="715"/>
      <c r="BF8" s="325" t="s">
        <v>43</v>
      </c>
      <c r="BG8" s="47" t="s">
        <v>44</v>
      </c>
      <c r="BH8" s="324" t="s">
        <v>45</v>
      </c>
      <c r="BI8" s="52" t="s">
        <v>83</v>
      </c>
      <c r="BJ8" s="47" t="s">
        <v>47</v>
      </c>
      <c r="BK8" s="47" t="s">
        <v>48</v>
      </c>
      <c r="BL8" s="47" t="s">
        <v>49</v>
      </c>
      <c r="BM8" s="47" t="s">
        <v>50</v>
      </c>
      <c r="BN8" s="47" t="s">
        <v>51</v>
      </c>
      <c r="BO8" s="48" t="s">
        <v>45</v>
      </c>
      <c r="BP8" s="715"/>
      <c r="BQ8" s="51" t="s">
        <v>43</v>
      </c>
      <c r="BR8" s="47" t="s">
        <v>44</v>
      </c>
      <c r="BS8" s="324" t="s">
        <v>45</v>
      </c>
      <c r="BT8" s="52" t="s">
        <v>83</v>
      </c>
      <c r="BU8" s="47" t="s">
        <v>47</v>
      </c>
      <c r="BV8" s="47" t="s">
        <v>48</v>
      </c>
      <c r="BW8" s="47" t="s">
        <v>49</v>
      </c>
      <c r="BX8" s="47" t="s">
        <v>50</v>
      </c>
      <c r="BY8" s="47" t="s">
        <v>51</v>
      </c>
      <c r="BZ8" s="48" t="s">
        <v>45</v>
      </c>
      <c r="CA8" s="715"/>
      <c r="CB8" s="51" t="s">
        <v>43</v>
      </c>
      <c r="CC8" s="47" t="s">
        <v>44</v>
      </c>
      <c r="CD8" s="324" t="s">
        <v>45</v>
      </c>
      <c r="CE8" s="52" t="s">
        <v>83</v>
      </c>
      <c r="CF8" s="47" t="s">
        <v>47</v>
      </c>
      <c r="CG8" s="47" t="s">
        <v>48</v>
      </c>
      <c r="CH8" s="47" t="s">
        <v>49</v>
      </c>
      <c r="CI8" s="47" t="s">
        <v>50</v>
      </c>
      <c r="CJ8" s="47" t="s">
        <v>51</v>
      </c>
      <c r="CK8" s="48" t="s">
        <v>45</v>
      </c>
      <c r="CL8" s="712"/>
      <c r="CM8" s="51" t="s">
        <v>43</v>
      </c>
      <c r="CN8" s="47" t="s">
        <v>44</v>
      </c>
      <c r="CO8" s="48" t="s">
        <v>45</v>
      </c>
      <c r="CP8" s="52" t="s">
        <v>83</v>
      </c>
      <c r="CQ8" s="47" t="s">
        <v>47</v>
      </c>
      <c r="CR8" s="47" t="s">
        <v>48</v>
      </c>
      <c r="CS8" s="47" t="s">
        <v>49</v>
      </c>
      <c r="CT8" s="47" t="s">
        <v>50</v>
      </c>
      <c r="CU8" s="47" t="s">
        <v>51</v>
      </c>
      <c r="CV8" s="48" t="s">
        <v>45</v>
      </c>
      <c r="CW8" s="712"/>
      <c r="CX8" s="51" t="s">
        <v>43</v>
      </c>
      <c r="CY8" s="47" t="s">
        <v>44</v>
      </c>
      <c r="CZ8" s="48" t="s">
        <v>45</v>
      </c>
      <c r="DA8" s="52" t="s">
        <v>83</v>
      </c>
      <c r="DB8" s="47" t="s">
        <v>47</v>
      </c>
      <c r="DC8" s="47" t="s">
        <v>48</v>
      </c>
      <c r="DD8" s="47" t="s">
        <v>49</v>
      </c>
      <c r="DE8" s="47" t="s">
        <v>50</v>
      </c>
      <c r="DF8" s="47" t="s">
        <v>51</v>
      </c>
      <c r="DG8" s="48" t="s">
        <v>45</v>
      </c>
      <c r="DH8" s="712"/>
      <c r="DI8" s="51" t="s">
        <v>43</v>
      </c>
      <c r="DJ8" s="47" t="s">
        <v>44</v>
      </c>
      <c r="DK8" s="48" t="s">
        <v>45</v>
      </c>
      <c r="DL8" s="52" t="s">
        <v>83</v>
      </c>
      <c r="DM8" s="47" t="s">
        <v>47</v>
      </c>
      <c r="DN8" s="47" t="s">
        <v>48</v>
      </c>
      <c r="DO8" s="47" t="s">
        <v>49</v>
      </c>
      <c r="DP8" s="47" t="s">
        <v>50</v>
      </c>
      <c r="DQ8" s="47" t="s">
        <v>51</v>
      </c>
      <c r="DR8" s="48" t="s">
        <v>45</v>
      </c>
      <c r="DS8" s="712"/>
      <c r="DT8" s="51" t="s">
        <v>43</v>
      </c>
      <c r="DU8" s="47" t="s">
        <v>44</v>
      </c>
      <c r="DV8" s="324" t="s">
        <v>45</v>
      </c>
      <c r="DW8" s="52" t="s">
        <v>83</v>
      </c>
      <c r="DX8" s="47" t="s">
        <v>47</v>
      </c>
      <c r="DY8" s="47" t="s">
        <v>48</v>
      </c>
      <c r="DZ8" s="47" t="s">
        <v>49</v>
      </c>
      <c r="EA8" s="47" t="s">
        <v>50</v>
      </c>
      <c r="EB8" s="47" t="s">
        <v>51</v>
      </c>
      <c r="EC8" s="48" t="s">
        <v>45</v>
      </c>
      <c r="ED8" s="715"/>
      <c r="EE8" s="51" t="s">
        <v>43</v>
      </c>
      <c r="EF8" s="47" t="s">
        <v>44</v>
      </c>
      <c r="EG8" s="324" t="s">
        <v>45</v>
      </c>
      <c r="EH8" s="52" t="s">
        <v>83</v>
      </c>
      <c r="EI8" s="47" t="s">
        <v>47</v>
      </c>
      <c r="EJ8" s="47" t="s">
        <v>48</v>
      </c>
      <c r="EK8" s="47" t="s">
        <v>49</v>
      </c>
      <c r="EL8" s="47" t="s">
        <v>50</v>
      </c>
      <c r="EM8" s="47" t="s">
        <v>51</v>
      </c>
      <c r="EN8" s="48" t="s">
        <v>45</v>
      </c>
      <c r="EO8" s="715"/>
      <c r="EP8" s="51" t="s">
        <v>43</v>
      </c>
      <c r="EQ8" s="47" t="s">
        <v>44</v>
      </c>
      <c r="ER8" s="324" t="s">
        <v>45</v>
      </c>
      <c r="ES8" s="52" t="s">
        <v>83</v>
      </c>
      <c r="ET8" s="47" t="s">
        <v>47</v>
      </c>
      <c r="EU8" s="47" t="s">
        <v>48</v>
      </c>
      <c r="EV8" s="47" t="s">
        <v>49</v>
      </c>
      <c r="EW8" s="47" t="s">
        <v>50</v>
      </c>
      <c r="EX8" s="47" t="s">
        <v>51</v>
      </c>
      <c r="EY8" s="48" t="s">
        <v>45</v>
      </c>
      <c r="EZ8" s="715"/>
      <c r="FA8" s="51" t="s">
        <v>43</v>
      </c>
      <c r="FB8" s="47" t="s">
        <v>44</v>
      </c>
      <c r="FC8" s="324" t="s">
        <v>45</v>
      </c>
      <c r="FD8" s="52" t="s">
        <v>83</v>
      </c>
      <c r="FE8" s="47" t="s">
        <v>47</v>
      </c>
      <c r="FF8" s="47" t="s">
        <v>48</v>
      </c>
      <c r="FG8" s="47" t="s">
        <v>49</v>
      </c>
      <c r="FH8" s="47" t="s">
        <v>50</v>
      </c>
      <c r="FI8" s="47" t="s">
        <v>51</v>
      </c>
      <c r="FJ8" s="48" t="s">
        <v>45</v>
      </c>
      <c r="FK8" s="715"/>
      <c r="FL8" s="51" t="s">
        <v>43</v>
      </c>
      <c r="FM8" s="47" t="s">
        <v>44</v>
      </c>
      <c r="FN8" s="324" t="s">
        <v>45</v>
      </c>
      <c r="FO8" s="52" t="s">
        <v>83</v>
      </c>
      <c r="FP8" s="47" t="s">
        <v>47</v>
      </c>
      <c r="FQ8" s="47" t="s">
        <v>48</v>
      </c>
      <c r="FR8" s="47" t="s">
        <v>49</v>
      </c>
      <c r="FS8" s="47" t="s">
        <v>50</v>
      </c>
      <c r="FT8" s="47" t="s">
        <v>51</v>
      </c>
      <c r="FU8" s="48" t="s">
        <v>45</v>
      </c>
      <c r="FV8" s="727"/>
      <c r="FW8" s="51" t="s">
        <v>43</v>
      </c>
      <c r="FX8" s="47" t="s">
        <v>44</v>
      </c>
      <c r="FY8" s="324" t="s">
        <v>45</v>
      </c>
      <c r="FZ8" s="52" t="s">
        <v>83</v>
      </c>
      <c r="GA8" s="47" t="s">
        <v>47</v>
      </c>
      <c r="GB8" s="47" t="s">
        <v>48</v>
      </c>
      <c r="GC8" s="47" t="s">
        <v>49</v>
      </c>
      <c r="GD8" s="47" t="s">
        <v>50</v>
      </c>
      <c r="GE8" s="47" t="s">
        <v>51</v>
      </c>
      <c r="GF8" s="48" t="s">
        <v>45</v>
      </c>
      <c r="GG8" s="715"/>
      <c r="GH8" s="51" t="s">
        <v>43</v>
      </c>
      <c r="GI8" s="47" t="s">
        <v>44</v>
      </c>
      <c r="GJ8" s="324" t="s">
        <v>45</v>
      </c>
      <c r="GK8" s="52" t="s">
        <v>83</v>
      </c>
      <c r="GL8" s="47" t="s">
        <v>47</v>
      </c>
      <c r="GM8" s="47" t="s">
        <v>48</v>
      </c>
      <c r="GN8" s="47" t="s">
        <v>49</v>
      </c>
      <c r="GO8" s="47" t="s">
        <v>50</v>
      </c>
      <c r="GP8" s="47" t="s">
        <v>51</v>
      </c>
      <c r="GQ8" s="48" t="s">
        <v>45</v>
      </c>
      <c r="GR8" s="725"/>
      <c r="GS8" s="51" t="s">
        <v>43</v>
      </c>
      <c r="GT8" s="47" t="s">
        <v>44</v>
      </c>
      <c r="GU8" s="324" t="s">
        <v>45</v>
      </c>
      <c r="GV8" s="52" t="s">
        <v>83</v>
      </c>
      <c r="GW8" s="47" t="s">
        <v>47</v>
      </c>
      <c r="GX8" s="47" t="s">
        <v>48</v>
      </c>
      <c r="GY8" s="47" t="s">
        <v>49</v>
      </c>
      <c r="GZ8" s="47" t="s">
        <v>50</v>
      </c>
      <c r="HA8" s="47" t="s">
        <v>51</v>
      </c>
      <c r="HB8" s="48" t="s">
        <v>45</v>
      </c>
      <c r="HC8" s="725"/>
      <c r="HD8" s="51" t="s">
        <v>43</v>
      </c>
      <c r="HE8" s="47" t="s">
        <v>44</v>
      </c>
      <c r="HF8" s="324" t="s">
        <v>45</v>
      </c>
      <c r="HG8" s="52" t="s">
        <v>83</v>
      </c>
      <c r="HH8" s="47" t="s">
        <v>47</v>
      </c>
      <c r="HI8" s="47" t="s">
        <v>48</v>
      </c>
      <c r="HJ8" s="47" t="s">
        <v>49</v>
      </c>
      <c r="HK8" s="47" t="s">
        <v>50</v>
      </c>
      <c r="HL8" s="47" t="s">
        <v>51</v>
      </c>
      <c r="HM8" s="48" t="s">
        <v>45</v>
      </c>
      <c r="HN8" s="715"/>
      <c r="HO8" s="51" t="s">
        <v>43</v>
      </c>
      <c r="HP8" s="47" t="s">
        <v>44</v>
      </c>
      <c r="HQ8" s="324" t="s">
        <v>45</v>
      </c>
      <c r="HR8" s="52" t="s">
        <v>83</v>
      </c>
      <c r="HS8" s="47" t="s">
        <v>47</v>
      </c>
      <c r="HT8" s="47" t="s">
        <v>48</v>
      </c>
      <c r="HU8" s="47" t="s">
        <v>49</v>
      </c>
      <c r="HV8" s="47" t="s">
        <v>50</v>
      </c>
      <c r="HW8" s="47" t="s">
        <v>51</v>
      </c>
      <c r="HX8" s="48" t="s">
        <v>45</v>
      </c>
      <c r="HY8" s="715"/>
      <c r="HZ8" s="366" t="s">
        <v>43</v>
      </c>
      <c r="IA8" s="367" t="s">
        <v>44</v>
      </c>
      <c r="IB8" s="41" t="s">
        <v>45</v>
      </c>
      <c r="IC8" s="42" t="s">
        <v>83</v>
      </c>
      <c r="ID8" s="367" t="s">
        <v>47</v>
      </c>
      <c r="IE8" s="367" t="s">
        <v>48</v>
      </c>
      <c r="IF8" s="367" t="s">
        <v>49</v>
      </c>
      <c r="IG8" s="367" t="s">
        <v>50</v>
      </c>
      <c r="IH8" s="367" t="s">
        <v>51</v>
      </c>
      <c r="II8" s="17" t="s">
        <v>45</v>
      </c>
      <c r="IJ8" s="650"/>
      <c r="IK8" s="366" t="s">
        <v>43</v>
      </c>
      <c r="IL8" s="367" t="s">
        <v>44</v>
      </c>
      <c r="IM8" s="41" t="s">
        <v>45</v>
      </c>
      <c r="IN8" s="42" t="s">
        <v>83</v>
      </c>
      <c r="IO8" s="59" t="s">
        <v>47</v>
      </c>
      <c r="IP8" s="59" t="s">
        <v>48</v>
      </c>
      <c r="IQ8" s="59" t="s">
        <v>49</v>
      </c>
      <c r="IR8" s="59" t="s">
        <v>50</v>
      </c>
      <c r="IS8" s="59" t="s">
        <v>51</v>
      </c>
      <c r="IT8" s="64" t="s">
        <v>45</v>
      </c>
      <c r="IU8" s="649"/>
      <c r="IV8" s="61" t="s">
        <v>43</v>
      </c>
      <c r="IW8" s="59" t="s">
        <v>44</v>
      </c>
      <c r="IX8" s="64" t="s">
        <v>45</v>
      </c>
      <c r="IY8" s="33" t="s">
        <v>83</v>
      </c>
      <c r="IZ8" s="59" t="s">
        <v>47</v>
      </c>
      <c r="JA8" s="59" t="s">
        <v>48</v>
      </c>
      <c r="JB8" s="59" t="s">
        <v>49</v>
      </c>
      <c r="JC8" s="59" t="s">
        <v>50</v>
      </c>
      <c r="JD8" s="59" t="s">
        <v>51</v>
      </c>
      <c r="JE8" s="64" t="s">
        <v>45</v>
      </c>
      <c r="JF8" s="649"/>
      <c r="JG8" s="61" t="s">
        <v>43</v>
      </c>
      <c r="JH8" s="59" t="s">
        <v>44</v>
      </c>
      <c r="JI8" s="60" t="s">
        <v>45</v>
      </c>
      <c r="JJ8" s="33" t="s">
        <v>83</v>
      </c>
      <c r="JK8" s="59" t="s">
        <v>47</v>
      </c>
      <c r="JL8" s="59" t="s">
        <v>48</v>
      </c>
      <c r="JM8" s="59" t="s">
        <v>49</v>
      </c>
      <c r="JN8" s="59" t="s">
        <v>50</v>
      </c>
      <c r="JO8" s="59" t="s">
        <v>51</v>
      </c>
      <c r="JP8" s="64" t="s">
        <v>45</v>
      </c>
      <c r="JQ8" s="609"/>
      <c r="JR8" s="61" t="s">
        <v>43</v>
      </c>
      <c r="JS8" s="59" t="s">
        <v>44</v>
      </c>
      <c r="JT8" s="60" t="s">
        <v>45</v>
      </c>
      <c r="JU8" s="33" t="s">
        <v>83</v>
      </c>
      <c r="JV8" s="59" t="s">
        <v>47</v>
      </c>
      <c r="JW8" s="59" t="s">
        <v>48</v>
      </c>
      <c r="JX8" s="59" t="s">
        <v>49</v>
      </c>
      <c r="JY8" s="59" t="s">
        <v>50</v>
      </c>
      <c r="JZ8" s="59" t="s">
        <v>51</v>
      </c>
      <c r="KA8" s="64" t="s">
        <v>45</v>
      </c>
      <c r="KB8" s="609"/>
      <c r="KC8" s="61" t="s">
        <v>43</v>
      </c>
      <c r="KD8" s="59" t="s">
        <v>44</v>
      </c>
      <c r="KE8" s="60" t="s">
        <v>45</v>
      </c>
      <c r="KF8" s="33" t="s">
        <v>83</v>
      </c>
      <c r="KG8" s="59" t="s">
        <v>47</v>
      </c>
      <c r="KH8" s="59" t="s">
        <v>48</v>
      </c>
      <c r="KI8" s="59" t="s">
        <v>49</v>
      </c>
      <c r="KJ8" s="59" t="s">
        <v>50</v>
      </c>
      <c r="KK8" s="59" t="s">
        <v>51</v>
      </c>
      <c r="KL8" s="64" t="s">
        <v>45</v>
      </c>
      <c r="KM8" s="609"/>
      <c r="KN8" s="61" t="s">
        <v>43</v>
      </c>
      <c r="KO8" s="59" t="s">
        <v>44</v>
      </c>
      <c r="KP8" s="60" t="s">
        <v>45</v>
      </c>
      <c r="KQ8" s="42" t="s">
        <v>83</v>
      </c>
      <c r="KR8" s="59" t="s">
        <v>47</v>
      </c>
      <c r="KS8" s="59" t="s">
        <v>48</v>
      </c>
      <c r="KT8" s="59" t="s">
        <v>49</v>
      </c>
      <c r="KU8" s="59" t="s">
        <v>50</v>
      </c>
      <c r="KV8" s="59" t="s">
        <v>51</v>
      </c>
      <c r="KW8" s="64" t="s">
        <v>45</v>
      </c>
      <c r="KX8" s="609"/>
      <c r="KY8" s="61" t="s">
        <v>43</v>
      </c>
      <c r="KZ8" s="59" t="s">
        <v>44</v>
      </c>
      <c r="LA8" s="60" t="s">
        <v>45</v>
      </c>
      <c r="LB8" s="42" t="s">
        <v>83</v>
      </c>
      <c r="LC8" s="59" t="s">
        <v>47</v>
      </c>
      <c r="LD8" s="59" t="s">
        <v>48</v>
      </c>
      <c r="LE8" s="59" t="s">
        <v>49</v>
      </c>
      <c r="LF8" s="59" t="s">
        <v>50</v>
      </c>
      <c r="LG8" s="59" t="s">
        <v>51</v>
      </c>
      <c r="LH8" s="64" t="s">
        <v>45</v>
      </c>
      <c r="LI8" s="609"/>
      <c r="LJ8" s="61" t="s">
        <v>43</v>
      </c>
      <c r="LK8" s="59" t="s">
        <v>44</v>
      </c>
      <c r="LL8" s="60" t="s">
        <v>45</v>
      </c>
      <c r="LM8" s="42" t="s">
        <v>83</v>
      </c>
      <c r="LN8" s="59" t="s">
        <v>47</v>
      </c>
      <c r="LO8" s="59" t="s">
        <v>48</v>
      </c>
      <c r="LP8" s="59" t="s">
        <v>49</v>
      </c>
      <c r="LQ8" s="59" t="s">
        <v>50</v>
      </c>
      <c r="LR8" s="59" t="s">
        <v>51</v>
      </c>
      <c r="LS8" s="64" t="s">
        <v>45</v>
      </c>
      <c r="LT8" s="609"/>
      <c r="LU8" s="61" t="s">
        <v>43</v>
      </c>
      <c r="LV8" s="59" t="s">
        <v>44</v>
      </c>
      <c r="LW8" s="60" t="s">
        <v>45</v>
      </c>
      <c r="LX8" s="42" t="s">
        <v>83</v>
      </c>
      <c r="LY8" s="59" t="s">
        <v>47</v>
      </c>
      <c r="LZ8" s="59" t="s">
        <v>48</v>
      </c>
      <c r="MA8" s="59" t="s">
        <v>49</v>
      </c>
      <c r="MB8" s="59" t="s">
        <v>50</v>
      </c>
      <c r="MC8" s="59" t="s">
        <v>51</v>
      </c>
      <c r="MD8" s="64" t="s">
        <v>45</v>
      </c>
      <c r="ME8" s="609"/>
      <c r="MF8" s="61" t="s">
        <v>43</v>
      </c>
      <c r="MG8" s="59" t="s">
        <v>44</v>
      </c>
      <c r="MH8" s="60" t="s">
        <v>45</v>
      </c>
      <c r="MI8" s="42" t="s">
        <v>83</v>
      </c>
      <c r="MJ8" s="59" t="s">
        <v>47</v>
      </c>
      <c r="MK8" s="59" t="s">
        <v>48</v>
      </c>
      <c r="ML8" s="59" t="s">
        <v>49</v>
      </c>
      <c r="MM8" s="59" t="s">
        <v>50</v>
      </c>
      <c r="MN8" s="59" t="s">
        <v>51</v>
      </c>
      <c r="MO8" s="64" t="s">
        <v>45</v>
      </c>
      <c r="MP8" s="609"/>
      <c r="MQ8" s="61" t="s">
        <v>43</v>
      </c>
      <c r="MR8" s="59" t="s">
        <v>44</v>
      </c>
      <c r="MS8" s="60" t="s">
        <v>45</v>
      </c>
      <c r="MT8" s="42" t="s">
        <v>83</v>
      </c>
      <c r="MU8" s="59" t="s">
        <v>47</v>
      </c>
      <c r="MV8" s="59" t="s">
        <v>48</v>
      </c>
      <c r="MW8" s="59" t="s">
        <v>49</v>
      </c>
      <c r="MX8" s="59" t="s">
        <v>50</v>
      </c>
      <c r="MY8" s="59" t="s">
        <v>51</v>
      </c>
      <c r="MZ8" s="64" t="s">
        <v>45</v>
      </c>
      <c r="NA8" s="609"/>
      <c r="NB8" s="61" t="s">
        <v>43</v>
      </c>
      <c r="NC8" s="59" t="s">
        <v>44</v>
      </c>
      <c r="ND8" s="60" t="s">
        <v>45</v>
      </c>
      <c r="NE8" s="42" t="s">
        <v>83</v>
      </c>
      <c r="NF8" s="59" t="s">
        <v>47</v>
      </c>
      <c r="NG8" s="59" t="s">
        <v>48</v>
      </c>
      <c r="NH8" s="59" t="s">
        <v>49</v>
      </c>
      <c r="NI8" s="59" t="s">
        <v>50</v>
      </c>
      <c r="NJ8" s="59" t="s">
        <v>51</v>
      </c>
      <c r="NK8" s="64" t="s">
        <v>45</v>
      </c>
      <c r="NL8" s="609"/>
      <c r="NM8" s="61" t="s">
        <v>43</v>
      </c>
      <c r="NN8" s="59" t="s">
        <v>44</v>
      </c>
      <c r="NO8" s="60" t="s">
        <v>45</v>
      </c>
      <c r="NP8" s="42" t="s">
        <v>83</v>
      </c>
      <c r="NQ8" s="59" t="s">
        <v>47</v>
      </c>
      <c r="NR8" s="59" t="s">
        <v>48</v>
      </c>
      <c r="NS8" s="59" t="s">
        <v>49</v>
      </c>
      <c r="NT8" s="59" t="s">
        <v>50</v>
      </c>
      <c r="NU8" s="59" t="s">
        <v>51</v>
      </c>
      <c r="NV8" s="64" t="s">
        <v>45</v>
      </c>
      <c r="NW8" s="609"/>
      <c r="NX8" s="61" t="s">
        <v>43</v>
      </c>
      <c r="NY8" s="59" t="s">
        <v>44</v>
      </c>
      <c r="NZ8" s="60" t="s">
        <v>45</v>
      </c>
      <c r="OA8" s="42" t="s">
        <v>83</v>
      </c>
      <c r="OB8" s="59" t="s">
        <v>47</v>
      </c>
      <c r="OC8" s="59" t="s">
        <v>48</v>
      </c>
      <c r="OD8" s="59" t="s">
        <v>49</v>
      </c>
      <c r="OE8" s="59" t="s">
        <v>50</v>
      </c>
      <c r="OF8" s="59" t="s">
        <v>51</v>
      </c>
      <c r="OG8" s="64" t="s">
        <v>45</v>
      </c>
      <c r="OH8" s="609"/>
      <c r="OI8" s="61" t="s">
        <v>43</v>
      </c>
      <c r="OJ8" s="59" t="s">
        <v>44</v>
      </c>
      <c r="OK8" s="60" t="s">
        <v>45</v>
      </c>
      <c r="OL8" s="33" t="s">
        <v>83</v>
      </c>
      <c r="OM8" s="59" t="s">
        <v>47</v>
      </c>
      <c r="ON8" s="59" t="s">
        <v>48</v>
      </c>
      <c r="OO8" s="59" t="s">
        <v>49</v>
      </c>
      <c r="OP8" s="59" t="s">
        <v>50</v>
      </c>
      <c r="OQ8" s="59" t="s">
        <v>51</v>
      </c>
      <c r="OR8" s="64" t="s">
        <v>45</v>
      </c>
      <c r="OS8" s="609"/>
    </row>
    <row r="9" spans="2:409" s="471" customFormat="1" ht="21" customHeight="1" x14ac:dyDescent="0.2">
      <c r="B9" s="465" t="s">
        <v>4</v>
      </c>
      <c r="C9" s="385">
        <v>24494641</v>
      </c>
      <c r="D9" s="386">
        <v>44568925</v>
      </c>
      <c r="E9" s="387">
        <v>69063566</v>
      </c>
      <c r="F9" s="388">
        <v>0</v>
      </c>
      <c r="G9" s="386">
        <v>262157812</v>
      </c>
      <c r="H9" s="386">
        <v>356781058</v>
      </c>
      <c r="I9" s="386">
        <v>308192236</v>
      </c>
      <c r="J9" s="386">
        <v>340149990</v>
      </c>
      <c r="K9" s="386">
        <v>233795651</v>
      </c>
      <c r="L9" s="389">
        <v>1501076747</v>
      </c>
      <c r="M9" s="390">
        <v>1570140313</v>
      </c>
      <c r="N9" s="385">
        <v>7279299</v>
      </c>
      <c r="O9" s="386">
        <v>15644629</v>
      </c>
      <c r="P9" s="391">
        <v>22923928</v>
      </c>
      <c r="Q9" s="385">
        <v>0</v>
      </c>
      <c r="R9" s="386">
        <v>83873120</v>
      </c>
      <c r="S9" s="386">
        <v>122423551</v>
      </c>
      <c r="T9" s="386">
        <v>101542699</v>
      </c>
      <c r="U9" s="386">
        <v>119524196</v>
      </c>
      <c r="V9" s="386">
        <v>111802003</v>
      </c>
      <c r="W9" s="391">
        <v>539165569</v>
      </c>
      <c r="X9" s="390">
        <v>562089497</v>
      </c>
      <c r="Y9" s="385">
        <v>0</v>
      </c>
      <c r="Z9" s="386">
        <v>0</v>
      </c>
      <c r="AA9" s="391">
        <v>0</v>
      </c>
      <c r="AB9" s="392">
        <v>0</v>
      </c>
      <c r="AC9" s="393">
        <v>34265830</v>
      </c>
      <c r="AD9" s="393">
        <v>49518678</v>
      </c>
      <c r="AE9" s="393">
        <v>49298709</v>
      </c>
      <c r="AF9" s="393">
        <v>60921007</v>
      </c>
      <c r="AG9" s="393">
        <v>59444121</v>
      </c>
      <c r="AH9" s="391">
        <v>253448345</v>
      </c>
      <c r="AI9" s="390">
        <v>253448345</v>
      </c>
      <c r="AJ9" s="394">
        <v>0</v>
      </c>
      <c r="AK9" s="393">
        <v>64699</v>
      </c>
      <c r="AL9" s="391">
        <v>64699</v>
      </c>
      <c r="AM9" s="392">
        <v>0</v>
      </c>
      <c r="AN9" s="393">
        <v>495105</v>
      </c>
      <c r="AO9" s="389">
        <v>1538732</v>
      </c>
      <c r="AP9" s="393">
        <v>2464559</v>
      </c>
      <c r="AQ9" s="393">
        <v>8055319</v>
      </c>
      <c r="AR9" s="393">
        <v>13299094</v>
      </c>
      <c r="AS9" s="391">
        <v>25852809</v>
      </c>
      <c r="AT9" s="390">
        <v>25917508</v>
      </c>
      <c r="AU9" s="394">
        <v>4024254</v>
      </c>
      <c r="AV9" s="393">
        <v>10970374</v>
      </c>
      <c r="AW9" s="391">
        <v>14994628</v>
      </c>
      <c r="AX9" s="392">
        <v>0</v>
      </c>
      <c r="AY9" s="393">
        <v>32079268</v>
      </c>
      <c r="AZ9" s="393">
        <v>48193494</v>
      </c>
      <c r="BA9" s="393">
        <v>30790556</v>
      </c>
      <c r="BB9" s="393">
        <v>28878997</v>
      </c>
      <c r="BC9" s="393">
        <v>24315317</v>
      </c>
      <c r="BD9" s="391">
        <v>164257632</v>
      </c>
      <c r="BE9" s="395">
        <v>179252260</v>
      </c>
      <c r="BF9" s="394">
        <v>223212</v>
      </c>
      <c r="BG9" s="389">
        <v>1439158</v>
      </c>
      <c r="BH9" s="396">
        <v>1662370</v>
      </c>
      <c r="BI9" s="392">
        <v>0</v>
      </c>
      <c r="BJ9" s="393">
        <v>2888086</v>
      </c>
      <c r="BK9" s="393">
        <v>5014938</v>
      </c>
      <c r="BL9" s="393">
        <v>2792401</v>
      </c>
      <c r="BM9" s="393">
        <v>3016114</v>
      </c>
      <c r="BN9" s="393">
        <v>1743157</v>
      </c>
      <c r="BO9" s="391">
        <v>15454696</v>
      </c>
      <c r="BP9" s="390">
        <v>17117066</v>
      </c>
      <c r="BQ9" s="394">
        <v>3031833</v>
      </c>
      <c r="BR9" s="393">
        <v>3170398</v>
      </c>
      <c r="BS9" s="391">
        <v>6202231</v>
      </c>
      <c r="BT9" s="392">
        <v>0</v>
      </c>
      <c r="BU9" s="393">
        <v>14144831</v>
      </c>
      <c r="BV9" s="393">
        <v>18157709</v>
      </c>
      <c r="BW9" s="393">
        <v>16196474</v>
      </c>
      <c r="BX9" s="393">
        <v>18652759</v>
      </c>
      <c r="BY9" s="393">
        <v>13000314</v>
      </c>
      <c r="BZ9" s="391">
        <v>80152087</v>
      </c>
      <c r="CA9" s="390">
        <v>86354318</v>
      </c>
      <c r="CB9" s="394">
        <v>1976868</v>
      </c>
      <c r="CC9" s="393">
        <v>5698068</v>
      </c>
      <c r="CD9" s="391">
        <v>7674936</v>
      </c>
      <c r="CE9" s="392">
        <v>0</v>
      </c>
      <c r="CF9" s="393">
        <v>70240372</v>
      </c>
      <c r="CG9" s="393">
        <v>86507173</v>
      </c>
      <c r="CH9" s="397">
        <v>60454256</v>
      </c>
      <c r="CI9" s="393">
        <v>41399367</v>
      </c>
      <c r="CJ9" s="393">
        <v>19182925</v>
      </c>
      <c r="CK9" s="391">
        <v>277784093</v>
      </c>
      <c r="CL9" s="390">
        <v>285459029</v>
      </c>
      <c r="CM9" s="385">
        <v>0</v>
      </c>
      <c r="CN9" s="386">
        <v>0</v>
      </c>
      <c r="CO9" s="391">
        <v>0</v>
      </c>
      <c r="CP9" s="392">
        <v>0</v>
      </c>
      <c r="CQ9" s="393">
        <v>56666107</v>
      </c>
      <c r="CR9" s="393">
        <v>62470417</v>
      </c>
      <c r="CS9" s="393">
        <v>42444726</v>
      </c>
      <c r="CT9" s="393">
        <v>26071463</v>
      </c>
      <c r="CU9" s="393">
        <v>12488653</v>
      </c>
      <c r="CV9" s="398">
        <v>200141366</v>
      </c>
      <c r="CW9" s="390">
        <v>200141366</v>
      </c>
      <c r="CX9" s="394">
        <v>1976868</v>
      </c>
      <c r="CY9" s="393">
        <v>5698068</v>
      </c>
      <c r="CZ9" s="391">
        <v>7674936</v>
      </c>
      <c r="DA9" s="392">
        <v>0</v>
      </c>
      <c r="DB9" s="393">
        <v>13574265</v>
      </c>
      <c r="DC9" s="393">
        <v>24036756</v>
      </c>
      <c r="DD9" s="393">
        <v>18009530</v>
      </c>
      <c r="DE9" s="393">
        <v>15327904</v>
      </c>
      <c r="DF9" s="393">
        <v>6694272</v>
      </c>
      <c r="DG9" s="391">
        <v>77642727</v>
      </c>
      <c r="DH9" s="390">
        <v>85317663</v>
      </c>
      <c r="DI9" s="394">
        <v>127359</v>
      </c>
      <c r="DJ9" s="393">
        <v>604242</v>
      </c>
      <c r="DK9" s="396">
        <v>731601</v>
      </c>
      <c r="DL9" s="392">
        <v>0</v>
      </c>
      <c r="DM9" s="393">
        <v>7320239</v>
      </c>
      <c r="DN9" s="393">
        <v>15868100</v>
      </c>
      <c r="DO9" s="393">
        <v>26325759</v>
      </c>
      <c r="DP9" s="393">
        <v>22756269</v>
      </c>
      <c r="DQ9" s="393">
        <v>11758316</v>
      </c>
      <c r="DR9" s="399">
        <v>84028683</v>
      </c>
      <c r="DS9" s="390">
        <v>84760284</v>
      </c>
      <c r="DT9" s="394">
        <v>127359</v>
      </c>
      <c r="DU9" s="393">
        <v>517184</v>
      </c>
      <c r="DV9" s="391">
        <v>644543</v>
      </c>
      <c r="DW9" s="392">
        <v>0</v>
      </c>
      <c r="DX9" s="393">
        <v>6095549</v>
      </c>
      <c r="DY9" s="393">
        <v>13417984</v>
      </c>
      <c r="DZ9" s="393">
        <v>21956362</v>
      </c>
      <c r="EA9" s="393">
        <v>18540880</v>
      </c>
      <c r="EB9" s="393">
        <v>9100013</v>
      </c>
      <c r="EC9" s="391">
        <v>69110788</v>
      </c>
      <c r="ED9" s="390">
        <v>69755331</v>
      </c>
      <c r="EE9" s="394">
        <v>0</v>
      </c>
      <c r="EF9" s="389">
        <v>87058</v>
      </c>
      <c r="EG9" s="391">
        <v>87058</v>
      </c>
      <c r="EH9" s="395">
        <v>0</v>
      </c>
      <c r="EI9" s="393">
        <v>1224690</v>
      </c>
      <c r="EJ9" s="393">
        <v>2450116</v>
      </c>
      <c r="EK9" s="393">
        <v>4369397</v>
      </c>
      <c r="EL9" s="393">
        <v>4215389</v>
      </c>
      <c r="EM9" s="397">
        <v>2658303</v>
      </c>
      <c r="EN9" s="389">
        <v>14917895</v>
      </c>
      <c r="EO9" s="390">
        <v>15004953</v>
      </c>
      <c r="EP9" s="394">
        <v>0</v>
      </c>
      <c r="EQ9" s="393">
        <v>0</v>
      </c>
      <c r="ER9" s="389">
        <v>0</v>
      </c>
      <c r="ES9" s="392">
        <v>0</v>
      </c>
      <c r="ET9" s="393">
        <v>0</v>
      </c>
      <c r="EU9" s="393">
        <v>0</v>
      </c>
      <c r="EV9" s="393">
        <v>0</v>
      </c>
      <c r="EW9" s="393">
        <v>0</v>
      </c>
      <c r="EX9" s="393">
        <v>0</v>
      </c>
      <c r="EY9" s="398">
        <v>0</v>
      </c>
      <c r="EZ9" s="390">
        <v>0</v>
      </c>
      <c r="FA9" s="394">
        <v>0</v>
      </c>
      <c r="FB9" s="393">
        <v>0</v>
      </c>
      <c r="FC9" s="389">
        <v>0</v>
      </c>
      <c r="FD9" s="400"/>
      <c r="FE9" s="393">
        <v>0</v>
      </c>
      <c r="FF9" s="393">
        <v>0</v>
      </c>
      <c r="FG9" s="393">
        <v>0</v>
      </c>
      <c r="FH9" s="393">
        <v>0</v>
      </c>
      <c r="FI9" s="393">
        <v>0</v>
      </c>
      <c r="FJ9" s="398">
        <v>0</v>
      </c>
      <c r="FK9" s="390">
        <v>0</v>
      </c>
      <c r="FL9" s="394">
        <v>5155852</v>
      </c>
      <c r="FM9" s="393">
        <v>10515979</v>
      </c>
      <c r="FN9" s="391">
        <v>15671831</v>
      </c>
      <c r="FO9" s="392">
        <v>0</v>
      </c>
      <c r="FP9" s="393">
        <v>13351468</v>
      </c>
      <c r="FQ9" s="393">
        <v>30818147</v>
      </c>
      <c r="FR9" s="393">
        <v>23929066</v>
      </c>
      <c r="FS9" s="393">
        <v>21425279</v>
      </c>
      <c r="FT9" s="393">
        <v>15616968</v>
      </c>
      <c r="FU9" s="391">
        <v>105140928</v>
      </c>
      <c r="FV9" s="390">
        <v>120812759</v>
      </c>
      <c r="FW9" s="394">
        <v>2598958</v>
      </c>
      <c r="FX9" s="393">
        <v>6063185</v>
      </c>
      <c r="FY9" s="389">
        <v>8662143</v>
      </c>
      <c r="FZ9" s="395">
        <v>0</v>
      </c>
      <c r="GA9" s="393">
        <v>9081864</v>
      </c>
      <c r="GB9" s="401">
        <v>27577208</v>
      </c>
      <c r="GC9" s="393">
        <v>21399074</v>
      </c>
      <c r="GD9" s="401">
        <v>19817906</v>
      </c>
      <c r="GE9" s="393">
        <v>14819562</v>
      </c>
      <c r="GF9" s="398">
        <v>92695614</v>
      </c>
      <c r="GG9" s="402">
        <v>101357757</v>
      </c>
      <c r="GH9" s="403">
        <v>196680</v>
      </c>
      <c r="GI9" s="393">
        <v>393712</v>
      </c>
      <c r="GJ9" s="401">
        <v>590392</v>
      </c>
      <c r="GK9" s="388">
        <v>0</v>
      </c>
      <c r="GL9" s="393">
        <v>880458</v>
      </c>
      <c r="GM9" s="389">
        <v>1017781</v>
      </c>
      <c r="GN9" s="393">
        <v>791510</v>
      </c>
      <c r="GO9" s="389">
        <v>763519</v>
      </c>
      <c r="GP9" s="393">
        <v>307770</v>
      </c>
      <c r="GQ9" s="399">
        <v>3761038</v>
      </c>
      <c r="GR9" s="390">
        <v>4351430</v>
      </c>
      <c r="GS9" s="389">
        <v>2360214</v>
      </c>
      <c r="GT9" s="393">
        <v>4059082</v>
      </c>
      <c r="GU9" s="391">
        <v>6419296</v>
      </c>
      <c r="GV9" s="389">
        <v>0</v>
      </c>
      <c r="GW9" s="393">
        <v>3389146</v>
      </c>
      <c r="GX9" s="389">
        <v>2223158</v>
      </c>
      <c r="GY9" s="393">
        <v>1738482</v>
      </c>
      <c r="GZ9" s="389">
        <v>843854</v>
      </c>
      <c r="HA9" s="393">
        <v>489636</v>
      </c>
      <c r="HB9" s="389">
        <v>8684276</v>
      </c>
      <c r="HC9" s="390">
        <v>15103572</v>
      </c>
      <c r="HD9" s="389">
        <v>9955263</v>
      </c>
      <c r="HE9" s="393">
        <v>12106007</v>
      </c>
      <c r="HF9" s="389">
        <v>22061270</v>
      </c>
      <c r="HG9" s="395">
        <v>0</v>
      </c>
      <c r="HH9" s="393">
        <v>87372613</v>
      </c>
      <c r="HI9" s="401">
        <v>101164087</v>
      </c>
      <c r="HJ9" s="393">
        <v>95940456</v>
      </c>
      <c r="HK9" s="401">
        <v>135044879</v>
      </c>
      <c r="HL9" s="393">
        <v>75435439</v>
      </c>
      <c r="HM9" s="398">
        <v>494957474</v>
      </c>
      <c r="HN9" s="389">
        <v>517018744</v>
      </c>
      <c r="HO9" s="466"/>
      <c r="HP9" s="467"/>
      <c r="HQ9" s="468"/>
      <c r="HR9" s="469"/>
      <c r="HS9" s="467"/>
      <c r="HT9" s="469"/>
      <c r="HU9" s="467"/>
      <c r="HV9" s="469"/>
      <c r="HW9" s="467"/>
      <c r="HX9" s="469"/>
      <c r="HY9" s="470"/>
      <c r="HZ9" s="404">
        <v>515880</v>
      </c>
      <c r="IA9" s="405">
        <v>1545625</v>
      </c>
      <c r="IB9" s="406">
        <v>2061505</v>
      </c>
      <c r="IC9" s="407">
        <v>0</v>
      </c>
      <c r="ID9" s="405">
        <v>54997917</v>
      </c>
      <c r="IE9" s="408">
        <v>73211942</v>
      </c>
      <c r="IF9" s="409">
        <v>84105154</v>
      </c>
      <c r="IG9" s="405">
        <v>67585588</v>
      </c>
      <c r="IH9" s="409">
        <v>48062563</v>
      </c>
      <c r="II9" s="410">
        <v>327963164</v>
      </c>
      <c r="IJ9" s="411">
        <v>330024669</v>
      </c>
      <c r="IK9" s="412">
        <v>0</v>
      </c>
      <c r="IL9" s="413">
        <v>0</v>
      </c>
      <c r="IM9" s="414">
        <v>0</v>
      </c>
      <c r="IN9" s="415"/>
      <c r="IO9" s="416">
        <v>1915621</v>
      </c>
      <c r="IP9" s="416">
        <v>2534240</v>
      </c>
      <c r="IQ9" s="416">
        <v>4623845</v>
      </c>
      <c r="IR9" s="416">
        <v>5198854</v>
      </c>
      <c r="IS9" s="416">
        <v>4626504</v>
      </c>
      <c r="IT9" s="417">
        <v>18899064</v>
      </c>
      <c r="IU9" s="418">
        <v>18899064</v>
      </c>
      <c r="IV9" s="419">
        <v>0</v>
      </c>
      <c r="IW9" s="416">
        <v>0</v>
      </c>
      <c r="IX9" s="420">
        <v>0</v>
      </c>
      <c r="IY9" s="421"/>
      <c r="IZ9" s="416">
        <v>338646</v>
      </c>
      <c r="JA9" s="416">
        <v>383133</v>
      </c>
      <c r="JB9" s="416">
        <v>942203</v>
      </c>
      <c r="JC9" s="416">
        <v>1086611</v>
      </c>
      <c r="JD9" s="416">
        <v>1228611</v>
      </c>
      <c r="JE9" s="420">
        <v>3979204</v>
      </c>
      <c r="JF9" s="422">
        <v>3979204</v>
      </c>
      <c r="JG9" s="419">
        <v>0</v>
      </c>
      <c r="JH9" s="416">
        <v>0</v>
      </c>
      <c r="JI9" s="417">
        <v>0</v>
      </c>
      <c r="JJ9" s="423">
        <v>0</v>
      </c>
      <c r="JK9" s="416">
        <v>26839336</v>
      </c>
      <c r="JL9" s="416">
        <v>29144793</v>
      </c>
      <c r="JM9" s="416">
        <v>20063671</v>
      </c>
      <c r="JN9" s="416">
        <v>13627347</v>
      </c>
      <c r="JO9" s="416">
        <v>5865189</v>
      </c>
      <c r="JP9" s="420">
        <v>95540336</v>
      </c>
      <c r="JQ9" s="418">
        <v>95540336</v>
      </c>
      <c r="JR9" s="419">
        <v>8362</v>
      </c>
      <c r="JS9" s="416">
        <v>0</v>
      </c>
      <c r="JT9" s="417">
        <v>8362</v>
      </c>
      <c r="JU9" s="423">
        <v>0</v>
      </c>
      <c r="JV9" s="416">
        <v>3785293</v>
      </c>
      <c r="JW9" s="416">
        <v>5797853</v>
      </c>
      <c r="JX9" s="416">
        <v>7743498</v>
      </c>
      <c r="JY9" s="416">
        <v>3798596</v>
      </c>
      <c r="JZ9" s="416">
        <v>2362266</v>
      </c>
      <c r="KA9" s="420">
        <v>23487506</v>
      </c>
      <c r="KB9" s="418">
        <v>23495868</v>
      </c>
      <c r="KC9" s="424">
        <v>507518</v>
      </c>
      <c r="KD9" s="425">
        <v>1545625</v>
      </c>
      <c r="KE9" s="420">
        <v>2053143</v>
      </c>
      <c r="KF9" s="423">
        <v>0</v>
      </c>
      <c r="KG9" s="416">
        <v>7263183</v>
      </c>
      <c r="KH9" s="416">
        <v>7577760</v>
      </c>
      <c r="KI9" s="416">
        <v>10371083</v>
      </c>
      <c r="KJ9" s="416">
        <v>9479524</v>
      </c>
      <c r="KK9" s="416">
        <v>4871262</v>
      </c>
      <c r="KL9" s="420">
        <v>39562812</v>
      </c>
      <c r="KM9" s="426">
        <v>41615955</v>
      </c>
      <c r="KN9" s="412">
        <v>0</v>
      </c>
      <c r="KO9" s="413">
        <v>0</v>
      </c>
      <c r="KP9" s="414">
        <v>0</v>
      </c>
      <c r="KQ9" s="415"/>
      <c r="KR9" s="416">
        <v>12547827</v>
      </c>
      <c r="KS9" s="416">
        <v>24210715</v>
      </c>
      <c r="KT9" s="416">
        <v>32322067</v>
      </c>
      <c r="KU9" s="416">
        <v>23952918</v>
      </c>
      <c r="KV9" s="416">
        <v>18070459</v>
      </c>
      <c r="KW9" s="420">
        <v>111103986</v>
      </c>
      <c r="KX9" s="418">
        <v>111103986</v>
      </c>
      <c r="KY9" s="419">
        <v>0</v>
      </c>
      <c r="KZ9" s="416">
        <v>0</v>
      </c>
      <c r="LA9" s="420">
        <v>0</v>
      </c>
      <c r="LB9" s="427"/>
      <c r="LC9" s="416">
        <v>695431</v>
      </c>
      <c r="LD9" s="416">
        <v>531408</v>
      </c>
      <c r="LE9" s="416">
        <v>868452</v>
      </c>
      <c r="LF9" s="416">
        <v>1026048</v>
      </c>
      <c r="LG9" s="416">
        <v>830708</v>
      </c>
      <c r="LH9" s="420">
        <v>3952047</v>
      </c>
      <c r="LI9" s="422">
        <v>3952047</v>
      </c>
      <c r="LJ9" s="419">
        <v>0</v>
      </c>
      <c r="LK9" s="416">
        <v>0</v>
      </c>
      <c r="LL9" s="420">
        <v>0</v>
      </c>
      <c r="LM9" s="427"/>
      <c r="LN9" s="416">
        <v>198517</v>
      </c>
      <c r="LO9" s="416">
        <v>400830</v>
      </c>
      <c r="LP9" s="416">
        <v>2626379</v>
      </c>
      <c r="LQ9" s="416">
        <v>3457951</v>
      </c>
      <c r="LR9" s="416">
        <v>1864581</v>
      </c>
      <c r="LS9" s="420">
        <v>8548258</v>
      </c>
      <c r="LT9" s="418">
        <v>8548258</v>
      </c>
      <c r="LU9" s="419">
        <v>0</v>
      </c>
      <c r="LV9" s="416">
        <v>0</v>
      </c>
      <c r="LW9" s="420">
        <v>0</v>
      </c>
      <c r="LX9" s="427"/>
      <c r="LY9" s="416">
        <v>1414063</v>
      </c>
      <c r="LZ9" s="416">
        <v>2631210</v>
      </c>
      <c r="MA9" s="416">
        <v>4543956</v>
      </c>
      <c r="MB9" s="416">
        <v>5957739</v>
      </c>
      <c r="MC9" s="416">
        <v>8342983</v>
      </c>
      <c r="MD9" s="420">
        <v>22889951</v>
      </c>
      <c r="ME9" s="422">
        <v>22889951</v>
      </c>
      <c r="MF9" s="419">
        <v>0</v>
      </c>
      <c r="MG9" s="416">
        <v>0</v>
      </c>
      <c r="MH9" s="420">
        <v>0</v>
      </c>
      <c r="MI9" s="427"/>
      <c r="MJ9" s="416">
        <v>9769112</v>
      </c>
      <c r="MK9" s="416">
        <v>34482958</v>
      </c>
      <c r="ML9" s="416">
        <v>105830730</v>
      </c>
      <c r="MM9" s="416">
        <v>163513157</v>
      </c>
      <c r="MN9" s="416">
        <v>123834378</v>
      </c>
      <c r="MO9" s="420">
        <v>437430335</v>
      </c>
      <c r="MP9" s="426">
        <v>437430335</v>
      </c>
      <c r="MQ9" s="419">
        <v>0</v>
      </c>
      <c r="MR9" s="416">
        <v>0</v>
      </c>
      <c r="MS9" s="420">
        <v>0</v>
      </c>
      <c r="MT9" s="427"/>
      <c r="MU9" s="416">
        <v>576204</v>
      </c>
      <c r="MV9" s="416">
        <v>6699092</v>
      </c>
      <c r="MW9" s="416">
        <v>57907793</v>
      </c>
      <c r="MX9" s="416">
        <v>91471581</v>
      </c>
      <c r="MY9" s="416">
        <v>76396697</v>
      </c>
      <c r="MZ9" s="420">
        <v>233051367</v>
      </c>
      <c r="NA9" s="426">
        <v>233051367</v>
      </c>
      <c r="NB9" s="419">
        <v>0</v>
      </c>
      <c r="NC9" s="416">
        <v>0</v>
      </c>
      <c r="ND9" s="420">
        <v>0</v>
      </c>
      <c r="NE9" s="427"/>
      <c r="NF9" s="416">
        <v>9192908</v>
      </c>
      <c r="NG9" s="416">
        <v>27552386</v>
      </c>
      <c r="NH9" s="416">
        <v>47527341</v>
      </c>
      <c r="NI9" s="416">
        <v>66754167</v>
      </c>
      <c r="NJ9" s="416">
        <v>36459072</v>
      </c>
      <c r="NK9" s="420">
        <v>187485874</v>
      </c>
      <c r="NL9" s="418">
        <v>187485874</v>
      </c>
      <c r="NM9" s="419">
        <v>0</v>
      </c>
      <c r="NN9" s="416">
        <v>0</v>
      </c>
      <c r="NO9" s="420">
        <v>0</v>
      </c>
      <c r="NP9" s="427"/>
      <c r="NQ9" s="416">
        <v>0</v>
      </c>
      <c r="NR9" s="416">
        <v>0</v>
      </c>
      <c r="NS9" s="416">
        <v>0</v>
      </c>
      <c r="NT9" s="416">
        <v>2365504</v>
      </c>
      <c r="NU9" s="416">
        <v>3803293</v>
      </c>
      <c r="NV9" s="420">
        <v>6168797</v>
      </c>
      <c r="NW9" s="422">
        <v>6168797</v>
      </c>
      <c r="NX9" s="419">
        <v>0</v>
      </c>
      <c r="NY9" s="416">
        <v>0</v>
      </c>
      <c r="NZ9" s="420">
        <v>0</v>
      </c>
      <c r="OA9" s="427"/>
      <c r="OB9" s="416">
        <v>0</v>
      </c>
      <c r="OC9" s="416">
        <v>231480</v>
      </c>
      <c r="OD9" s="416">
        <v>395596</v>
      </c>
      <c r="OE9" s="416">
        <v>2921905</v>
      </c>
      <c r="OF9" s="416">
        <v>7175316</v>
      </c>
      <c r="OG9" s="420">
        <v>10724297</v>
      </c>
      <c r="OH9" s="422">
        <v>10724297</v>
      </c>
      <c r="OI9" s="419">
        <v>25010521</v>
      </c>
      <c r="OJ9" s="416">
        <v>46114550</v>
      </c>
      <c r="OK9" s="417">
        <v>71125071</v>
      </c>
      <c r="OL9" s="423">
        <v>0</v>
      </c>
      <c r="OM9" s="416">
        <v>326924841</v>
      </c>
      <c r="ON9" s="416">
        <v>464475958</v>
      </c>
      <c r="OO9" s="416">
        <v>498128120</v>
      </c>
      <c r="OP9" s="416">
        <v>571248735</v>
      </c>
      <c r="OQ9" s="416">
        <v>405692592</v>
      </c>
      <c r="OR9" s="420">
        <v>2266470246</v>
      </c>
      <c r="OS9" s="426">
        <v>2337595317</v>
      </c>
    </row>
    <row r="10" spans="2:409" s="471" customFormat="1" ht="21" customHeight="1" x14ac:dyDescent="0.2">
      <c r="B10" s="472" t="s">
        <v>5</v>
      </c>
      <c r="C10" s="430">
        <v>11281142</v>
      </c>
      <c r="D10" s="431">
        <v>23123635</v>
      </c>
      <c r="E10" s="432">
        <v>34404777</v>
      </c>
      <c r="F10" s="433">
        <v>0</v>
      </c>
      <c r="G10" s="431">
        <v>100187972</v>
      </c>
      <c r="H10" s="431">
        <v>177549711</v>
      </c>
      <c r="I10" s="431">
        <v>141417143</v>
      </c>
      <c r="J10" s="431">
        <v>153778064</v>
      </c>
      <c r="K10" s="431">
        <v>100770105</v>
      </c>
      <c r="L10" s="433">
        <v>673702995</v>
      </c>
      <c r="M10" s="434">
        <v>708107772</v>
      </c>
      <c r="N10" s="430">
        <v>3659089</v>
      </c>
      <c r="O10" s="431">
        <v>8851520</v>
      </c>
      <c r="P10" s="432">
        <v>12510609</v>
      </c>
      <c r="Q10" s="430">
        <v>0</v>
      </c>
      <c r="R10" s="431">
        <v>31481756</v>
      </c>
      <c r="S10" s="431">
        <v>65818274</v>
      </c>
      <c r="T10" s="431">
        <v>45409384</v>
      </c>
      <c r="U10" s="431">
        <v>52813665</v>
      </c>
      <c r="V10" s="431">
        <v>47472773</v>
      </c>
      <c r="W10" s="432">
        <v>242995852</v>
      </c>
      <c r="X10" s="434">
        <v>255506461</v>
      </c>
      <c r="Y10" s="430">
        <v>0</v>
      </c>
      <c r="Z10" s="431">
        <v>0</v>
      </c>
      <c r="AA10" s="432">
        <v>0</v>
      </c>
      <c r="AB10" s="430">
        <v>0</v>
      </c>
      <c r="AC10" s="431">
        <v>12648121</v>
      </c>
      <c r="AD10" s="431">
        <v>26252460</v>
      </c>
      <c r="AE10" s="431">
        <v>19757591</v>
      </c>
      <c r="AF10" s="431">
        <v>25599515</v>
      </c>
      <c r="AG10" s="431">
        <v>24526502</v>
      </c>
      <c r="AH10" s="432">
        <v>108784189</v>
      </c>
      <c r="AI10" s="434">
        <v>108784189</v>
      </c>
      <c r="AJ10" s="430">
        <v>0</v>
      </c>
      <c r="AK10" s="431">
        <v>64699</v>
      </c>
      <c r="AL10" s="432">
        <v>64699</v>
      </c>
      <c r="AM10" s="430">
        <v>0</v>
      </c>
      <c r="AN10" s="431">
        <v>65477</v>
      </c>
      <c r="AO10" s="431">
        <v>463993</v>
      </c>
      <c r="AP10" s="431">
        <v>1503001</v>
      </c>
      <c r="AQ10" s="431">
        <v>3271215</v>
      </c>
      <c r="AR10" s="431">
        <v>5929184</v>
      </c>
      <c r="AS10" s="432">
        <v>11232870</v>
      </c>
      <c r="AT10" s="434">
        <v>11297569</v>
      </c>
      <c r="AU10" s="430">
        <v>2340324</v>
      </c>
      <c r="AV10" s="431">
        <v>5911990</v>
      </c>
      <c r="AW10" s="432">
        <v>8252314</v>
      </c>
      <c r="AX10" s="430">
        <v>0</v>
      </c>
      <c r="AY10" s="431">
        <v>12188418</v>
      </c>
      <c r="AZ10" s="431">
        <v>27277340</v>
      </c>
      <c r="BA10" s="431">
        <v>15613734</v>
      </c>
      <c r="BB10" s="431">
        <v>13798005</v>
      </c>
      <c r="BC10" s="431">
        <v>10881316</v>
      </c>
      <c r="BD10" s="432">
        <v>79758813</v>
      </c>
      <c r="BE10" s="434">
        <v>88011127</v>
      </c>
      <c r="BF10" s="430">
        <v>42084</v>
      </c>
      <c r="BG10" s="431">
        <v>1103327</v>
      </c>
      <c r="BH10" s="435">
        <v>1145411</v>
      </c>
      <c r="BI10" s="436">
        <v>0</v>
      </c>
      <c r="BJ10" s="431">
        <v>754451</v>
      </c>
      <c r="BK10" s="431">
        <v>2642431</v>
      </c>
      <c r="BL10" s="431">
        <v>1331547</v>
      </c>
      <c r="BM10" s="431">
        <v>1601137</v>
      </c>
      <c r="BN10" s="431">
        <v>689351</v>
      </c>
      <c r="BO10" s="432">
        <v>7018917</v>
      </c>
      <c r="BP10" s="434">
        <v>8164328</v>
      </c>
      <c r="BQ10" s="430">
        <v>1276681</v>
      </c>
      <c r="BR10" s="431">
        <v>1771504</v>
      </c>
      <c r="BS10" s="432">
        <v>3048185</v>
      </c>
      <c r="BT10" s="430">
        <v>0</v>
      </c>
      <c r="BU10" s="431">
        <v>5825289</v>
      </c>
      <c r="BV10" s="431">
        <v>9182050</v>
      </c>
      <c r="BW10" s="431">
        <v>7203511</v>
      </c>
      <c r="BX10" s="431">
        <v>8543793</v>
      </c>
      <c r="BY10" s="431">
        <v>5446420</v>
      </c>
      <c r="BZ10" s="432">
        <v>36201063</v>
      </c>
      <c r="CA10" s="434">
        <v>39249248</v>
      </c>
      <c r="CB10" s="430">
        <v>1002178</v>
      </c>
      <c r="CC10" s="431">
        <v>3077112</v>
      </c>
      <c r="CD10" s="432">
        <v>4079290</v>
      </c>
      <c r="CE10" s="430">
        <v>0</v>
      </c>
      <c r="CF10" s="431">
        <v>24403123</v>
      </c>
      <c r="CG10" s="431">
        <v>37498729</v>
      </c>
      <c r="CH10" s="431">
        <v>25393701</v>
      </c>
      <c r="CI10" s="431">
        <v>17371014</v>
      </c>
      <c r="CJ10" s="431">
        <v>8384898</v>
      </c>
      <c r="CK10" s="432">
        <v>113051465</v>
      </c>
      <c r="CL10" s="434">
        <v>117130755</v>
      </c>
      <c r="CM10" s="430">
        <v>0</v>
      </c>
      <c r="CN10" s="431">
        <v>0</v>
      </c>
      <c r="CO10" s="432">
        <v>0</v>
      </c>
      <c r="CP10" s="436">
        <v>0</v>
      </c>
      <c r="CQ10" s="431">
        <v>20042999</v>
      </c>
      <c r="CR10" s="431">
        <v>25540092</v>
      </c>
      <c r="CS10" s="431">
        <v>16782826</v>
      </c>
      <c r="CT10" s="431">
        <v>10354208</v>
      </c>
      <c r="CU10" s="431">
        <v>4762020</v>
      </c>
      <c r="CV10" s="432">
        <v>77482145</v>
      </c>
      <c r="CW10" s="434">
        <v>77482145</v>
      </c>
      <c r="CX10" s="430">
        <v>1002178</v>
      </c>
      <c r="CY10" s="431">
        <v>3077112</v>
      </c>
      <c r="CZ10" s="432">
        <v>4079290</v>
      </c>
      <c r="DA10" s="430">
        <v>0</v>
      </c>
      <c r="DB10" s="431">
        <v>4360124</v>
      </c>
      <c r="DC10" s="431">
        <v>11958637</v>
      </c>
      <c r="DD10" s="431">
        <v>8610875</v>
      </c>
      <c r="DE10" s="431">
        <v>7016806</v>
      </c>
      <c r="DF10" s="431">
        <v>3622878</v>
      </c>
      <c r="DG10" s="432">
        <v>35569320</v>
      </c>
      <c r="DH10" s="434">
        <v>39648610</v>
      </c>
      <c r="DI10" s="430">
        <v>75582</v>
      </c>
      <c r="DJ10" s="431">
        <v>186550</v>
      </c>
      <c r="DK10" s="435">
        <v>262132</v>
      </c>
      <c r="DL10" s="436">
        <v>0</v>
      </c>
      <c r="DM10" s="431">
        <v>2734163</v>
      </c>
      <c r="DN10" s="431">
        <v>6825770</v>
      </c>
      <c r="DO10" s="431">
        <v>13771774</v>
      </c>
      <c r="DP10" s="431">
        <v>11239508</v>
      </c>
      <c r="DQ10" s="431">
        <v>5360454</v>
      </c>
      <c r="DR10" s="432">
        <v>39931669</v>
      </c>
      <c r="DS10" s="434">
        <v>40193801</v>
      </c>
      <c r="DT10" s="430">
        <v>75582</v>
      </c>
      <c r="DU10" s="431">
        <v>99492</v>
      </c>
      <c r="DV10" s="432">
        <v>175074</v>
      </c>
      <c r="DW10" s="430">
        <v>0</v>
      </c>
      <c r="DX10" s="431">
        <v>2260790</v>
      </c>
      <c r="DY10" s="431">
        <v>5581428</v>
      </c>
      <c r="DZ10" s="431">
        <v>10624347</v>
      </c>
      <c r="EA10" s="431">
        <v>8559989</v>
      </c>
      <c r="EB10" s="431">
        <v>3768314</v>
      </c>
      <c r="EC10" s="432">
        <v>30794868</v>
      </c>
      <c r="ED10" s="434">
        <v>30969942</v>
      </c>
      <c r="EE10" s="430">
        <v>0</v>
      </c>
      <c r="EF10" s="435">
        <v>87058</v>
      </c>
      <c r="EG10" s="432">
        <v>87058</v>
      </c>
      <c r="EH10" s="430">
        <v>0</v>
      </c>
      <c r="EI10" s="431">
        <v>473373</v>
      </c>
      <c r="EJ10" s="431">
        <v>1244342</v>
      </c>
      <c r="EK10" s="431">
        <v>3147427</v>
      </c>
      <c r="EL10" s="431">
        <v>2679519</v>
      </c>
      <c r="EM10" s="431">
        <v>1592140</v>
      </c>
      <c r="EN10" s="435">
        <v>9136801</v>
      </c>
      <c r="EO10" s="434">
        <v>9223859</v>
      </c>
      <c r="EP10" s="430">
        <v>0</v>
      </c>
      <c r="EQ10" s="431">
        <v>0</v>
      </c>
      <c r="ER10" s="435">
        <v>0</v>
      </c>
      <c r="ES10" s="436">
        <v>0</v>
      </c>
      <c r="ET10" s="431">
        <v>0</v>
      </c>
      <c r="EU10" s="431">
        <v>0</v>
      </c>
      <c r="EV10" s="431">
        <v>0</v>
      </c>
      <c r="EW10" s="431">
        <v>0</v>
      </c>
      <c r="EX10" s="431">
        <v>0</v>
      </c>
      <c r="EY10" s="432">
        <v>0</v>
      </c>
      <c r="EZ10" s="434">
        <v>0</v>
      </c>
      <c r="FA10" s="430">
        <v>0</v>
      </c>
      <c r="FB10" s="431">
        <v>0</v>
      </c>
      <c r="FC10" s="435">
        <v>0</v>
      </c>
      <c r="FD10" s="437"/>
      <c r="FE10" s="431">
        <v>0</v>
      </c>
      <c r="FF10" s="431">
        <v>0</v>
      </c>
      <c r="FG10" s="431">
        <v>0</v>
      </c>
      <c r="FH10" s="431">
        <v>0</v>
      </c>
      <c r="FI10" s="431">
        <v>0</v>
      </c>
      <c r="FJ10" s="432">
        <v>0</v>
      </c>
      <c r="FK10" s="434">
        <v>0</v>
      </c>
      <c r="FL10" s="430">
        <v>2223552</v>
      </c>
      <c r="FM10" s="431">
        <v>4743789</v>
      </c>
      <c r="FN10" s="432">
        <v>6967341</v>
      </c>
      <c r="FO10" s="430">
        <v>0</v>
      </c>
      <c r="FP10" s="431">
        <v>4359279</v>
      </c>
      <c r="FQ10" s="431">
        <v>14165080</v>
      </c>
      <c r="FR10" s="431">
        <v>10262410</v>
      </c>
      <c r="FS10" s="431">
        <v>9289822</v>
      </c>
      <c r="FT10" s="431">
        <v>6721152</v>
      </c>
      <c r="FU10" s="432">
        <v>44797743</v>
      </c>
      <c r="FV10" s="434">
        <v>51765084</v>
      </c>
      <c r="FW10" s="438">
        <v>877534</v>
      </c>
      <c r="FX10" s="431">
        <v>2735672</v>
      </c>
      <c r="FY10" s="435">
        <v>3613206</v>
      </c>
      <c r="FZ10" s="436">
        <v>0</v>
      </c>
      <c r="GA10" s="431">
        <v>2539505</v>
      </c>
      <c r="GB10" s="431">
        <v>12990275</v>
      </c>
      <c r="GC10" s="431">
        <v>9118300</v>
      </c>
      <c r="GD10" s="431">
        <v>8410143</v>
      </c>
      <c r="GE10" s="431">
        <v>6213478</v>
      </c>
      <c r="GF10" s="432">
        <v>39271701</v>
      </c>
      <c r="GG10" s="439">
        <v>42884907</v>
      </c>
      <c r="GH10" s="438">
        <v>92276</v>
      </c>
      <c r="GI10" s="431">
        <v>125953</v>
      </c>
      <c r="GJ10" s="435">
        <v>218229</v>
      </c>
      <c r="GK10" s="436">
        <v>0</v>
      </c>
      <c r="GL10" s="431">
        <v>383024</v>
      </c>
      <c r="GM10" s="431">
        <v>464732</v>
      </c>
      <c r="GN10" s="431">
        <v>389226</v>
      </c>
      <c r="GO10" s="431">
        <v>356079</v>
      </c>
      <c r="GP10" s="431">
        <v>223334</v>
      </c>
      <c r="GQ10" s="432">
        <v>1816395</v>
      </c>
      <c r="GR10" s="434">
        <v>2034624</v>
      </c>
      <c r="GS10" s="430">
        <v>1253742</v>
      </c>
      <c r="GT10" s="431">
        <v>1882164</v>
      </c>
      <c r="GU10" s="432">
        <v>3135906</v>
      </c>
      <c r="GV10" s="430">
        <v>0</v>
      </c>
      <c r="GW10" s="431">
        <v>1436750</v>
      </c>
      <c r="GX10" s="431">
        <v>710073</v>
      </c>
      <c r="GY10" s="431">
        <v>754884</v>
      </c>
      <c r="GZ10" s="431">
        <v>523600</v>
      </c>
      <c r="HA10" s="431">
        <v>284340</v>
      </c>
      <c r="HB10" s="435">
        <v>3709647</v>
      </c>
      <c r="HC10" s="434">
        <v>6845553</v>
      </c>
      <c r="HD10" s="430">
        <v>4320741</v>
      </c>
      <c r="HE10" s="431">
        <v>6264664</v>
      </c>
      <c r="HF10" s="435">
        <v>10585405</v>
      </c>
      <c r="HG10" s="436">
        <v>0</v>
      </c>
      <c r="HH10" s="431">
        <v>37209651</v>
      </c>
      <c r="HI10" s="431">
        <v>53241858</v>
      </c>
      <c r="HJ10" s="431">
        <v>46579874</v>
      </c>
      <c r="HK10" s="431">
        <v>63064055</v>
      </c>
      <c r="HL10" s="431">
        <v>32830828</v>
      </c>
      <c r="HM10" s="432">
        <v>232926266</v>
      </c>
      <c r="HN10" s="433">
        <v>243511671</v>
      </c>
      <c r="HO10" s="473"/>
      <c r="HP10" s="474"/>
      <c r="HQ10" s="475"/>
      <c r="HR10" s="476"/>
      <c r="HS10" s="474"/>
      <c r="HT10" s="474"/>
      <c r="HU10" s="474"/>
      <c r="HV10" s="474"/>
      <c r="HW10" s="474"/>
      <c r="HX10" s="477"/>
      <c r="HY10" s="478"/>
      <c r="HZ10" s="440">
        <v>321136</v>
      </c>
      <c r="IA10" s="441">
        <v>943855</v>
      </c>
      <c r="IB10" s="442">
        <v>1264991</v>
      </c>
      <c r="IC10" s="443">
        <v>0</v>
      </c>
      <c r="ID10" s="444">
        <v>22575457</v>
      </c>
      <c r="IE10" s="445">
        <v>34420053</v>
      </c>
      <c r="IF10" s="446">
        <v>34556252</v>
      </c>
      <c r="IG10" s="444">
        <v>29796303</v>
      </c>
      <c r="IH10" s="446">
        <v>21744617</v>
      </c>
      <c r="II10" s="447">
        <v>143092682</v>
      </c>
      <c r="IJ10" s="448">
        <v>144357673</v>
      </c>
      <c r="IK10" s="449">
        <v>0</v>
      </c>
      <c r="IL10" s="450">
        <v>0</v>
      </c>
      <c r="IM10" s="451">
        <v>0</v>
      </c>
      <c r="IN10" s="452"/>
      <c r="IO10" s="453">
        <v>685663</v>
      </c>
      <c r="IP10" s="453">
        <v>1318970</v>
      </c>
      <c r="IQ10" s="453">
        <v>1946253</v>
      </c>
      <c r="IR10" s="453">
        <v>1821544</v>
      </c>
      <c r="IS10" s="453">
        <v>2193594</v>
      </c>
      <c r="IT10" s="454">
        <v>7966024</v>
      </c>
      <c r="IU10" s="455">
        <v>7966024</v>
      </c>
      <c r="IV10" s="456">
        <v>0</v>
      </c>
      <c r="IW10" s="453">
        <v>0</v>
      </c>
      <c r="IX10" s="457">
        <v>0</v>
      </c>
      <c r="IY10" s="458"/>
      <c r="IZ10" s="453">
        <v>235845</v>
      </c>
      <c r="JA10" s="453">
        <v>260886</v>
      </c>
      <c r="JB10" s="453">
        <v>819113</v>
      </c>
      <c r="JC10" s="453">
        <v>903721</v>
      </c>
      <c r="JD10" s="453">
        <v>874808</v>
      </c>
      <c r="JE10" s="457">
        <v>3094373</v>
      </c>
      <c r="JF10" s="459">
        <v>3094373</v>
      </c>
      <c r="JG10" s="456">
        <v>0</v>
      </c>
      <c r="JH10" s="453">
        <v>0</v>
      </c>
      <c r="JI10" s="454">
        <v>0</v>
      </c>
      <c r="JJ10" s="460">
        <v>0</v>
      </c>
      <c r="JK10" s="453">
        <v>10092466</v>
      </c>
      <c r="JL10" s="453">
        <v>14822244</v>
      </c>
      <c r="JM10" s="453">
        <v>9856331</v>
      </c>
      <c r="JN10" s="453">
        <v>7223341</v>
      </c>
      <c r="JO10" s="453">
        <v>3540597</v>
      </c>
      <c r="JP10" s="457">
        <v>45534979</v>
      </c>
      <c r="JQ10" s="455">
        <v>45534979</v>
      </c>
      <c r="JR10" s="456">
        <v>8362</v>
      </c>
      <c r="JS10" s="453">
        <v>0</v>
      </c>
      <c r="JT10" s="454">
        <v>8362</v>
      </c>
      <c r="JU10" s="460">
        <v>0</v>
      </c>
      <c r="JV10" s="453">
        <v>2287244</v>
      </c>
      <c r="JW10" s="453">
        <v>2769047</v>
      </c>
      <c r="JX10" s="453">
        <v>3926739</v>
      </c>
      <c r="JY10" s="453">
        <v>2923672</v>
      </c>
      <c r="JZ10" s="453">
        <v>1567827</v>
      </c>
      <c r="KA10" s="457">
        <v>13474529</v>
      </c>
      <c r="KB10" s="455">
        <v>13482891</v>
      </c>
      <c r="KC10" s="461">
        <v>312774</v>
      </c>
      <c r="KD10" s="462">
        <v>943855</v>
      </c>
      <c r="KE10" s="457">
        <v>1256629</v>
      </c>
      <c r="KF10" s="460">
        <v>0</v>
      </c>
      <c r="KG10" s="453">
        <v>2714515</v>
      </c>
      <c r="KH10" s="453">
        <v>3612873</v>
      </c>
      <c r="KI10" s="453">
        <v>4657813</v>
      </c>
      <c r="KJ10" s="453">
        <v>5334143</v>
      </c>
      <c r="KK10" s="453">
        <v>2504987</v>
      </c>
      <c r="KL10" s="457">
        <v>18824331</v>
      </c>
      <c r="KM10" s="463">
        <v>20080960</v>
      </c>
      <c r="KN10" s="449">
        <v>0</v>
      </c>
      <c r="KO10" s="450">
        <v>0</v>
      </c>
      <c r="KP10" s="451">
        <v>0</v>
      </c>
      <c r="KQ10" s="452"/>
      <c r="KR10" s="453">
        <v>6246784</v>
      </c>
      <c r="KS10" s="453">
        <v>10489278</v>
      </c>
      <c r="KT10" s="453">
        <v>11713461</v>
      </c>
      <c r="KU10" s="453">
        <v>9248533</v>
      </c>
      <c r="KV10" s="453">
        <v>7418447</v>
      </c>
      <c r="KW10" s="457">
        <v>45116503</v>
      </c>
      <c r="KX10" s="455">
        <v>45116503</v>
      </c>
      <c r="KY10" s="456">
        <v>0</v>
      </c>
      <c r="KZ10" s="453">
        <v>0</v>
      </c>
      <c r="LA10" s="457">
        <v>0</v>
      </c>
      <c r="LB10" s="464"/>
      <c r="LC10" s="453">
        <v>0</v>
      </c>
      <c r="LD10" s="453">
        <v>0</v>
      </c>
      <c r="LE10" s="453">
        <v>0</v>
      </c>
      <c r="LF10" s="453">
        <v>0</v>
      </c>
      <c r="LG10" s="453">
        <v>0</v>
      </c>
      <c r="LH10" s="457">
        <v>0</v>
      </c>
      <c r="LI10" s="459">
        <v>0</v>
      </c>
      <c r="LJ10" s="456">
        <v>0</v>
      </c>
      <c r="LK10" s="453">
        <v>0</v>
      </c>
      <c r="LL10" s="457">
        <v>0</v>
      </c>
      <c r="LM10" s="464"/>
      <c r="LN10" s="453">
        <v>0</v>
      </c>
      <c r="LO10" s="453">
        <v>218771</v>
      </c>
      <c r="LP10" s="453">
        <v>237816</v>
      </c>
      <c r="LQ10" s="453">
        <v>247083</v>
      </c>
      <c r="LR10" s="453">
        <v>0</v>
      </c>
      <c r="LS10" s="457">
        <v>703670</v>
      </c>
      <c r="LT10" s="455">
        <v>703670</v>
      </c>
      <c r="LU10" s="456">
        <v>0</v>
      </c>
      <c r="LV10" s="453">
        <v>0</v>
      </c>
      <c r="LW10" s="457">
        <v>0</v>
      </c>
      <c r="LX10" s="464"/>
      <c r="LY10" s="453">
        <v>312940</v>
      </c>
      <c r="LZ10" s="453">
        <v>927984</v>
      </c>
      <c r="MA10" s="453">
        <v>1398726</v>
      </c>
      <c r="MB10" s="453">
        <v>2094266</v>
      </c>
      <c r="MC10" s="453">
        <v>3644357</v>
      </c>
      <c r="MD10" s="457">
        <v>8378273</v>
      </c>
      <c r="ME10" s="459">
        <v>8378273</v>
      </c>
      <c r="MF10" s="456">
        <v>0</v>
      </c>
      <c r="MG10" s="453">
        <v>0</v>
      </c>
      <c r="MH10" s="457">
        <v>0</v>
      </c>
      <c r="MI10" s="464"/>
      <c r="MJ10" s="453">
        <v>4525361</v>
      </c>
      <c r="MK10" s="453">
        <v>19254020</v>
      </c>
      <c r="ML10" s="453">
        <v>53769132</v>
      </c>
      <c r="MM10" s="453">
        <v>77485689</v>
      </c>
      <c r="MN10" s="453">
        <v>57582717</v>
      </c>
      <c r="MO10" s="457">
        <v>212616919</v>
      </c>
      <c r="MP10" s="463">
        <v>212616919</v>
      </c>
      <c r="MQ10" s="456">
        <v>0</v>
      </c>
      <c r="MR10" s="453">
        <v>0</v>
      </c>
      <c r="MS10" s="457">
        <v>0</v>
      </c>
      <c r="MT10" s="464"/>
      <c r="MU10" s="453">
        <v>198060</v>
      </c>
      <c r="MV10" s="453">
        <v>5337625</v>
      </c>
      <c r="MW10" s="453">
        <v>30509951</v>
      </c>
      <c r="MX10" s="453">
        <v>41278024</v>
      </c>
      <c r="MY10" s="453">
        <v>34336854</v>
      </c>
      <c r="MZ10" s="457">
        <v>111660514</v>
      </c>
      <c r="NA10" s="463">
        <v>111660514</v>
      </c>
      <c r="NB10" s="456">
        <v>0</v>
      </c>
      <c r="NC10" s="453">
        <v>0</v>
      </c>
      <c r="ND10" s="457">
        <v>0</v>
      </c>
      <c r="NE10" s="464"/>
      <c r="NF10" s="453">
        <v>4327301</v>
      </c>
      <c r="NG10" s="453">
        <v>13916395</v>
      </c>
      <c r="NH10" s="453">
        <v>23198727</v>
      </c>
      <c r="NI10" s="453">
        <v>34094645</v>
      </c>
      <c r="NJ10" s="453">
        <v>19060044</v>
      </c>
      <c r="NK10" s="457">
        <v>94597112</v>
      </c>
      <c r="NL10" s="455">
        <v>94597112</v>
      </c>
      <c r="NM10" s="456">
        <v>0</v>
      </c>
      <c r="NN10" s="453">
        <v>0</v>
      </c>
      <c r="NO10" s="457">
        <v>0</v>
      </c>
      <c r="NP10" s="464"/>
      <c r="NQ10" s="453">
        <v>0</v>
      </c>
      <c r="NR10" s="453">
        <v>0</v>
      </c>
      <c r="NS10" s="453">
        <v>0</v>
      </c>
      <c r="NT10" s="453">
        <v>696522</v>
      </c>
      <c r="NU10" s="453">
        <v>1492884</v>
      </c>
      <c r="NV10" s="457">
        <v>2189406</v>
      </c>
      <c r="NW10" s="459">
        <v>2189406</v>
      </c>
      <c r="NX10" s="456">
        <v>0</v>
      </c>
      <c r="NY10" s="453">
        <v>0</v>
      </c>
      <c r="NZ10" s="457">
        <v>0</v>
      </c>
      <c r="OA10" s="464"/>
      <c r="OB10" s="453">
        <v>0</v>
      </c>
      <c r="OC10" s="453">
        <v>0</v>
      </c>
      <c r="OD10" s="453">
        <v>60454</v>
      </c>
      <c r="OE10" s="453">
        <v>1416498</v>
      </c>
      <c r="OF10" s="453">
        <v>2692935</v>
      </c>
      <c r="OG10" s="457">
        <v>4169887</v>
      </c>
      <c r="OH10" s="459">
        <v>4169887</v>
      </c>
      <c r="OI10" s="456">
        <v>11602278</v>
      </c>
      <c r="OJ10" s="453">
        <v>24067490</v>
      </c>
      <c r="OK10" s="454">
        <v>35669768</v>
      </c>
      <c r="OL10" s="460">
        <v>0</v>
      </c>
      <c r="OM10" s="453">
        <v>127288790</v>
      </c>
      <c r="ON10" s="453">
        <v>231223784</v>
      </c>
      <c r="OO10" s="453">
        <v>229742527</v>
      </c>
      <c r="OP10" s="453">
        <v>261060056</v>
      </c>
      <c r="OQ10" s="453">
        <v>180097439</v>
      </c>
      <c r="OR10" s="457">
        <v>1029412596</v>
      </c>
      <c r="OS10" s="463">
        <v>1065082364</v>
      </c>
    </row>
    <row r="11" spans="2:409" ht="21" customHeight="1" x14ac:dyDescent="0.2">
      <c r="B11" s="126" t="s">
        <v>6</v>
      </c>
      <c r="C11" s="110">
        <v>3257022</v>
      </c>
      <c r="D11" s="114">
        <v>5773096</v>
      </c>
      <c r="E11" s="113">
        <v>9030118</v>
      </c>
      <c r="F11" s="109">
        <v>0</v>
      </c>
      <c r="G11" s="114">
        <v>49260063</v>
      </c>
      <c r="H11" s="114">
        <v>51348903</v>
      </c>
      <c r="I11" s="114">
        <v>48389892</v>
      </c>
      <c r="J11" s="114">
        <v>53963842</v>
      </c>
      <c r="K11" s="114">
        <v>40017899</v>
      </c>
      <c r="L11" s="109">
        <v>242980599</v>
      </c>
      <c r="M11" s="116">
        <v>252010717</v>
      </c>
      <c r="N11" s="110">
        <v>970886</v>
      </c>
      <c r="O11" s="114">
        <v>2096446</v>
      </c>
      <c r="P11" s="113">
        <v>3067332</v>
      </c>
      <c r="Q11" s="110">
        <v>0</v>
      </c>
      <c r="R11" s="114">
        <v>17056752</v>
      </c>
      <c r="S11" s="114">
        <v>17303776</v>
      </c>
      <c r="T11" s="114">
        <v>16463240</v>
      </c>
      <c r="U11" s="114">
        <v>21360488</v>
      </c>
      <c r="V11" s="114">
        <v>18989132</v>
      </c>
      <c r="W11" s="113">
        <v>91173388</v>
      </c>
      <c r="X11" s="116">
        <v>94240720</v>
      </c>
      <c r="Y11" s="110">
        <v>0</v>
      </c>
      <c r="Z11" s="114">
        <v>0</v>
      </c>
      <c r="AA11" s="113">
        <v>0</v>
      </c>
      <c r="AB11" s="110">
        <v>0</v>
      </c>
      <c r="AC11" s="114">
        <v>6484488</v>
      </c>
      <c r="AD11" s="114">
        <v>6704031</v>
      </c>
      <c r="AE11" s="114">
        <v>7665261</v>
      </c>
      <c r="AF11" s="114">
        <v>10787882</v>
      </c>
      <c r="AG11" s="114">
        <v>10915401</v>
      </c>
      <c r="AH11" s="113">
        <v>42557063</v>
      </c>
      <c r="AI11" s="116">
        <v>42557063</v>
      </c>
      <c r="AJ11" s="110">
        <v>0</v>
      </c>
      <c r="AK11" s="114">
        <v>0</v>
      </c>
      <c r="AL11" s="113">
        <v>0</v>
      </c>
      <c r="AM11" s="110">
        <v>0</v>
      </c>
      <c r="AN11" s="114">
        <v>95688</v>
      </c>
      <c r="AO11" s="114">
        <v>396286</v>
      </c>
      <c r="AP11" s="114">
        <v>264714</v>
      </c>
      <c r="AQ11" s="114">
        <v>1479082</v>
      </c>
      <c r="AR11" s="114">
        <v>1880755</v>
      </c>
      <c r="AS11" s="113">
        <v>4116525</v>
      </c>
      <c r="AT11" s="116">
        <v>4116525</v>
      </c>
      <c r="AU11" s="110">
        <v>449168</v>
      </c>
      <c r="AV11" s="114">
        <v>1662893</v>
      </c>
      <c r="AW11" s="113">
        <v>2112061</v>
      </c>
      <c r="AX11" s="110">
        <v>0</v>
      </c>
      <c r="AY11" s="114">
        <v>7161828</v>
      </c>
      <c r="AZ11" s="114">
        <v>6851421</v>
      </c>
      <c r="BA11" s="114">
        <v>5573879</v>
      </c>
      <c r="BB11" s="114">
        <v>5389013</v>
      </c>
      <c r="BC11" s="114">
        <v>3406115</v>
      </c>
      <c r="BD11" s="113">
        <v>28382256</v>
      </c>
      <c r="BE11" s="116">
        <v>30494317</v>
      </c>
      <c r="BF11" s="110">
        <v>66487</v>
      </c>
      <c r="BG11" s="114">
        <v>-68466</v>
      </c>
      <c r="BH11" s="112">
        <v>-1979</v>
      </c>
      <c r="BI11" s="111">
        <v>0</v>
      </c>
      <c r="BJ11" s="114">
        <v>423090</v>
      </c>
      <c r="BK11" s="114">
        <v>509016</v>
      </c>
      <c r="BL11" s="114">
        <v>275740</v>
      </c>
      <c r="BM11" s="114">
        <v>464225</v>
      </c>
      <c r="BN11" s="114">
        <v>394177</v>
      </c>
      <c r="BO11" s="113">
        <v>2066248</v>
      </c>
      <c r="BP11" s="116">
        <v>2064269</v>
      </c>
      <c r="BQ11" s="110">
        <v>455231</v>
      </c>
      <c r="BR11" s="114">
        <v>502019</v>
      </c>
      <c r="BS11" s="113">
        <v>957250</v>
      </c>
      <c r="BT11" s="110">
        <v>0</v>
      </c>
      <c r="BU11" s="114">
        <v>2891658</v>
      </c>
      <c r="BV11" s="114">
        <v>2843022</v>
      </c>
      <c r="BW11" s="114">
        <v>2683646</v>
      </c>
      <c r="BX11" s="114">
        <v>3240286</v>
      </c>
      <c r="BY11" s="114">
        <v>2392684</v>
      </c>
      <c r="BZ11" s="113">
        <v>14051296</v>
      </c>
      <c r="CA11" s="116">
        <v>15008546</v>
      </c>
      <c r="CB11" s="110">
        <v>150984</v>
      </c>
      <c r="CC11" s="114">
        <v>495043</v>
      </c>
      <c r="CD11" s="113">
        <v>646027</v>
      </c>
      <c r="CE11" s="110">
        <v>0</v>
      </c>
      <c r="CF11" s="114">
        <v>12887536</v>
      </c>
      <c r="CG11" s="114">
        <v>12856925</v>
      </c>
      <c r="CH11" s="114">
        <v>8425805</v>
      </c>
      <c r="CI11" s="114">
        <v>6208817</v>
      </c>
      <c r="CJ11" s="114">
        <v>3058420</v>
      </c>
      <c r="CK11" s="113">
        <v>43437503</v>
      </c>
      <c r="CL11" s="116">
        <v>44083530</v>
      </c>
      <c r="CM11" s="110">
        <v>0</v>
      </c>
      <c r="CN11" s="114">
        <v>0</v>
      </c>
      <c r="CO11" s="113">
        <v>0</v>
      </c>
      <c r="CP11" s="111">
        <v>0</v>
      </c>
      <c r="CQ11" s="114">
        <v>10603239</v>
      </c>
      <c r="CR11" s="114">
        <v>9838279</v>
      </c>
      <c r="CS11" s="114">
        <v>6206234</v>
      </c>
      <c r="CT11" s="114">
        <v>3590335</v>
      </c>
      <c r="CU11" s="114">
        <v>2295897</v>
      </c>
      <c r="CV11" s="113">
        <v>32533984</v>
      </c>
      <c r="CW11" s="116">
        <v>32533984</v>
      </c>
      <c r="CX11" s="110">
        <v>150984</v>
      </c>
      <c r="CY11" s="114">
        <v>495043</v>
      </c>
      <c r="CZ11" s="113">
        <v>646027</v>
      </c>
      <c r="DA11" s="110">
        <v>0</v>
      </c>
      <c r="DB11" s="114">
        <v>2284297</v>
      </c>
      <c r="DC11" s="114">
        <v>3018646</v>
      </c>
      <c r="DD11" s="114">
        <v>2219571</v>
      </c>
      <c r="DE11" s="114">
        <v>2618482</v>
      </c>
      <c r="DF11" s="114">
        <v>762523</v>
      </c>
      <c r="DG11" s="113">
        <v>10903519</v>
      </c>
      <c r="DH11" s="116">
        <v>11549546</v>
      </c>
      <c r="DI11" s="110">
        <v>35048</v>
      </c>
      <c r="DJ11" s="114">
        <v>107726</v>
      </c>
      <c r="DK11" s="112">
        <v>142774</v>
      </c>
      <c r="DL11" s="111">
        <v>0</v>
      </c>
      <c r="DM11" s="114">
        <v>1235853</v>
      </c>
      <c r="DN11" s="114">
        <v>2019004</v>
      </c>
      <c r="DO11" s="114">
        <v>3754965</v>
      </c>
      <c r="DP11" s="114">
        <v>3312102</v>
      </c>
      <c r="DQ11" s="114">
        <v>1691733</v>
      </c>
      <c r="DR11" s="113">
        <v>12013657</v>
      </c>
      <c r="DS11" s="116">
        <v>12156431</v>
      </c>
      <c r="DT11" s="110">
        <v>35048</v>
      </c>
      <c r="DU11" s="114">
        <v>107726</v>
      </c>
      <c r="DV11" s="113">
        <v>142774</v>
      </c>
      <c r="DW11" s="110">
        <v>0</v>
      </c>
      <c r="DX11" s="114">
        <v>898538</v>
      </c>
      <c r="DY11" s="114">
        <v>1513240</v>
      </c>
      <c r="DZ11" s="114">
        <v>3327385</v>
      </c>
      <c r="EA11" s="114">
        <v>2415920</v>
      </c>
      <c r="EB11" s="114">
        <v>1150120</v>
      </c>
      <c r="EC11" s="113">
        <v>9305203</v>
      </c>
      <c r="ED11" s="116">
        <v>9447977</v>
      </c>
      <c r="EE11" s="110">
        <v>0</v>
      </c>
      <c r="EF11" s="112">
        <v>0</v>
      </c>
      <c r="EG11" s="113">
        <v>0</v>
      </c>
      <c r="EH11" s="110">
        <v>0</v>
      </c>
      <c r="EI11" s="114">
        <v>337315</v>
      </c>
      <c r="EJ11" s="114">
        <v>505764</v>
      </c>
      <c r="EK11" s="114">
        <v>427580</v>
      </c>
      <c r="EL11" s="114">
        <v>896182</v>
      </c>
      <c r="EM11" s="114">
        <v>541613</v>
      </c>
      <c r="EN11" s="112">
        <v>2708454</v>
      </c>
      <c r="EO11" s="116">
        <v>2708454</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5"/>
      <c r="FE11" s="114">
        <v>0</v>
      </c>
      <c r="FF11" s="114">
        <v>0</v>
      </c>
      <c r="FG11" s="114">
        <v>0</v>
      </c>
      <c r="FH11" s="114">
        <v>0</v>
      </c>
      <c r="FI11" s="114">
        <v>0</v>
      </c>
      <c r="FJ11" s="113">
        <v>0</v>
      </c>
      <c r="FK11" s="116">
        <v>0</v>
      </c>
      <c r="FL11" s="110">
        <v>514712</v>
      </c>
      <c r="FM11" s="114">
        <v>1384999</v>
      </c>
      <c r="FN11" s="113">
        <v>1899711</v>
      </c>
      <c r="FO11" s="110">
        <v>0</v>
      </c>
      <c r="FP11" s="114">
        <v>2622725</v>
      </c>
      <c r="FQ11" s="114">
        <v>4344580</v>
      </c>
      <c r="FR11" s="114">
        <v>4514421</v>
      </c>
      <c r="FS11" s="114">
        <v>3268525</v>
      </c>
      <c r="FT11" s="114">
        <v>2431000</v>
      </c>
      <c r="FU11" s="113">
        <v>17181251</v>
      </c>
      <c r="FV11" s="116">
        <v>19080962</v>
      </c>
      <c r="FW11" s="115">
        <v>416712</v>
      </c>
      <c r="FX11" s="114">
        <v>966945</v>
      </c>
      <c r="FY11" s="112">
        <v>1383657</v>
      </c>
      <c r="FZ11" s="111">
        <v>0</v>
      </c>
      <c r="GA11" s="114">
        <v>2111949</v>
      </c>
      <c r="GB11" s="114">
        <v>3821552</v>
      </c>
      <c r="GC11" s="114">
        <v>3906121</v>
      </c>
      <c r="GD11" s="114">
        <v>3151377</v>
      </c>
      <c r="GE11" s="114">
        <v>2286214</v>
      </c>
      <c r="GF11" s="113">
        <v>15277213</v>
      </c>
      <c r="GG11" s="316">
        <v>16660870</v>
      </c>
      <c r="GH11" s="115">
        <v>0</v>
      </c>
      <c r="GI11" s="114">
        <v>42154</v>
      </c>
      <c r="GJ11" s="112">
        <v>42154</v>
      </c>
      <c r="GK11" s="111">
        <v>0</v>
      </c>
      <c r="GL11" s="114">
        <v>94416</v>
      </c>
      <c r="GM11" s="114">
        <v>100508</v>
      </c>
      <c r="GN11" s="114">
        <v>206682</v>
      </c>
      <c r="GO11" s="114">
        <v>117148</v>
      </c>
      <c r="GP11" s="114">
        <v>36220</v>
      </c>
      <c r="GQ11" s="113">
        <v>554974</v>
      </c>
      <c r="GR11" s="116">
        <v>597128</v>
      </c>
      <c r="GS11" s="110">
        <v>98000</v>
      </c>
      <c r="GT11" s="114">
        <v>375900</v>
      </c>
      <c r="GU11" s="113">
        <v>473900</v>
      </c>
      <c r="GV11" s="110">
        <v>0</v>
      </c>
      <c r="GW11" s="114">
        <v>416360</v>
      </c>
      <c r="GX11" s="114">
        <v>422520</v>
      </c>
      <c r="GY11" s="114">
        <v>401618</v>
      </c>
      <c r="GZ11" s="114">
        <v>0</v>
      </c>
      <c r="HA11" s="114">
        <v>108566</v>
      </c>
      <c r="HB11" s="112">
        <v>1349064</v>
      </c>
      <c r="HC11" s="116">
        <v>1822964</v>
      </c>
      <c r="HD11" s="110">
        <v>1585392</v>
      </c>
      <c r="HE11" s="114">
        <v>1688882</v>
      </c>
      <c r="HF11" s="112">
        <v>3274274</v>
      </c>
      <c r="HG11" s="111">
        <v>0</v>
      </c>
      <c r="HH11" s="114">
        <v>15457197</v>
      </c>
      <c r="HI11" s="114">
        <v>14824618</v>
      </c>
      <c r="HJ11" s="114">
        <v>15231461</v>
      </c>
      <c r="HK11" s="114">
        <v>19813910</v>
      </c>
      <c r="HL11" s="114">
        <v>13847614</v>
      </c>
      <c r="HM11" s="113">
        <v>79174800</v>
      </c>
      <c r="HN11" s="109">
        <v>82449074</v>
      </c>
      <c r="HO11" s="326"/>
      <c r="HP11" s="327"/>
      <c r="HQ11" s="328"/>
      <c r="HR11" s="329"/>
      <c r="HS11" s="327"/>
      <c r="HT11" s="327"/>
      <c r="HU11" s="327"/>
      <c r="HV11" s="327"/>
      <c r="HW11" s="327"/>
      <c r="HX11" s="330"/>
      <c r="HY11" s="331"/>
      <c r="HZ11" s="131">
        <v>73553</v>
      </c>
      <c r="IA11" s="132">
        <v>263359</v>
      </c>
      <c r="IB11" s="133">
        <v>336912</v>
      </c>
      <c r="IC11" s="146">
        <v>0</v>
      </c>
      <c r="ID11" s="132">
        <v>12004174</v>
      </c>
      <c r="IE11" s="147">
        <v>11570345</v>
      </c>
      <c r="IF11" s="133">
        <v>17800051</v>
      </c>
      <c r="IG11" s="132">
        <v>11553950</v>
      </c>
      <c r="IH11" s="133">
        <v>9970107</v>
      </c>
      <c r="II11" s="148">
        <v>62898627</v>
      </c>
      <c r="IJ11" s="139">
        <v>63235539</v>
      </c>
      <c r="IK11" s="232">
        <v>0</v>
      </c>
      <c r="IL11" s="236">
        <v>0</v>
      </c>
      <c r="IM11" s="237">
        <v>0</v>
      </c>
      <c r="IN11" s="140"/>
      <c r="IO11" s="119">
        <v>610132</v>
      </c>
      <c r="IP11" s="119">
        <v>448417</v>
      </c>
      <c r="IQ11" s="119">
        <v>942535</v>
      </c>
      <c r="IR11" s="119">
        <v>1017599</v>
      </c>
      <c r="IS11" s="119">
        <v>1255578</v>
      </c>
      <c r="IT11" s="141">
        <v>4274261</v>
      </c>
      <c r="IU11" s="318">
        <v>4274261</v>
      </c>
      <c r="IV11" s="142">
        <v>0</v>
      </c>
      <c r="IW11" s="119">
        <v>0</v>
      </c>
      <c r="IX11" s="120">
        <v>0</v>
      </c>
      <c r="IY11" s="144"/>
      <c r="IZ11" s="119">
        <v>46725</v>
      </c>
      <c r="JA11" s="119">
        <v>98160</v>
      </c>
      <c r="JB11" s="119">
        <v>113735</v>
      </c>
      <c r="JC11" s="119">
        <v>159630</v>
      </c>
      <c r="JD11" s="119">
        <v>339456</v>
      </c>
      <c r="JE11" s="120">
        <v>757706</v>
      </c>
      <c r="JF11" s="121">
        <v>757706</v>
      </c>
      <c r="JG11" s="142">
        <v>0</v>
      </c>
      <c r="JH11" s="119">
        <v>0</v>
      </c>
      <c r="JI11" s="141">
        <v>0</v>
      </c>
      <c r="JJ11" s="118">
        <v>0</v>
      </c>
      <c r="JK11" s="119">
        <v>4656932</v>
      </c>
      <c r="JL11" s="119">
        <v>3271506</v>
      </c>
      <c r="JM11" s="119">
        <v>2947947</v>
      </c>
      <c r="JN11" s="119">
        <v>1249619</v>
      </c>
      <c r="JO11" s="119">
        <v>628836</v>
      </c>
      <c r="JP11" s="120">
        <v>12754840</v>
      </c>
      <c r="JQ11" s="318">
        <v>12754840</v>
      </c>
      <c r="JR11" s="142">
        <v>0</v>
      </c>
      <c r="JS11" s="119">
        <v>0</v>
      </c>
      <c r="JT11" s="141">
        <v>0</v>
      </c>
      <c r="JU11" s="118">
        <v>0</v>
      </c>
      <c r="JV11" s="119">
        <v>962751</v>
      </c>
      <c r="JW11" s="119">
        <v>1357899</v>
      </c>
      <c r="JX11" s="119">
        <v>1870452</v>
      </c>
      <c r="JY11" s="119">
        <v>240115</v>
      </c>
      <c r="JZ11" s="119">
        <v>526535</v>
      </c>
      <c r="KA11" s="120">
        <v>4957752</v>
      </c>
      <c r="KB11" s="318">
        <v>4957752</v>
      </c>
      <c r="KC11" s="234">
        <v>73553</v>
      </c>
      <c r="KD11" s="230">
        <v>263359</v>
      </c>
      <c r="KE11" s="120">
        <v>336912</v>
      </c>
      <c r="KF11" s="118">
        <v>0</v>
      </c>
      <c r="KG11" s="119">
        <v>1491192</v>
      </c>
      <c r="KH11" s="119">
        <v>609276</v>
      </c>
      <c r="KI11" s="119">
        <v>1459691</v>
      </c>
      <c r="KJ11" s="119">
        <v>486858</v>
      </c>
      <c r="KK11" s="119">
        <v>778641</v>
      </c>
      <c r="KL11" s="120">
        <v>4825658</v>
      </c>
      <c r="KM11" s="143">
        <v>5162570</v>
      </c>
      <c r="KN11" s="232">
        <v>0</v>
      </c>
      <c r="KO11" s="236">
        <v>0</v>
      </c>
      <c r="KP11" s="237">
        <v>0</v>
      </c>
      <c r="KQ11" s="140"/>
      <c r="KR11" s="119">
        <v>3107270</v>
      </c>
      <c r="KS11" s="119">
        <v>4962153</v>
      </c>
      <c r="KT11" s="119">
        <v>6767950</v>
      </c>
      <c r="KU11" s="119">
        <v>4409780</v>
      </c>
      <c r="KV11" s="119">
        <v>3519530</v>
      </c>
      <c r="KW11" s="120">
        <v>22766683</v>
      </c>
      <c r="KX11" s="318">
        <v>22766683</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98517</v>
      </c>
      <c r="LO11" s="119">
        <v>0</v>
      </c>
      <c r="LP11" s="119">
        <v>1783686</v>
      </c>
      <c r="LQ11" s="119">
        <v>1286723</v>
      </c>
      <c r="LR11" s="119">
        <v>835575</v>
      </c>
      <c r="LS11" s="120">
        <v>4104501</v>
      </c>
      <c r="LT11" s="318">
        <v>4104501</v>
      </c>
      <c r="LU11" s="142">
        <v>0</v>
      </c>
      <c r="LV11" s="119">
        <v>0</v>
      </c>
      <c r="LW11" s="120">
        <v>0</v>
      </c>
      <c r="LX11" s="145"/>
      <c r="LY11" s="119">
        <v>930655</v>
      </c>
      <c r="LZ11" s="119">
        <v>822934</v>
      </c>
      <c r="MA11" s="119">
        <v>1914055</v>
      </c>
      <c r="MB11" s="119">
        <v>2703626</v>
      </c>
      <c r="MC11" s="119">
        <v>2085956</v>
      </c>
      <c r="MD11" s="120">
        <v>8457226</v>
      </c>
      <c r="ME11" s="121">
        <v>8457226</v>
      </c>
      <c r="MF11" s="142">
        <v>0</v>
      </c>
      <c r="MG11" s="119">
        <v>0</v>
      </c>
      <c r="MH11" s="120">
        <v>0</v>
      </c>
      <c r="MI11" s="145"/>
      <c r="MJ11" s="119">
        <v>1465294</v>
      </c>
      <c r="MK11" s="119">
        <v>3483790</v>
      </c>
      <c r="ML11" s="119">
        <v>11113790</v>
      </c>
      <c r="MM11" s="119">
        <v>23387254</v>
      </c>
      <c r="MN11" s="119">
        <v>17457306</v>
      </c>
      <c r="MO11" s="120">
        <v>56907434</v>
      </c>
      <c r="MP11" s="143">
        <v>56907434</v>
      </c>
      <c r="MQ11" s="142">
        <v>0</v>
      </c>
      <c r="MR11" s="119">
        <v>0</v>
      </c>
      <c r="MS11" s="120">
        <v>0</v>
      </c>
      <c r="MT11" s="145"/>
      <c r="MU11" s="119">
        <v>181596</v>
      </c>
      <c r="MV11" s="119">
        <v>570238</v>
      </c>
      <c r="MW11" s="119">
        <v>6371421</v>
      </c>
      <c r="MX11" s="119">
        <v>12241984</v>
      </c>
      <c r="MY11" s="119">
        <v>8768408</v>
      </c>
      <c r="MZ11" s="120">
        <v>28133647</v>
      </c>
      <c r="NA11" s="143">
        <v>28133647</v>
      </c>
      <c r="NB11" s="142">
        <v>0</v>
      </c>
      <c r="NC11" s="119">
        <v>0</v>
      </c>
      <c r="ND11" s="120">
        <v>0</v>
      </c>
      <c r="NE11" s="145"/>
      <c r="NF11" s="119">
        <v>1283698</v>
      </c>
      <c r="NG11" s="119">
        <v>2913552</v>
      </c>
      <c r="NH11" s="119">
        <v>4711800</v>
      </c>
      <c r="NI11" s="119">
        <v>9421443</v>
      </c>
      <c r="NJ11" s="119">
        <v>6190345</v>
      </c>
      <c r="NK11" s="120">
        <v>24520838</v>
      </c>
      <c r="NL11" s="318">
        <v>24520838</v>
      </c>
      <c r="NM11" s="142">
        <v>0</v>
      </c>
      <c r="NN11" s="119">
        <v>0</v>
      </c>
      <c r="NO11" s="120">
        <v>0</v>
      </c>
      <c r="NP11" s="145"/>
      <c r="NQ11" s="119">
        <v>0</v>
      </c>
      <c r="NR11" s="119">
        <v>0</v>
      </c>
      <c r="NS11" s="119">
        <v>0</v>
      </c>
      <c r="NT11" s="119">
        <v>1415246</v>
      </c>
      <c r="NU11" s="119">
        <v>1185584</v>
      </c>
      <c r="NV11" s="120">
        <v>2600830</v>
      </c>
      <c r="NW11" s="121">
        <v>2600830</v>
      </c>
      <c r="NX11" s="142">
        <v>0</v>
      </c>
      <c r="NY11" s="119">
        <v>0</v>
      </c>
      <c r="NZ11" s="120">
        <v>0</v>
      </c>
      <c r="OA11" s="145"/>
      <c r="OB11" s="119">
        <v>0</v>
      </c>
      <c r="OC11" s="119">
        <v>0</v>
      </c>
      <c r="OD11" s="119">
        <v>30569</v>
      </c>
      <c r="OE11" s="119">
        <v>308581</v>
      </c>
      <c r="OF11" s="119">
        <v>1312969</v>
      </c>
      <c r="OG11" s="120">
        <v>1652119</v>
      </c>
      <c r="OH11" s="121">
        <v>1652119</v>
      </c>
      <c r="OI11" s="142">
        <v>3330575</v>
      </c>
      <c r="OJ11" s="119">
        <v>6036455</v>
      </c>
      <c r="OK11" s="141">
        <v>9367030</v>
      </c>
      <c r="OL11" s="118">
        <v>0</v>
      </c>
      <c r="OM11" s="119">
        <v>62729531</v>
      </c>
      <c r="ON11" s="119">
        <v>66403038</v>
      </c>
      <c r="OO11" s="119">
        <v>77303733</v>
      </c>
      <c r="OP11" s="119">
        <v>88905046</v>
      </c>
      <c r="OQ11" s="119">
        <v>67445312</v>
      </c>
      <c r="OR11" s="120">
        <v>362786660</v>
      </c>
      <c r="OS11" s="143">
        <v>372153690</v>
      </c>
    </row>
    <row r="12" spans="2:409" ht="21" customHeight="1" x14ac:dyDescent="0.2">
      <c r="B12" s="126" t="s">
        <v>14</v>
      </c>
      <c r="C12" s="110">
        <v>1035064</v>
      </c>
      <c r="D12" s="114">
        <v>2580736</v>
      </c>
      <c r="E12" s="113">
        <v>3615800</v>
      </c>
      <c r="F12" s="109">
        <v>0</v>
      </c>
      <c r="G12" s="114">
        <v>14065662</v>
      </c>
      <c r="H12" s="114">
        <v>21073072</v>
      </c>
      <c r="I12" s="114">
        <v>22298336</v>
      </c>
      <c r="J12" s="114">
        <v>18905634</v>
      </c>
      <c r="K12" s="114">
        <v>12907724</v>
      </c>
      <c r="L12" s="112">
        <v>89250428</v>
      </c>
      <c r="M12" s="116">
        <v>92866228</v>
      </c>
      <c r="N12" s="110">
        <v>189908</v>
      </c>
      <c r="O12" s="114">
        <v>817494</v>
      </c>
      <c r="P12" s="113">
        <v>1007402</v>
      </c>
      <c r="Q12" s="110">
        <v>0</v>
      </c>
      <c r="R12" s="114">
        <v>3648404</v>
      </c>
      <c r="S12" s="114">
        <v>7070693</v>
      </c>
      <c r="T12" s="114">
        <v>7338907</v>
      </c>
      <c r="U12" s="114">
        <v>7125597</v>
      </c>
      <c r="V12" s="114">
        <v>6720875</v>
      </c>
      <c r="W12" s="113">
        <v>31904476</v>
      </c>
      <c r="X12" s="116">
        <v>32911878</v>
      </c>
      <c r="Y12" s="110">
        <v>0</v>
      </c>
      <c r="Z12" s="114">
        <v>0</v>
      </c>
      <c r="AA12" s="113">
        <v>0</v>
      </c>
      <c r="AB12" s="110">
        <v>0</v>
      </c>
      <c r="AC12" s="114">
        <v>1969939</v>
      </c>
      <c r="AD12" s="114">
        <v>2523621</v>
      </c>
      <c r="AE12" s="114">
        <v>4064837</v>
      </c>
      <c r="AF12" s="114">
        <v>3635570</v>
      </c>
      <c r="AG12" s="114">
        <v>3521245</v>
      </c>
      <c r="AH12" s="113">
        <v>15715212</v>
      </c>
      <c r="AI12" s="116">
        <v>15715212</v>
      </c>
      <c r="AJ12" s="110">
        <v>0</v>
      </c>
      <c r="AK12" s="114">
        <v>0</v>
      </c>
      <c r="AL12" s="113">
        <v>0</v>
      </c>
      <c r="AM12" s="110">
        <v>0</v>
      </c>
      <c r="AN12" s="114">
        <v>0</v>
      </c>
      <c r="AO12" s="114">
        <v>271721</v>
      </c>
      <c r="AP12" s="114">
        <v>169186</v>
      </c>
      <c r="AQ12" s="114">
        <v>635896</v>
      </c>
      <c r="AR12" s="114">
        <v>849841</v>
      </c>
      <c r="AS12" s="113">
        <v>1926644</v>
      </c>
      <c r="AT12" s="116">
        <v>1926644</v>
      </c>
      <c r="AU12" s="110">
        <v>79231</v>
      </c>
      <c r="AV12" s="114">
        <v>542397</v>
      </c>
      <c r="AW12" s="113">
        <v>621628</v>
      </c>
      <c r="AX12" s="110">
        <v>0</v>
      </c>
      <c r="AY12" s="114">
        <v>896469</v>
      </c>
      <c r="AZ12" s="114">
        <v>3013425</v>
      </c>
      <c r="BA12" s="114">
        <v>1848841</v>
      </c>
      <c r="BB12" s="114">
        <v>1777342</v>
      </c>
      <c r="BC12" s="114">
        <v>1578704</v>
      </c>
      <c r="BD12" s="113">
        <v>9114781</v>
      </c>
      <c r="BE12" s="116">
        <v>9736409</v>
      </c>
      <c r="BF12" s="110">
        <v>0</v>
      </c>
      <c r="BG12" s="114">
        <v>93489</v>
      </c>
      <c r="BH12" s="112">
        <v>93489</v>
      </c>
      <c r="BI12" s="111">
        <v>0</v>
      </c>
      <c r="BJ12" s="114">
        <v>55620</v>
      </c>
      <c r="BK12" s="114">
        <v>191857</v>
      </c>
      <c r="BL12" s="114">
        <v>166857</v>
      </c>
      <c r="BM12" s="114">
        <v>85652</v>
      </c>
      <c r="BN12" s="114">
        <v>10920</v>
      </c>
      <c r="BO12" s="113">
        <v>510906</v>
      </c>
      <c r="BP12" s="116">
        <v>604395</v>
      </c>
      <c r="BQ12" s="110">
        <v>110677</v>
      </c>
      <c r="BR12" s="114">
        <v>181608</v>
      </c>
      <c r="BS12" s="113">
        <v>292285</v>
      </c>
      <c r="BT12" s="110">
        <v>0</v>
      </c>
      <c r="BU12" s="114">
        <v>726376</v>
      </c>
      <c r="BV12" s="114">
        <v>1070069</v>
      </c>
      <c r="BW12" s="114">
        <v>1089186</v>
      </c>
      <c r="BX12" s="114">
        <v>991137</v>
      </c>
      <c r="BY12" s="114">
        <v>760165</v>
      </c>
      <c r="BZ12" s="113">
        <v>4636933</v>
      </c>
      <c r="CA12" s="116">
        <v>4929218</v>
      </c>
      <c r="CB12" s="110">
        <v>55029</v>
      </c>
      <c r="CC12" s="114">
        <v>129254</v>
      </c>
      <c r="CD12" s="113">
        <v>184283</v>
      </c>
      <c r="CE12" s="110">
        <v>0</v>
      </c>
      <c r="CF12" s="114">
        <v>4342488</v>
      </c>
      <c r="CG12" s="114">
        <v>6105316</v>
      </c>
      <c r="CH12" s="114">
        <v>6071900</v>
      </c>
      <c r="CI12" s="114">
        <v>2179707</v>
      </c>
      <c r="CJ12" s="114">
        <v>1150560</v>
      </c>
      <c r="CK12" s="113">
        <v>19849971</v>
      </c>
      <c r="CL12" s="116">
        <v>20034254</v>
      </c>
      <c r="CM12" s="110">
        <v>0</v>
      </c>
      <c r="CN12" s="114">
        <v>0</v>
      </c>
      <c r="CO12" s="113">
        <v>0</v>
      </c>
      <c r="CP12" s="111">
        <v>0</v>
      </c>
      <c r="CQ12" s="114">
        <v>4083457</v>
      </c>
      <c r="CR12" s="114">
        <v>5178485</v>
      </c>
      <c r="CS12" s="114">
        <v>5224018</v>
      </c>
      <c r="CT12" s="114">
        <v>1668878</v>
      </c>
      <c r="CU12" s="114">
        <v>1150560</v>
      </c>
      <c r="CV12" s="113">
        <v>17305398</v>
      </c>
      <c r="CW12" s="116">
        <v>17305398</v>
      </c>
      <c r="CX12" s="110">
        <v>55029</v>
      </c>
      <c r="CY12" s="114">
        <v>129254</v>
      </c>
      <c r="CZ12" s="113">
        <v>184283</v>
      </c>
      <c r="DA12" s="110">
        <v>0</v>
      </c>
      <c r="DB12" s="114">
        <v>259031</v>
      </c>
      <c r="DC12" s="114">
        <v>926831</v>
      </c>
      <c r="DD12" s="114">
        <v>847882</v>
      </c>
      <c r="DE12" s="114">
        <v>510829</v>
      </c>
      <c r="DF12" s="114">
        <v>0</v>
      </c>
      <c r="DG12" s="113">
        <v>2544573</v>
      </c>
      <c r="DH12" s="116">
        <v>2728856</v>
      </c>
      <c r="DI12" s="110">
        <v>0</v>
      </c>
      <c r="DJ12" s="114">
        <v>25512</v>
      </c>
      <c r="DK12" s="112">
        <v>25512</v>
      </c>
      <c r="DL12" s="111">
        <v>0</v>
      </c>
      <c r="DM12" s="114">
        <v>409960</v>
      </c>
      <c r="DN12" s="114">
        <v>1418845</v>
      </c>
      <c r="DO12" s="114">
        <v>1608488</v>
      </c>
      <c r="DP12" s="114">
        <v>1652122</v>
      </c>
      <c r="DQ12" s="114">
        <v>1319048</v>
      </c>
      <c r="DR12" s="113">
        <v>6408463</v>
      </c>
      <c r="DS12" s="116">
        <v>6433975</v>
      </c>
      <c r="DT12" s="110">
        <v>0</v>
      </c>
      <c r="DU12" s="114">
        <v>25512</v>
      </c>
      <c r="DV12" s="113">
        <v>25512</v>
      </c>
      <c r="DW12" s="110">
        <v>0</v>
      </c>
      <c r="DX12" s="114">
        <v>383341</v>
      </c>
      <c r="DY12" s="114">
        <v>1342485</v>
      </c>
      <c r="DZ12" s="114">
        <v>1459233</v>
      </c>
      <c r="EA12" s="114">
        <v>1652122</v>
      </c>
      <c r="EB12" s="114">
        <v>1319048</v>
      </c>
      <c r="EC12" s="113">
        <v>6156229</v>
      </c>
      <c r="ED12" s="116">
        <v>6181741</v>
      </c>
      <c r="EE12" s="110">
        <v>0</v>
      </c>
      <c r="EF12" s="112">
        <v>0</v>
      </c>
      <c r="EG12" s="113">
        <v>0</v>
      </c>
      <c r="EH12" s="110">
        <v>0</v>
      </c>
      <c r="EI12" s="114">
        <v>26619</v>
      </c>
      <c r="EJ12" s="114">
        <v>76360</v>
      </c>
      <c r="EK12" s="114">
        <v>149255</v>
      </c>
      <c r="EL12" s="114">
        <v>0</v>
      </c>
      <c r="EM12" s="114">
        <v>0</v>
      </c>
      <c r="EN12" s="112">
        <v>252234</v>
      </c>
      <c r="EO12" s="116">
        <v>252234</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5"/>
      <c r="FE12" s="114">
        <v>0</v>
      </c>
      <c r="FF12" s="114">
        <v>0</v>
      </c>
      <c r="FG12" s="114">
        <v>0</v>
      </c>
      <c r="FH12" s="114">
        <v>0</v>
      </c>
      <c r="FI12" s="114">
        <v>0</v>
      </c>
      <c r="FJ12" s="113">
        <v>0</v>
      </c>
      <c r="FK12" s="116">
        <v>0</v>
      </c>
      <c r="FL12" s="110">
        <v>327743</v>
      </c>
      <c r="FM12" s="114">
        <v>790804</v>
      </c>
      <c r="FN12" s="113">
        <v>1118547</v>
      </c>
      <c r="FO12" s="110">
        <v>0</v>
      </c>
      <c r="FP12" s="114">
        <v>690235</v>
      </c>
      <c r="FQ12" s="114">
        <v>2245285</v>
      </c>
      <c r="FR12" s="114">
        <v>1808317</v>
      </c>
      <c r="FS12" s="114">
        <v>1278256</v>
      </c>
      <c r="FT12" s="114">
        <v>973973</v>
      </c>
      <c r="FU12" s="113">
        <v>6996066</v>
      </c>
      <c r="FV12" s="116">
        <v>8114613</v>
      </c>
      <c r="FW12" s="115">
        <v>297416</v>
      </c>
      <c r="FX12" s="114">
        <v>459354</v>
      </c>
      <c r="FY12" s="112">
        <v>756770</v>
      </c>
      <c r="FZ12" s="111">
        <v>0</v>
      </c>
      <c r="GA12" s="114">
        <v>432180</v>
      </c>
      <c r="GB12" s="114">
        <v>2008230</v>
      </c>
      <c r="GC12" s="114">
        <v>1668317</v>
      </c>
      <c r="GD12" s="114">
        <v>1244992</v>
      </c>
      <c r="GE12" s="114">
        <v>973973</v>
      </c>
      <c r="GF12" s="113">
        <v>6327692</v>
      </c>
      <c r="GG12" s="316">
        <v>7084462</v>
      </c>
      <c r="GH12" s="115">
        <v>12127</v>
      </c>
      <c r="GI12" s="114">
        <v>35490</v>
      </c>
      <c r="GJ12" s="112">
        <v>47617</v>
      </c>
      <c r="GK12" s="111">
        <v>0</v>
      </c>
      <c r="GL12" s="114">
        <v>55055</v>
      </c>
      <c r="GM12" s="114">
        <v>97055</v>
      </c>
      <c r="GN12" s="114">
        <v>0</v>
      </c>
      <c r="GO12" s="114">
        <v>33264</v>
      </c>
      <c r="GP12" s="114">
        <v>0</v>
      </c>
      <c r="GQ12" s="113">
        <v>185374</v>
      </c>
      <c r="GR12" s="116">
        <v>232991</v>
      </c>
      <c r="GS12" s="110">
        <v>18200</v>
      </c>
      <c r="GT12" s="114">
        <v>295960</v>
      </c>
      <c r="GU12" s="113">
        <v>314160</v>
      </c>
      <c r="GV12" s="110">
        <v>0</v>
      </c>
      <c r="GW12" s="114">
        <v>203000</v>
      </c>
      <c r="GX12" s="114">
        <v>140000</v>
      </c>
      <c r="GY12" s="114">
        <v>140000</v>
      </c>
      <c r="GZ12" s="114">
        <v>0</v>
      </c>
      <c r="HA12" s="114">
        <v>0</v>
      </c>
      <c r="HB12" s="112">
        <v>483000</v>
      </c>
      <c r="HC12" s="116">
        <v>797160</v>
      </c>
      <c r="HD12" s="110">
        <v>462384</v>
      </c>
      <c r="HE12" s="114">
        <v>817672</v>
      </c>
      <c r="HF12" s="112">
        <v>1280056</v>
      </c>
      <c r="HG12" s="111">
        <v>0</v>
      </c>
      <c r="HH12" s="114">
        <v>4974575</v>
      </c>
      <c r="HI12" s="114">
        <v>4232933</v>
      </c>
      <c r="HJ12" s="114">
        <v>5470724</v>
      </c>
      <c r="HK12" s="114">
        <v>6669952</v>
      </c>
      <c r="HL12" s="114">
        <v>2743268</v>
      </c>
      <c r="HM12" s="113">
        <v>24091452</v>
      </c>
      <c r="HN12" s="109">
        <v>25371508</v>
      </c>
      <c r="HO12" s="326"/>
      <c r="HP12" s="327"/>
      <c r="HQ12" s="328"/>
      <c r="HR12" s="329"/>
      <c r="HS12" s="327"/>
      <c r="HT12" s="327"/>
      <c r="HU12" s="327"/>
      <c r="HV12" s="327"/>
      <c r="HW12" s="327"/>
      <c r="HX12" s="330"/>
      <c r="HY12" s="331"/>
      <c r="HZ12" s="131">
        <v>0</v>
      </c>
      <c r="IA12" s="132">
        <v>67075</v>
      </c>
      <c r="IB12" s="133">
        <v>67075</v>
      </c>
      <c r="IC12" s="134">
        <v>0</v>
      </c>
      <c r="ID12" s="135">
        <v>2630768</v>
      </c>
      <c r="IE12" s="136">
        <v>5175553</v>
      </c>
      <c r="IF12" s="137">
        <v>5193772</v>
      </c>
      <c r="IG12" s="135">
        <v>4031784</v>
      </c>
      <c r="IH12" s="137">
        <v>1765211</v>
      </c>
      <c r="II12" s="138">
        <v>18797088</v>
      </c>
      <c r="IJ12" s="139">
        <v>18864163</v>
      </c>
      <c r="IK12" s="232">
        <v>0</v>
      </c>
      <c r="IL12" s="236">
        <v>0</v>
      </c>
      <c r="IM12" s="237">
        <v>0</v>
      </c>
      <c r="IN12" s="140"/>
      <c r="IO12" s="119">
        <v>50288</v>
      </c>
      <c r="IP12" s="119">
        <v>0</v>
      </c>
      <c r="IQ12" s="119">
        <v>0</v>
      </c>
      <c r="IR12" s="119">
        <v>209034</v>
      </c>
      <c r="IS12" s="119">
        <v>216652</v>
      </c>
      <c r="IT12" s="141">
        <v>475974</v>
      </c>
      <c r="IU12" s="318">
        <v>475974</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1410098</v>
      </c>
      <c r="JL12" s="119">
        <v>2281605</v>
      </c>
      <c r="JM12" s="119">
        <v>1465017</v>
      </c>
      <c r="JN12" s="119">
        <v>763180</v>
      </c>
      <c r="JO12" s="119">
        <v>169743</v>
      </c>
      <c r="JP12" s="120">
        <v>6089643</v>
      </c>
      <c r="JQ12" s="318">
        <v>6089643</v>
      </c>
      <c r="JR12" s="142">
        <v>0</v>
      </c>
      <c r="JS12" s="119">
        <v>0</v>
      </c>
      <c r="JT12" s="141">
        <v>0</v>
      </c>
      <c r="JU12" s="118">
        <v>0</v>
      </c>
      <c r="JV12" s="119">
        <v>70761</v>
      </c>
      <c r="JW12" s="119">
        <v>114578</v>
      </c>
      <c r="JX12" s="119">
        <v>0</v>
      </c>
      <c r="JY12" s="119">
        <v>0</v>
      </c>
      <c r="JZ12" s="119">
        <v>13685</v>
      </c>
      <c r="KA12" s="120">
        <v>199024</v>
      </c>
      <c r="KB12" s="318">
        <v>199024</v>
      </c>
      <c r="KC12" s="234">
        <v>0</v>
      </c>
      <c r="KD12" s="230">
        <v>67075</v>
      </c>
      <c r="KE12" s="120">
        <v>67075</v>
      </c>
      <c r="KF12" s="118">
        <v>0</v>
      </c>
      <c r="KG12" s="119">
        <v>246229</v>
      </c>
      <c r="KH12" s="119">
        <v>1141330</v>
      </c>
      <c r="KI12" s="119">
        <v>809348</v>
      </c>
      <c r="KJ12" s="119">
        <v>999845</v>
      </c>
      <c r="KK12" s="119">
        <v>181714</v>
      </c>
      <c r="KL12" s="120">
        <v>3378466</v>
      </c>
      <c r="KM12" s="143">
        <v>3445541</v>
      </c>
      <c r="KN12" s="232">
        <v>0</v>
      </c>
      <c r="KO12" s="236">
        <v>0</v>
      </c>
      <c r="KP12" s="237">
        <v>0</v>
      </c>
      <c r="KQ12" s="140"/>
      <c r="KR12" s="119">
        <v>829343</v>
      </c>
      <c r="KS12" s="119">
        <v>1299697</v>
      </c>
      <c r="KT12" s="119">
        <v>2491287</v>
      </c>
      <c r="KU12" s="119">
        <v>2059725</v>
      </c>
      <c r="KV12" s="119">
        <v>1140989</v>
      </c>
      <c r="KW12" s="120">
        <v>7821041</v>
      </c>
      <c r="KX12" s="318">
        <v>7821041</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82059</v>
      </c>
      <c r="LP12" s="119">
        <v>200142</v>
      </c>
      <c r="LQ12" s="119">
        <v>0</v>
      </c>
      <c r="LR12" s="119">
        <v>0</v>
      </c>
      <c r="LS12" s="120">
        <v>382201</v>
      </c>
      <c r="LT12" s="318">
        <v>382201</v>
      </c>
      <c r="LU12" s="142">
        <v>0</v>
      </c>
      <c r="LV12" s="119">
        <v>0</v>
      </c>
      <c r="LW12" s="120">
        <v>0</v>
      </c>
      <c r="LX12" s="145"/>
      <c r="LY12" s="119">
        <v>24049</v>
      </c>
      <c r="LZ12" s="119">
        <v>156284</v>
      </c>
      <c r="MA12" s="119">
        <v>227978</v>
      </c>
      <c r="MB12" s="119">
        <v>0</v>
      </c>
      <c r="MC12" s="119">
        <v>42428</v>
      </c>
      <c r="MD12" s="120">
        <v>450739</v>
      </c>
      <c r="ME12" s="121">
        <v>450739</v>
      </c>
      <c r="MF12" s="142">
        <v>0</v>
      </c>
      <c r="MG12" s="119">
        <v>0</v>
      </c>
      <c r="MH12" s="120">
        <v>0</v>
      </c>
      <c r="MI12" s="145"/>
      <c r="MJ12" s="119">
        <v>197803</v>
      </c>
      <c r="MK12" s="119">
        <v>1587946</v>
      </c>
      <c r="ML12" s="119">
        <v>6798837</v>
      </c>
      <c r="MM12" s="119">
        <v>11455938</v>
      </c>
      <c r="MN12" s="119">
        <v>8376878</v>
      </c>
      <c r="MO12" s="120">
        <v>28417402</v>
      </c>
      <c r="MP12" s="143">
        <v>28417402</v>
      </c>
      <c r="MQ12" s="142">
        <v>0</v>
      </c>
      <c r="MR12" s="119">
        <v>0</v>
      </c>
      <c r="MS12" s="120">
        <v>0</v>
      </c>
      <c r="MT12" s="145"/>
      <c r="MU12" s="119">
        <v>0</v>
      </c>
      <c r="MV12" s="119">
        <v>0</v>
      </c>
      <c r="MW12" s="119">
        <v>4205671</v>
      </c>
      <c r="MX12" s="119">
        <v>7712638</v>
      </c>
      <c r="MY12" s="119">
        <v>6079478</v>
      </c>
      <c r="MZ12" s="120">
        <v>17997787</v>
      </c>
      <c r="NA12" s="143">
        <v>17997787</v>
      </c>
      <c r="NB12" s="142">
        <v>0</v>
      </c>
      <c r="NC12" s="119">
        <v>0</v>
      </c>
      <c r="ND12" s="120">
        <v>0</v>
      </c>
      <c r="NE12" s="145"/>
      <c r="NF12" s="119">
        <v>197803</v>
      </c>
      <c r="NG12" s="119">
        <v>1587946</v>
      </c>
      <c r="NH12" s="119">
        <v>2434701</v>
      </c>
      <c r="NI12" s="119">
        <v>3453479</v>
      </c>
      <c r="NJ12" s="119">
        <v>1380229</v>
      </c>
      <c r="NK12" s="120">
        <v>9054158</v>
      </c>
      <c r="NL12" s="318">
        <v>9054158</v>
      </c>
      <c r="NM12" s="142">
        <v>0</v>
      </c>
      <c r="NN12" s="119">
        <v>0</v>
      </c>
      <c r="NO12" s="120">
        <v>0</v>
      </c>
      <c r="NP12" s="145"/>
      <c r="NQ12" s="119">
        <v>0</v>
      </c>
      <c r="NR12" s="119">
        <v>0</v>
      </c>
      <c r="NS12" s="119">
        <v>0</v>
      </c>
      <c r="NT12" s="119">
        <v>0</v>
      </c>
      <c r="NU12" s="119">
        <v>544524</v>
      </c>
      <c r="NV12" s="120">
        <v>544524</v>
      </c>
      <c r="NW12" s="121">
        <v>544524</v>
      </c>
      <c r="NX12" s="142">
        <v>0</v>
      </c>
      <c r="NY12" s="119">
        <v>0</v>
      </c>
      <c r="NZ12" s="120">
        <v>0</v>
      </c>
      <c r="OA12" s="145"/>
      <c r="OB12" s="119">
        <v>0</v>
      </c>
      <c r="OC12" s="119">
        <v>0</v>
      </c>
      <c r="OD12" s="119">
        <v>158465</v>
      </c>
      <c r="OE12" s="119">
        <v>289821</v>
      </c>
      <c r="OF12" s="119">
        <v>372647</v>
      </c>
      <c r="OG12" s="120">
        <v>820933</v>
      </c>
      <c r="OH12" s="121">
        <v>820933</v>
      </c>
      <c r="OI12" s="142">
        <v>1035064</v>
      </c>
      <c r="OJ12" s="119">
        <v>2647811</v>
      </c>
      <c r="OK12" s="141">
        <v>3682875</v>
      </c>
      <c r="OL12" s="118">
        <v>0</v>
      </c>
      <c r="OM12" s="119">
        <v>16894233</v>
      </c>
      <c r="ON12" s="119">
        <v>27836571</v>
      </c>
      <c r="OO12" s="119">
        <v>34290945</v>
      </c>
      <c r="OP12" s="119">
        <v>34393356</v>
      </c>
      <c r="OQ12" s="119">
        <v>23049813</v>
      </c>
      <c r="OR12" s="120">
        <v>136464918</v>
      </c>
      <c r="OS12" s="143">
        <v>140147793</v>
      </c>
    </row>
    <row r="13" spans="2:409" ht="21" customHeight="1" x14ac:dyDescent="0.2">
      <c r="B13" s="126" t="s">
        <v>7</v>
      </c>
      <c r="C13" s="110">
        <v>589872</v>
      </c>
      <c r="D13" s="114">
        <v>455133</v>
      </c>
      <c r="E13" s="113">
        <v>1045005</v>
      </c>
      <c r="F13" s="109">
        <v>0</v>
      </c>
      <c r="G13" s="114">
        <v>11836410</v>
      </c>
      <c r="H13" s="114">
        <v>10255321</v>
      </c>
      <c r="I13" s="114">
        <v>8649173</v>
      </c>
      <c r="J13" s="114">
        <v>10370955</v>
      </c>
      <c r="K13" s="114">
        <v>6359517</v>
      </c>
      <c r="L13" s="109">
        <v>47471376</v>
      </c>
      <c r="M13" s="116">
        <v>48516381</v>
      </c>
      <c r="N13" s="110">
        <v>107870</v>
      </c>
      <c r="O13" s="114">
        <v>41643</v>
      </c>
      <c r="P13" s="113">
        <v>149513</v>
      </c>
      <c r="Q13" s="110">
        <v>0</v>
      </c>
      <c r="R13" s="114">
        <v>3872232</v>
      </c>
      <c r="S13" s="114">
        <v>3057388</v>
      </c>
      <c r="T13" s="114">
        <v>2773957</v>
      </c>
      <c r="U13" s="114">
        <v>3173683</v>
      </c>
      <c r="V13" s="114">
        <v>3707589</v>
      </c>
      <c r="W13" s="113">
        <v>16584849</v>
      </c>
      <c r="X13" s="116">
        <v>16734362</v>
      </c>
      <c r="Y13" s="110">
        <v>0</v>
      </c>
      <c r="Z13" s="114">
        <v>0</v>
      </c>
      <c r="AA13" s="113">
        <v>0</v>
      </c>
      <c r="AB13" s="110">
        <v>0</v>
      </c>
      <c r="AC13" s="114">
        <v>1765747</v>
      </c>
      <c r="AD13" s="114">
        <v>1267474</v>
      </c>
      <c r="AE13" s="114">
        <v>1395075</v>
      </c>
      <c r="AF13" s="114">
        <v>1709971</v>
      </c>
      <c r="AG13" s="114">
        <v>1925902</v>
      </c>
      <c r="AH13" s="113">
        <v>8064169</v>
      </c>
      <c r="AI13" s="116">
        <v>8064169</v>
      </c>
      <c r="AJ13" s="110">
        <v>0</v>
      </c>
      <c r="AK13" s="114">
        <v>0</v>
      </c>
      <c r="AL13" s="113">
        <v>0</v>
      </c>
      <c r="AM13" s="110">
        <v>0</v>
      </c>
      <c r="AN13" s="114">
        <v>51149</v>
      </c>
      <c r="AO13" s="114">
        <v>102305</v>
      </c>
      <c r="AP13" s="114">
        <v>40917</v>
      </c>
      <c r="AQ13" s="114">
        <v>240152</v>
      </c>
      <c r="AR13" s="114">
        <v>551139</v>
      </c>
      <c r="AS13" s="113">
        <v>985662</v>
      </c>
      <c r="AT13" s="116">
        <v>985662</v>
      </c>
      <c r="AU13" s="110">
        <v>0</v>
      </c>
      <c r="AV13" s="114">
        <v>0</v>
      </c>
      <c r="AW13" s="113">
        <v>0</v>
      </c>
      <c r="AX13" s="110">
        <v>0</v>
      </c>
      <c r="AY13" s="114">
        <v>1260556</v>
      </c>
      <c r="AZ13" s="114">
        <v>1041545</v>
      </c>
      <c r="BA13" s="114">
        <v>821552</v>
      </c>
      <c r="BB13" s="114">
        <v>559164</v>
      </c>
      <c r="BC13" s="114">
        <v>912608</v>
      </c>
      <c r="BD13" s="113">
        <v>4595425</v>
      </c>
      <c r="BE13" s="116">
        <v>4595425</v>
      </c>
      <c r="BF13" s="110">
        <v>0</v>
      </c>
      <c r="BG13" s="114">
        <v>0</v>
      </c>
      <c r="BH13" s="112">
        <v>0</v>
      </c>
      <c r="BI13" s="111">
        <v>0</v>
      </c>
      <c r="BJ13" s="114">
        <v>134330</v>
      </c>
      <c r="BK13" s="114">
        <v>155280</v>
      </c>
      <c r="BL13" s="114">
        <v>18993</v>
      </c>
      <c r="BM13" s="114">
        <v>96150</v>
      </c>
      <c r="BN13" s="114">
        <v>0</v>
      </c>
      <c r="BO13" s="113">
        <v>404753</v>
      </c>
      <c r="BP13" s="116">
        <v>404753</v>
      </c>
      <c r="BQ13" s="110">
        <v>107870</v>
      </c>
      <c r="BR13" s="114">
        <v>41643</v>
      </c>
      <c r="BS13" s="113">
        <v>149513</v>
      </c>
      <c r="BT13" s="110">
        <v>0</v>
      </c>
      <c r="BU13" s="114">
        <v>660450</v>
      </c>
      <c r="BV13" s="114">
        <v>490784</v>
      </c>
      <c r="BW13" s="114">
        <v>497420</v>
      </c>
      <c r="BX13" s="114">
        <v>568246</v>
      </c>
      <c r="BY13" s="114">
        <v>317940</v>
      </c>
      <c r="BZ13" s="113">
        <v>2534840</v>
      </c>
      <c r="CA13" s="116">
        <v>2684353</v>
      </c>
      <c r="CB13" s="110">
        <v>31983</v>
      </c>
      <c r="CC13" s="114">
        <v>72031</v>
      </c>
      <c r="CD13" s="113">
        <v>104014</v>
      </c>
      <c r="CE13" s="110">
        <v>0</v>
      </c>
      <c r="CF13" s="114">
        <v>3668075</v>
      </c>
      <c r="CG13" s="114">
        <v>2340236</v>
      </c>
      <c r="CH13" s="114">
        <v>1429924</v>
      </c>
      <c r="CI13" s="114">
        <v>1085675</v>
      </c>
      <c r="CJ13" s="114">
        <v>326791</v>
      </c>
      <c r="CK13" s="113">
        <v>8850701</v>
      </c>
      <c r="CL13" s="116">
        <v>8954715</v>
      </c>
      <c r="CM13" s="110">
        <v>0</v>
      </c>
      <c r="CN13" s="114">
        <v>0</v>
      </c>
      <c r="CO13" s="113">
        <v>0</v>
      </c>
      <c r="CP13" s="111">
        <v>0</v>
      </c>
      <c r="CQ13" s="114">
        <v>2938782</v>
      </c>
      <c r="CR13" s="114">
        <v>2043010</v>
      </c>
      <c r="CS13" s="114">
        <v>1052882</v>
      </c>
      <c r="CT13" s="114">
        <v>498180</v>
      </c>
      <c r="CU13" s="114">
        <v>178258</v>
      </c>
      <c r="CV13" s="113">
        <v>6711112</v>
      </c>
      <c r="CW13" s="116">
        <v>6711112</v>
      </c>
      <c r="CX13" s="110">
        <v>31983</v>
      </c>
      <c r="CY13" s="114">
        <v>72031</v>
      </c>
      <c r="CZ13" s="113">
        <v>104014</v>
      </c>
      <c r="DA13" s="110">
        <v>0</v>
      </c>
      <c r="DB13" s="114">
        <v>729293</v>
      </c>
      <c r="DC13" s="114">
        <v>297226</v>
      </c>
      <c r="DD13" s="114">
        <v>377042</v>
      </c>
      <c r="DE13" s="114">
        <v>587495</v>
      </c>
      <c r="DF13" s="114">
        <v>148533</v>
      </c>
      <c r="DG13" s="113">
        <v>2139589</v>
      </c>
      <c r="DH13" s="116">
        <v>2243603</v>
      </c>
      <c r="DI13" s="110">
        <v>0</v>
      </c>
      <c r="DJ13" s="114">
        <v>0</v>
      </c>
      <c r="DK13" s="112">
        <v>0</v>
      </c>
      <c r="DL13" s="111">
        <v>0</v>
      </c>
      <c r="DM13" s="114">
        <v>168235</v>
      </c>
      <c r="DN13" s="114">
        <v>713678</v>
      </c>
      <c r="DO13" s="114">
        <v>385958</v>
      </c>
      <c r="DP13" s="114">
        <v>336384</v>
      </c>
      <c r="DQ13" s="114">
        <v>313069</v>
      </c>
      <c r="DR13" s="113">
        <v>1917324</v>
      </c>
      <c r="DS13" s="116">
        <v>1917324</v>
      </c>
      <c r="DT13" s="110">
        <v>0</v>
      </c>
      <c r="DU13" s="114">
        <v>0</v>
      </c>
      <c r="DV13" s="113">
        <v>0</v>
      </c>
      <c r="DW13" s="110">
        <v>0</v>
      </c>
      <c r="DX13" s="114">
        <v>140841</v>
      </c>
      <c r="DY13" s="114">
        <v>713678</v>
      </c>
      <c r="DZ13" s="114">
        <v>376489</v>
      </c>
      <c r="EA13" s="114">
        <v>180100</v>
      </c>
      <c r="EB13" s="114">
        <v>313069</v>
      </c>
      <c r="EC13" s="113">
        <v>1724177</v>
      </c>
      <c r="ED13" s="116">
        <v>1724177</v>
      </c>
      <c r="EE13" s="110">
        <v>0</v>
      </c>
      <c r="EF13" s="112">
        <v>0</v>
      </c>
      <c r="EG13" s="113">
        <v>0</v>
      </c>
      <c r="EH13" s="110">
        <v>0</v>
      </c>
      <c r="EI13" s="114">
        <v>27394</v>
      </c>
      <c r="EJ13" s="114">
        <v>0</v>
      </c>
      <c r="EK13" s="114">
        <v>9469</v>
      </c>
      <c r="EL13" s="114">
        <v>156284</v>
      </c>
      <c r="EM13" s="114">
        <v>0</v>
      </c>
      <c r="EN13" s="112">
        <v>193147</v>
      </c>
      <c r="EO13" s="116">
        <v>193147</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5"/>
      <c r="FE13" s="114">
        <v>0</v>
      </c>
      <c r="FF13" s="114">
        <v>0</v>
      </c>
      <c r="FG13" s="114">
        <v>0</v>
      </c>
      <c r="FH13" s="114">
        <v>0</v>
      </c>
      <c r="FI13" s="114">
        <v>0</v>
      </c>
      <c r="FJ13" s="113">
        <v>0</v>
      </c>
      <c r="FK13" s="116">
        <v>0</v>
      </c>
      <c r="FL13" s="110">
        <v>62216</v>
      </c>
      <c r="FM13" s="114">
        <v>95242</v>
      </c>
      <c r="FN13" s="113">
        <v>157458</v>
      </c>
      <c r="FO13" s="110">
        <v>0</v>
      </c>
      <c r="FP13" s="114">
        <v>629209</v>
      </c>
      <c r="FQ13" s="114">
        <v>1015772</v>
      </c>
      <c r="FR13" s="114">
        <v>735469</v>
      </c>
      <c r="FS13" s="114">
        <v>453544</v>
      </c>
      <c r="FT13" s="114">
        <v>325080</v>
      </c>
      <c r="FU13" s="113">
        <v>3159074</v>
      </c>
      <c r="FV13" s="116">
        <v>3316532</v>
      </c>
      <c r="FW13" s="115">
        <v>50666</v>
      </c>
      <c r="FX13" s="114">
        <v>83692</v>
      </c>
      <c r="FY13" s="112">
        <v>134358</v>
      </c>
      <c r="FZ13" s="111">
        <v>0</v>
      </c>
      <c r="GA13" s="114">
        <v>440489</v>
      </c>
      <c r="GB13" s="114">
        <v>865956</v>
      </c>
      <c r="GC13" s="114">
        <v>595469</v>
      </c>
      <c r="GD13" s="114">
        <v>453544</v>
      </c>
      <c r="GE13" s="114">
        <v>325080</v>
      </c>
      <c r="GF13" s="113">
        <v>2680538</v>
      </c>
      <c r="GG13" s="316">
        <v>2814896</v>
      </c>
      <c r="GH13" s="115">
        <v>11550</v>
      </c>
      <c r="GI13" s="114">
        <v>11550</v>
      </c>
      <c r="GJ13" s="112">
        <v>23100</v>
      </c>
      <c r="GK13" s="111">
        <v>0</v>
      </c>
      <c r="GL13" s="114">
        <v>23100</v>
      </c>
      <c r="GM13" s="114">
        <v>32216</v>
      </c>
      <c r="GN13" s="114">
        <v>0</v>
      </c>
      <c r="GO13" s="114">
        <v>0</v>
      </c>
      <c r="GP13" s="114">
        <v>0</v>
      </c>
      <c r="GQ13" s="113">
        <v>55316</v>
      </c>
      <c r="GR13" s="116">
        <v>78416</v>
      </c>
      <c r="GS13" s="110">
        <v>0</v>
      </c>
      <c r="GT13" s="114">
        <v>0</v>
      </c>
      <c r="GU13" s="113">
        <v>0</v>
      </c>
      <c r="GV13" s="110">
        <v>0</v>
      </c>
      <c r="GW13" s="114">
        <v>165620</v>
      </c>
      <c r="GX13" s="114">
        <v>117600</v>
      </c>
      <c r="GY13" s="114">
        <v>140000</v>
      </c>
      <c r="GZ13" s="114">
        <v>0</v>
      </c>
      <c r="HA13" s="114">
        <v>0</v>
      </c>
      <c r="HB13" s="112">
        <v>423220</v>
      </c>
      <c r="HC13" s="116">
        <v>423220</v>
      </c>
      <c r="HD13" s="110">
        <v>387803</v>
      </c>
      <c r="HE13" s="114">
        <v>246217</v>
      </c>
      <c r="HF13" s="112">
        <v>634020</v>
      </c>
      <c r="HG13" s="111">
        <v>0</v>
      </c>
      <c r="HH13" s="114">
        <v>3498659</v>
      </c>
      <c r="HI13" s="114">
        <v>3128247</v>
      </c>
      <c r="HJ13" s="114">
        <v>3323865</v>
      </c>
      <c r="HK13" s="114">
        <v>5321669</v>
      </c>
      <c r="HL13" s="114">
        <v>1686988</v>
      </c>
      <c r="HM13" s="113">
        <v>16959428</v>
      </c>
      <c r="HN13" s="109">
        <v>17593448</v>
      </c>
      <c r="HO13" s="326"/>
      <c r="HP13" s="327"/>
      <c r="HQ13" s="328"/>
      <c r="HR13" s="329"/>
      <c r="HS13" s="327"/>
      <c r="HT13" s="327"/>
      <c r="HU13" s="327"/>
      <c r="HV13" s="327"/>
      <c r="HW13" s="327"/>
      <c r="HX13" s="330"/>
      <c r="HY13" s="331"/>
      <c r="HZ13" s="131">
        <v>42744</v>
      </c>
      <c r="IA13" s="132">
        <v>0</v>
      </c>
      <c r="IB13" s="133">
        <v>42744</v>
      </c>
      <c r="IC13" s="146">
        <v>0</v>
      </c>
      <c r="ID13" s="132">
        <v>1960365</v>
      </c>
      <c r="IE13" s="147">
        <v>1660656</v>
      </c>
      <c r="IF13" s="133">
        <v>3117703</v>
      </c>
      <c r="IG13" s="132">
        <v>1909212</v>
      </c>
      <c r="IH13" s="133">
        <v>322904</v>
      </c>
      <c r="II13" s="148">
        <v>8970840</v>
      </c>
      <c r="IJ13" s="139">
        <v>9013584</v>
      </c>
      <c r="IK13" s="232">
        <v>0</v>
      </c>
      <c r="IL13" s="236">
        <v>0</v>
      </c>
      <c r="IM13" s="237">
        <v>0</v>
      </c>
      <c r="IN13" s="140"/>
      <c r="IO13" s="119">
        <v>232479</v>
      </c>
      <c r="IP13" s="119">
        <v>0</v>
      </c>
      <c r="IQ13" s="119">
        <v>322359</v>
      </c>
      <c r="IR13" s="119">
        <v>190949</v>
      </c>
      <c r="IS13" s="119">
        <v>0</v>
      </c>
      <c r="IT13" s="141">
        <v>745787</v>
      </c>
      <c r="IU13" s="318">
        <v>745787</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1102057</v>
      </c>
      <c r="JL13" s="119">
        <v>856755</v>
      </c>
      <c r="JM13" s="119">
        <v>613853</v>
      </c>
      <c r="JN13" s="119">
        <v>339375</v>
      </c>
      <c r="JO13" s="119">
        <v>95840</v>
      </c>
      <c r="JP13" s="120">
        <v>3007880</v>
      </c>
      <c r="JQ13" s="318">
        <v>3007880</v>
      </c>
      <c r="JR13" s="142">
        <v>0</v>
      </c>
      <c r="JS13" s="119">
        <v>0</v>
      </c>
      <c r="JT13" s="141">
        <v>0</v>
      </c>
      <c r="JU13" s="118">
        <v>0</v>
      </c>
      <c r="JV13" s="119">
        <v>182414</v>
      </c>
      <c r="JW13" s="119">
        <v>444304</v>
      </c>
      <c r="JX13" s="119">
        <v>654344</v>
      </c>
      <c r="JY13" s="119">
        <v>454099</v>
      </c>
      <c r="JZ13" s="119">
        <v>0</v>
      </c>
      <c r="KA13" s="120">
        <v>1735161</v>
      </c>
      <c r="KB13" s="318">
        <v>1735161</v>
      </c>
      <c r="KC13" s="234">
        <v>42744</v>
      </c>
      <c r="KD13" s="230">
        <v>0</v>
      </c>
      <c r="KE13" s="120">
        <v>42744</v>
      </c>
      <c r="KF13" s="118">
        <v>0</v>
      </c>
      <c r="KG13" s="119">
        <v>95406</v>
      </c>
      <c r="KH13" s="119">
        <v>136629</v>
      </c>
      <c r="KI13" s="119">
        <v>181345</v>
      </c>
      <c r="KJ13" s="119">
        <v>0</v>
      </c>
      <c r="KK13" s="119">
        <v>0</v>
      </c>
      <c r="KL13" s="120">
        <v>413380</v>
      </c>
      <c r="KM13" s="143">
        <v>456124</v>
      </c>
      <c r="KN13" s="232">
        <v>0</v>
      </c>
      <c r="KO13" s="236">
        <v>0</v>
      </c>
      <c r="KP13" s="237">
        <v>0</v>
      </c>
      <c r="KQ13" s="140"/>
      <c r="KR13" s="119">
        <v>348009</v>
      </c>
      <c r="KS13" s="119">
        <v>222968</v>
      </c>
      <c r="KT13" s="119">
        <v>1345802</v>
      </c>
      <c r="KU13" s="119">
        <v>924789</v>
      </c>
      <c r="KV13" s="119">
        <v>227064</v>
      </c>
      <c r="KW13" s="120">
        <v>3068632</v>
      </c>
      <c r="KX13" s="318">
        <v>3068632</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18">
        <v>0</v>
      </c>
      <c r="LU13" s="142">
        <v>0</v>
      </c>
      <c r="LV13" s="119">
        <v>0</v>
      </c>
      <c r="LW13" s="120">
        <v>0</v>
      </c>
      <c r="LX13" s="145"/>
      <c r="LY13" s="119">
        <v>0</v>
      </c>
      <c r="LZ13" s="119">
        <v>0</v>
      </c>
      <c r="MA13" s="119">
        <v>0</v>
      </c>
      <c r="MB13" s="119">
        <v>0</v>
      </c>
      <c r="MC13" s="119">
        <v>0</v>
      </c>
      <c r="MD13" s="120">
        <v>0</v>
      </c>
      <c r="ME13" s="121">
        <v>0</v>
      </c>
      <c r="MF13" s="142">
        <v>0</v>
      </c>
      <c r="MG13" s="119">
        <v>0</v>
      </c>
      <c r="MH13" s="120">
        <v>0</v>
      </c>
      <c r="MI13" s="145"/>
      <c r="MJ13" s="119">
        <v>393414</v>
      </c>
      <c r="MK13" s="119">
        <v>360372</v>
      </c>
      <c r="ML13" s="119">
        <v>3013073</v>
      </c>
      <c r="MM13" s="119">
        <v>5923802</v>
      </c>
      <c r="MN13" s="119">
        <v>3477051</v>
      </c>
      <c r="MO13" s="120">
        <v>13167712</v>
      </c>
      <c r="MP13" s="143">
        <v>13167712</v>
      </c>
      <c r="MQ13" s="142">
        <v>0</v>
      </c>
      <c r="MR13" s="119">
        <v>0</v>
      </c>
      <c r="MS13" s="120">
        <v>0</v>
      </c>
      <c r="MT13" s="145"/>
      <c r="MU13" s="119">
        <v>0</v>
      </c>
      <c r="MV13" s="119">
        <v>0</v>
      </c>
      <c r="MW13" s="119">
        <v>974119</v>
      </c>
      <c r="MX13" s="119">
        <v>3869668</v>
      </c>
      <c r="MY13" s="119">
        <v>3126818</v>
      </c>
      <c r="MZ13" s="120">
        <v>7970605</v>
      </c>
      <c r="NA13" s="143">
        <v>7970605</v>
      </c>
      <c r="NB13" s="142">
        <v>0</v>
      </c>
      <c r="NC13" s="119">
        <v>0</v>
      </c>
      <c r="ND13" s="120">
        <v>0</v>
      </c>
      <c r="NE13" s="145"/>
      <c r="NF13" s="119">
        <v>393414</v>
      </c>
      <c r="NG13" s="119">
        <v>360372</v>
      </c>
      <c r="NH13" s="119">
        <v>2038954</v>
      </c>
      <c r="NI13" s="119">
        <v>2054134</v>
      </c>
      <c r="NJ13" s="119">
        <v>350233</v>
      </c>
      <c r="NK13" s="120">
        <v>5197107</v>
      </c>
      <c r="NL13" s="318">
        <v>5197107</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632616</v>
      </c>
      <c r="OJ13" s="119">
        <v>455133</v>
      </c>
      <c r="OK13" s="141">
        <v>1087749</v>
      </c>
      <c r="OL13" s="118">
        <v>0</v>
      </c>
      <c r="OM13" s="119">
        <v>14190189</v>
      </c>
      <c r="ON13" s="119">
        <v>12276349</v>
      </c>
      <c r="OO13" s="119">
        <v>14779949</v>
      </c>
      <c r="OP13" s="119">
        <v>18203969</v>
      </c>
      <c r="OQ13" s="119">
        <v>10159472</v>
      </c>
      <c r="OR13" s="120">
        <v>69609928</v>
      </c>
      <c r="OS13" s="143">
        <v>70697677</v>
      </c>
    </row>
    <row r="14" spans="2:409" ht="21" customHeight="1" x14ac:dyDescent="0.2">
      <c r="B14" s="126" t="s">
        <v>8</v>
      </c>
      <c r="C14" s="110">
        <v>555030</v>
      </c>
      <c r="D14" s="114">
        <v>746407</v>
      </c>
      <c r="E14" s="113">
        <v>1301437</v>
      </c>
      <c r="F14" s="109">
        <v>0</v>
      </c>
      <c r="G14" s="114">
        <v>5389322</v>
      </c>
      <c r="H14" s="114">
        <v>5991189</v>
      </c>
      <c r="I14" s="114">
        <v>4638872</v>
      </c>
      <c r="J14" s="114">
        <v>7259946</v>
      </c>
      <c r="K14" s="114">
        <v>5092005</v>
      </c>
      <c r="L14" s="109">
        <v>28371334</v>
      </c>
      <c r="M14" s="116">
        <v>29672771</v>
      </c>
      <c r="N14" s="110">
        <v>128587</v>
      </c>
      <c r="O14" s="114">
        <v>169367</v>
      </c>
      <c r="P14" s="113">
        <v>297954</v>
      </c>
      <c r="Q14" s="110">
        <v>0</v>
      </c>
      <c r="R14" s="114">
        <v>1548674</v>
      </c>
      <c r="S14" s="114">
        <v>1653094</v>
      </c>
      <c r="T14" s="114">
        <v>1608849</v>
      </c>
      <c r="U14" s="114">
        <v>1847988</v>
      </c>
      <c r="V14" s="114">
        <v>2220604</v>
      </c>
      <c r="W14" s="113">
        <v>8879209</v>
      </c>
      <c r="X14" s="116">
        <v>9177163</v>
      </c>
      <c r="Y14" s="110">
        <v>0</v>
      </c>
      <c r="Z14" s="114">
        <v>0</v>
      </c>
      <c r="AA14" s="113">
        <v>0</v>
      </c>
      <c r="AB14" s="110">
        <v>0</v>
      </c>
      <c r="AC14" s="114">
        <v>614571</v>
      </c>
      <c r="AD14" s="114">
        <v>563538</v>
      </c>
      <c r="AE14" s="114">
        <v>993318</v>
      </c>
      <c r="AF14" s="114">
        <v>642415</v>
      </c>
      <c r="AG14" s="114">
        <v>1138551</v>
      </c>
      <c r="AH14" s="113">
        <v>3952393</v>
      </c>
      <c r="AI14" s="116">
        <v>3952393</v>
      </c>
      <c r="AJ14" s="110">
        <v>0</v>
      </c>
      <c r="AK14" s="114">
        <v>0</v>
      </c>
      <c r="AL14" s="113">
        <v>0</v>
      </c>
      <c r="AM14" s="110">
        <v>0</v>
      </c>
      <c r="AN14" s="114">
        <v>0</v>
      </c>
      <c r="AO14" s="114">
        <v>0</v>
      </c>
      <c r="AP14" s="114">
        <v>62383</v>
      </c>
      <c r="AQ14" s="114">
        <v>176664</v>
      </c>
      <c r="AR14" s="114">
        <v>163534</v>
      </c>
      <c r="AS14" s="113">
        <v>402581</v>
      </c>
      <c r="AT14" s="116">
        <v>402581</v>
      </c>
      <c r="AU14" s="110">
        <v>57033</v>
      </c>
      <c r="AV14" s="114">
        <v>103519</v>
      </c>
      <c r="AW14" s="113">
        <v>160552</v>
      </c>
      <c r="AX14" s="110">
        <v>0</v>
      </c>
      <c r="AY14" s="114">
        <v>607019</v>
      </c>
      <c r="AZ14" s="114">
        <v>676035</v>
      </c>
      <c r="BA14" s="114">
        <v>263784</v>
      </c>
      <c r="BB14" s="114">
        <v>678178</v>
      </c>
      <c r="BC14" s="114">
        <v>552849</v>
      </c>
      <c r="BD14" s="113">
        <v>2777865</v>
      </c>
      <c r="BE14" s="116">
        <v>2938417</v>
      </c>
      <c r="BF14" s="110">
        <v>0</v>
      </c>
      <c r="BG14" s="114">
        <v>40942</v>
      </c>
      <c r="BH14" s="112">
        <v>40942</v>
      </c>
      <c r="BI14" s="111">
        <v>0</v>
      </c>
      <c r="BJ14" s="114">
        <v>175975</v>
      </c>
      <c r="BK14" s="114">
        <v>201092</v>
      </c>
      <c r="BL14" s="114">
        <v>107819</v>
      </c>
      <c r="BM14" s="114">
        <v>65334</v>
      </c>
      <c r="BN14" s="114">
        <v>138709</v>
      </c>
      <c r="BO14" s="113">
        <v>688929</v>
      </c>
      <c r="BP14" s="116">
        <v>729871</v>
      </c>
      <c r="BQ14" s="110">
        <v>71554</v>
      </c>
      <c r="BR14" s="114">
        <v>24906</v>
      </c>
      <c r="BS14" s="113">
        <v>96460</v>
      </c>
      <c r="BT14" s="110">
        <v>0</v>
      </c>
      <c r="BU14" s="114">
        <v>151109</v>
      </c>
      <c r="BV14" s="114">
        <v>212429</v>
      </c>
      <c r="BW14" s="114">
        <v>181545</v>
      </c>
      <c r="BX14" s="114">
        <v>285397</v>
      </c>
      <c r="BY14" s="114">
        <v>226961</v>
      </c>
      <c r="BZ14" s="113">
        <v>1057441</v>
      </c>
      <c r="CA14" s="116">
        <v>1153901</v>
      </c>
      <c r="CB14" s="110">
        <v>0</v>
      </c>
      <c r="CC14" s="114">
        <v>136095</v>
      </c>
      <c r="CD14" s="113">
        <v>136095</v>
      </c>
      <c r="CE14" s="110">
        <v>0</v>
      </c>
      <c r="CF14" s="114">
        <v>1719205</v>
      </c>
      <c r="CG14" s="114">
        <v>2039302</v>
      </c>
      <c r="CH14" s="114">
        <v>944995</v>
      </c>
      <c r="CI14" s="114">
        <v>1562462</v>
      </c>
      <c r="CJ14" s="114">
        <v>707906</v>
      </c>
      <c r="CK14" s="113">
        <v>6973870</v>
      </c>
      <c r="CL14" s="116">
        <v>7109965</v>
      </c>
      <c r="CM14" s="110">
        <v>0</v>
      </c>
      <c r="CN14" s="114">
        <v>0</v>
      </c>
      <c r="CO14" s="113">
        <v>0</v>
      </c>
      <c r="CP14" s="111">
        <v>0</v>
      </c>
      <c r="CQ14" s="114">
        <v>1395804</v>
      </c>
      <c r="CR14" s="114">
        <v>1558549</v>
      </c>
      <c r="CS14" s="114">
        <v>383772</v>
      </c>
      <c r="CT14" s="114">
        <v>1108009</v>
      </c>
      <c r="CU14" s="114">
        <v>359529</v>
      </c>
      <c r="CV14" s="113">
        <v>4805663</v>
      </c>
      <c r="CW14" s="116">
        <v>4805663</v>
      </c>
      <c r="CX14" s="110">
        <v>0</v>
      </c>
      <c r="CY14" s="114">
        <v>136095</v>
      </c>
      <c r="CZ14" s="113">
        <v>136095</v>
      </c>
      <c r="DA14" s="110">
        <v>0</v>
      </c>
      <c r="DB14" s="114">
        <v>323401</v>
      </c>
      <c r="DC14" s="114">
        <v>480753</v>
      </c>
      <c r="DD14" s="114">
        <v>561223</v>
      </c>
      <c r="DE14" s="114">
        <v>454453</v>
      </c>
      <c r="DF14" s="114">
        <v>348377</v>
      </c>
      <c r="DG14" s="113">
        <v>2168207</v>
      </c>
      <c r="DH14" s="116">
        <v>2304302</v>
      </c>
      <c r="DI14" s="110">
        <v>0</v>
      </c>
      <c r="DJ14" s="114">
        <v>50092</v>
      </c>
      <c r="DK14" s="112">
        <v>50092</v>
      </c>
      <c r="DL14" s="111">
        <v>0</v>
      </c>
      <c r="DM14" s="114">
        <v>61632</v>
      </c>
      <c r="DN14" s="114">
        <v>264031</v>
      </c>
      <c r="DO14" s="114">
        <v>616211</v>
      </c>
      <c r="DP14" s="114">
        <v>853607</v>
      </c>
      <c r="DQ14" s="114">
        <v>78694</v>
      </c>
      <c r="DR14" s="113">
        <v>1874175</v>
      </c>
      <c r="DS14" s="116">
        <v>1924267</v>
      </c>
      <c r="DT14" s="110">
        <v>0</v>
      </c>
      <c r="DU14" s="114">
        <v>50092</v>
      </c>
      <c r="DV14" s="113">
        <v>50092</v>
      </c>
      <c r="DW14" s="110">
        <v>0</v>
      </c>
      <c r="DX14" s="114">
        <v>61632</v>
      </c>
      <c r="DY14" s="114">
        <v>167466</v>
      </c>
      <c r="DZ14" s="114">
        <v>616211</v>
      </c>
      <c r="EA14" s="114">
        <v>853607</v>
      </c>
      <c r="EB14" s="114">
        <v>78694</v>
      </c>
      <c r="EC14" s="113">
        <v>1777610</v>
      </c>
      <c r="ED14" s="116">
        <v>1827702</v>
      </c>
      <c r="EE14" s="110">
        <v>0</v>
      </c>
      <c r="EF14" s="112">
        <v>0</v>
      </c>
      <c r="EG14" s="113">
        <v>0</v>
      </c>
      <c r="EH14" s="110">
        <v>0</v>
      </c>
      <c r="EI14" s="114">
        <v>0</v>
      </c>
      <c r="EJ14" s="114">
        <v>96565</v>
      </c>
      <c r="EK14" s="114">
        <v>0</v>
      </c>
      <c r="EL14" s="114">
        <v>0</v>
      </c>
      <c r="EM14" s="114">
        <v>0</v>
      </c>
      <c r="EN14" s="112">
        <v>96565</v>
      </c>
      <c r="EO14" s="116">
        <v>96565</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5"/>
      <c r="FE14" s="114">
        <v>0</v>
      </c>
      <c r="FF14" s="114">
        <v>0</v>
      </c>
      <c r="FG14" s="114">
        <v>0</v>
      </c>
      <c r="FH14" s="114">
        <v>0</v>
      </c>
      <c r="FI14" s="114">
        <v>0</v>
      </c>
      <c r="FJ14" s="113">
        <v>0</v>
      </c>
      <c r="FK14" s="116">
        <v>0</v>
      </c>
      <c r="FL14" s="110">
        <v>80976</v>
      </c>
      <c r="FM14" s="114">
        <v>230524</v>
      </c>
      <c r="FN14" s="113">
        <v>311500</v>
      </c>
      <c r="FO14" s="110">
        <v>0</v>
      </c>
      <c r="FP14" s="114">
        <v>326235</v>
      </c>
      <c r="FQ14" s="114">
        <v>665676</v>
      </c>
      <c r="FR14" s="114">
        <v>345611</v>
      </c>
      <c r="FS14" s="114">
        <v>502215</v>
      </c>
      <c r="FT14" s="114">
        <v>389760</v>
      </c>
      <c r="FU14" s="113">
        <v>2229497</v>
      </c>
      <c r="FV14" s="116">
        <v>2540997</v>
      </c>
      <c r="FW14" s="115">
        <v>80976</v>
      </c>
      <c r="FX14" s="114">
        <v>70196</v>
      </c>
      <c r="FY14" s="112">
        <v>151172</v>
      </c>
      <c r="FZ14" s="111">
        <v>0</v>
      </c>
      <c r="GA14" s="114">
        <v>212135</v>
      </c>
      <c r="GB14" s="114">
        <v>550333</v>
      </c>
      <c r="GC14" s="114">
        <v>322049</v>
      </c>
      <c r="GD14" s="114">
        <v>502215</v>
      </c>
      <c r="GE14" s="114">
        <v>389760</v>
      </c>
      <c r="GF14" s="113">
        <v>1976492</v>
      </c>
      <c r="GG14" s="316">
        <v>2127664</v>
      </c>
      <c r="GH14" s="115">
        <v>0</v>
      </c>
      <c r="GI14" s="114">
        <v>20328</v>
      </c>
      <c r="GJ14" s="112">
        <v>20328</v>
      </c>
      <c r="GK14" s="111">
        <v>0</v>
      </c>
      <c r="GL14" s="114">
        <v>0</v>
      </c>
      <c r="GM14" s="114">
        <v>68068</v>
      </c>
      <c r="GN14" s="114">
        <v>23562</v>
      </c>
      <c r="GO14" s="114">
        <v>0</v>
      </c>
      <c r="GP14" s="114">
        <v>0</v>
      </c>
      <c r="GQ14" s="113">
        <v>91630</v>
      </c>
      <c r="GR14" s="116">
        <v>111958</v>
      </c>
      <c r="GS14" s="110">
        <v>0</v>
      </c>
      <c r="GT14" s="114">
        <v>140000</v>
      </c>
      <c r="GU14" s="113">
        <v>140000</v>
      </c>
      <c r="GV14" s="110">
        <v>0</v>
      </c>
      <c r="GW14" s="114">
        <v>114100</v>
      </c>
      <c r="GX14" s="114">
        <v>47275</v>
      </c>
      <c r="GY14" s="114">
        <v>0</v>
      </c>
      <c r="GZ14" s="114">
        <v>0</v>
      </c>
      <c r="HA14" s="114">
        <v>0</v>
      </c>
      <c r="HB14" s="112">
        <v>161375</v>
      </c>
      <c r="HC14" s="116">
        <v>301375</v>
      </c>
      <c r="HD14" s="110">
        <v>345467</v>
      </c>
      <c r="HE14" s="114">
        <v>160329</v>
      </c>
      <c r="HF14" s="112">
        <v>505796</v>
      </c>
      <c r="HG14" s="111">
        <v>0</v>
      </c>
      <c r="HH14" s="114">
        <v>1733576</v>
      </c>
      <c r="HI14" s="114">
        <v>1369086</v>
      </c>
      <c r="HJ14" s="114">
        <v>1123206</v>
      </c>
      <c r="HK14" s="114">
        <v>2493674</v>
      </c>
      <c r="HL14" s="114">
        <v>1695041</v>
      </c>
      <c r="HM14" s="113">
        <v>8414583</v>
      </c>
      <c r="HN14" s="109">
        <v>8920379</v>
      </c>
      <c r="HO14" s="326"/>
      <c r="HP14" s="327"/>
      <c r="HQ14" s="328"/>
      <c r="HR14" s="329"/>
      <c r="HS14" s="327"/>
      <c r="HT14" s="327"/>
      <c r="HU14" s="327"/>
      <c r="HV14" s="327"/>
      <c r="HW14" s="327"/>
      <c r="HX14" s="330"/>
      <c r="HY14" s="331"/>
      <c r="HZ14" s="131">
        <v>0</v>
      </c>
      <c r="IA14" s="132">
        <v>0</v>
      </c>
      <c r="IB14" s="133">
        <v>0</v>
      </c>
      <c r="IC14" s="134">
        <v>0</v>
      </c>
      <c r="ID14" s="135">
        <v>1235231</v>
      </c>
      <c r="IE14" s="136">
        <v>1335123</v>
      </c>
      <c r="IF14" s="137">
        <v>902645</v>
      </c>
      <c r="IG14" s="135">
        <v>2464336</v>
      </c>
      <c r="IH14" s="137">
        <v>884345</v>
      </c>
      <c r="II14" s="138">
        <v>6821680</v>
      </c>
      <c r="IJ14" s="139">
        <v>6821680</v>
      </c>
      <c r="IK14" s="232">
        <v>0</v>
      </c>
      <c r="IL14" s="236">
        <v>0</v>
      </c>
      <c r="IM14" s="237">
        <v>0</v>
      </c>
      <c r="IN14" s="140"/>
      <c r="IO14" s="119">
        <v>0</v>
      </c>
      <c r="IP14" s="119">
        <v>0</v>
      </c>
      <c r="IQ14" s="119">
        <v>0</v>
      </c>
      <c r="IR14" s="119">
        <v>215000</v>
      </c>
      <c r="IS14" s="119">
        <v>0</v>
      </c>
      <c r="IT14" s="141">
        <v>215000</v>
      </c>
      <c r="IU14" s="318">
        <v>215000</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043739</v>
      </c>
      <c r="JL14" s="119">
        <v>751249</v>
      </c>
      <c r="JM14" s="119">
        <v>240241</v>
      </c>
      <c r="JN14" s="119">
        <v>458682</v>
      </c>
      <c r="JO14" s="119">
        <v>0</v>
      </c>
      <c r="JP14" s="120">
        <v>2493911</v>
      </c>
      <c r="JQ14" s="318">
        <v>2493911</v>
      </c>
      <c r="JR14" s="142">
        <v>0</v>
      </c>
      <c r="JS14" s="119">
        <v>0</v>
      </c>
      <c r="JT14" s="141">
        <v>0</v>
      </c>
      <c r="JU14" s="118">
        <v>0</v>
      </c>
      <c r="JV14" s="119">
        <v>0</v>
      </c>
      <c r="JW14" s="119">
        <v>366561</v>
      </c>
      <c r="JX14" s="119">
        <v>0</v>
      </c>
      <c r="JY14" s="119">
        <v>0</v>
      </c>
      <c r="JZ14" s="119">
        <v>0</v>
      </c>
      <c r="KA14" s="120">
        <v>366561</v>
      </c>
      <c r="KB14" s="318">
        <v>366561</v>
      </c>
      <c r="KC14" s="234">
        <v>0</v>
      </c>
      <c r="KD14" s="230">
        <v>0</v>
      </c>
      <c r="KE14" s="120">
        <v>0</v>
      </c>
      <c r="KF14" s="118">
        <v>0</v>
      </c>
      <c r="KG14" s="119">
        <v>191492</v>
      </c>
      <c r="KH14" s="119">
        <v>0</v>
      </c>
      <c r="KI14" s="119">
        <v>207171</v>
      </c>
      <c r="KJ14" s="119">
        <v>642315</v>
      </c>
      <c r="KK14" s="119">
        <v>385171</v>
      </c>
      <c r="KL14" s="120">
        <v>1426149</v>
      </c>
      <c r="KM14" s="143">
        <v>1426149</v>
      </c>
      <c r="KN14" s="232">
        <v>0</v>
      </c>
      <c r="KO14" s="236">
        <v>0</v>
      </c>
      <c r="KP14" s="237">
        <v>0</v>
      </c>
      <c r="KQ14" s="140"/>
      <c r="KR14" s="119">
        <v>0</v>
      </c>
      <c r="KS14" s="119">
        <v>217313</v>
      </c>
      <c r="KT14" s="119">
        <v>455233</v>
      </c>
      <c r="KU14" s="119">
        <v>909748</v>
      </c>
      <c r="KV14" s="119">
        <v>234628</v>
      </c>
      <c r="KW14" s="120">
        <v>1816922</v>
      </c>
      <c r="KX14" s="318">
        <v>1816922</v>
      </c>
      <c r="KY14" s="142">
        <v>0</v>
      </c>
      <c r="KZ14" s="119">
        <v>0</v>
      </c>
      <c r="LA14" s="120">
        <v>0</v>
      </c>
      <c r="LB14" s="145"/>
      <c r="LC14" s="119">
        <v>0</v>
      </c>
      <c r="LD14" s="119">
        <v>0</v>
      </c>
      <c r="LE14" s="119">
        <v>0</v>
      </c>
      <c r="LF14" s="119">
        <v>192347</v>
      </c>
      <c r="LG14" s="119">
        <v>0</v>
      </c>
      <c r="LH14" s="120">
        <v>192347</v>
      </c>
      <c r="LI14" s="121">
        <v>192347</v>
      </c>
      <c r="LJ14" s="142">
        <v>0</v>
      </c>
      <c r="LK14" s="119">
        <v>0</v>
      </c>
      <c r="LL14" s="120">
        <v>0</v>
      </c>
      <c r="LM14" s="145"/>
      <c r="LN14" s="119">
        <v>0</v>
      </c>
      <c r="LO14" s="119">
        <v>0</v>
      </c>
      <c r="LP14" s="119">
        <v>0</v>
      </c>
      <c r="LQ14" s="119">
        <v>0</v>
      </c>
      <c r="LR14" s="119">
        <v>264546</v>
      </c>
      <c r="LS14" s="120">
        <v>264546</v>
      </c>
      <c r="LT14" s="318">
        <v>264546</v>
      </c>
      <c r="LU14" s="142">
        <v>0</v>
      </c>
      <c r="LV14" s="119">
        <v>0</v>
      </c>
      <c r="LW14" s="120">
        <v>0</v>
      </c>
      <c r="LX14" s="145"/>
      <c r="LY14" s="119">
        <v>0</v>
      </c>
      <c r="LZ14" s="119">
        <v>0</v>
      </c>
      <c r="MA14" s="119">
        <v>0</v>
      </c>
      <c r="MB14" s="119">
        <v>46244</v>
      </c>
      <c r="MC14" s="119">
        <v>0</v>
      </c>
      <c r="MD14" s="120">
        <v>46244</v>
      </c>
      <c r="ME14" s="121">
        <v>46244</v>
      </c>
      <c r="MF14" s="142">
        <v>0</v>
      </c>
      <c r="MG14" s="119">
        <v>0</v>
      </c>
      <c r="MH14" s="120">
        <v>0</v>
      </c>
      <c r="MI14" s="145"/>
      <c r="MJ14" s="119">
        <v>273734</v>
      </c>
      <c r="MK14" s="119">
        <v>1247347</v>
      </c>
      <c r="ML14" s="119">
        <v>3226620</v>
      </c>
      <c r="MM14" s="119">
        <v>2520789</v>
      </c>
      <c r="MN14" s="119">
        <v>1988473</v>
      </c>
      <c r="MO14" s="120">
        <v>9256963</v>
      </c>
      <c r="MP14" s="143">
        <v>9256963</v>
      </c>
      <c r="MQ14" s="142">
        <v>0</v>
      </c>
      <c r="MR14" s="119">
        <v>0</v>
      </c>
      <c r="MS14" s="120">
        <v>0</v>
      </c>
      <c r="MT14" s="145"/>
      <c r="MU14" s="119">
        <v>-234</v>
      </c>
      <c r="MV14" s="119">
        <v>-241</v>
      </c>
      <c r="MW14" s="119">
        <v>1488992</v>
      </c>
      <c r="MX14" s="119">
        <v>1462357</v>
      </c>
      <c r="MY14" s="119">
        <v>1167594</v>
      </c>
      <c r="MZ14" s="120">
        <v>4118468</v>
      </c>
      <c r="NA14" s="143">
        <v>4118468</v>
      </c>
      <c r="NB14" s="142">
        <v>0</v>
      </c>
      <c r="NC14" s="119">
        <v>0</v>
      </c>
      <c r="ND14" s="120">
        <v>0</v>
      </c>
      <c r="NE14" s="145"/>
      <c r="NF14" s="119">
        <v>273968</v>
      </c>
      <c r="NG14" s="119">
        <v>1016108</v>
      </c>
      <c r="NH14" s="119">
        <v>1737628</v>
      </c>
      <c r="NI14" s="119">
        <v>1058432</v>
      </c>
      <c r="NJ14" s="119">
        <v>820879</v>
      </c>
      <c r="NK14" s="120">
        <v>4907015</v>
      </c>
      <c r="NL14" s="318">
        <v>4907015</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231480</v>
      </c>
      <c r="OD14" s="119">
        <v>0</v>
      </c>
      <c r="OE14" s="119">
        <v>0</v>
      </c>
      <c r="OF14" s="119">
        <v>0</v>
      </c>
      <c r="OG14" s="120">
        <v>231480</v>
      </c>
      <c r="OH14" s="121">
        <v>231480</v>
      </c>
      <c r="OI14" s="142">
        <v>555030</v>
      </c>
      <c r="OJ14" s="119">
        <v>746407</v>
      </c>
      <c r="OK14" s="141">
        <v>1301437</v>
      </c>
      <c r="OL14" s="118">
        <v>0</v>
      </c>
      <c r="OM14" s="119">
        <v>6898287</v>
      </c>
      <c r="ON14" s="119">
        <v>8573659</v>
      </c>
      <c r="OO14" s="119">
        <v>8768137</v>
      </c>
      <c r="OP14" s="119">
        <v>12245071</v>
      </c>
      <c r="OQ14" s="119">
        <v>7964823</v>
      </c>
      <c r="OR14" s="120">
        <v>44449977</v>
      </c>
      <c r="OS14" s="143">
        <v>45751414</v>
      </c>
    </row>
    <row r="15" spans="2:409" ht="21" customHeight="1" x14ac:dyDescent="0.2">
      <c r="B15" s="126" t="s">
        <v>9</v>
      </c>
      <c r="C15" s="110">
        <v>1314109</v>
      </c>
      <c r="D15" s="114">
        <v>1691579</v>
      </c>
      <c r="E15" s="113">
        <v>3005688</v>
      </c>
      <c r="F15" s="111">
        <v>0</v>
      </c>
      <c r="G15" s="114">
        <v>12187977</v>
      </c>
      <c r="H15" s="114">
        <v>11637323</v>
      </c>
      <c r="I15" s="114">
        <v>11447447</v>
      </c>
      <c r="J15" s="114">
        <v>18002108</v>
      </c>
      <c r="K15" s="114">
        <v>11993888</v>
      </c>
      <c r="L15" s="109">
        <v>65268743</v>
      </c>
      <c r="M15" s="116">
        <v>68274431</v>
      </c>
      <c r="N15" s="110">
        <v>284503</v>
      </c>
      <c r="O15" s="114">
        <v>475384</v>
      </c>
      <c r="P15" s="113">
        <v>759887</v>
      </c>
      <c r="Q15" s="110">
        <v>0</v>
      </c>
      <c r="R15" s="114">
        <v>4374033</v>
      </c>
      <c r="S15" s="114">
        <v>4244850</v>
      </c>
      <c r="T15" s="114">
        <v>4526516</v>
      </c>
      <c r="U15" s="114">
        <v>6715185</v>
      </c>
      <c r="V15" s="114">
        <v>6607537</v>
      </c>
      <c r="W15" s="113">
        <v>26468121</v>
      </c>
      <c r="X15" s="116">
        <v>27228008</v>
      </c>
      <c r="Y15" s="110">
        <v>0</v>
      </c>
      <c r="Z15" s="114">
        <v>0</v>
      </c>
      <c r="AA15" s="113">
        <v>0</v>
      </c>
      <c r="AB15" s="110">
        <v>0</v>
      </c>
      <c r="AC15" s="114">
        <v>1758678</v>
      </c>
      <c r="AD15" s="114">
        <v>1762786</v>
      </c>
      <c r="AE15" s="114">
        <v>2312596</v>
      </c>
      <c r="AF15" s="114">
        <v>4088772</v>
      </c>
      <c r="AG15" s="114">
        <v>3621130</v>
      </c>
      <c r="AH15" s="113">
        <v>13543962</v>
      </c>
      <c r="AI15" s="116">
        <v>13543962</v>
      </c>
      <c r="AJ15" s="110">
        <v>0</v>
      </c>
      <c r="AK15" s="114">
        <v>0</v>
      </c>
      <c r="AL15" s="113">
        <v>0</v>
      </c>
      <c r="AM15" s="110">
        <v>0</v>
      </c>
      <c r="AN15" s="114">
        <v>95085</v>
      </c>
      <c r="AO15" s="114">
        <v>52822</v>
      </c>
      <c r="AP15" s="114">
        <v>43941</v>
      </c>
      <c r="AQ15" s="114">
        <v>459119</v>
      </c>
      <c r="AR15" s="114">
        <v>897531</v>
      </c>
      <c r="AS15" s="113">
        <v>1548498</v>
      </c>
      <c r="AT15" s="116">
        <v>1548498</v>
      </c>
      <c r="AU15" s="110">
        <v>99612</v>
      </c>
      <c r="AV15" s="114">
        <v>338971</v>
      </c>
      <c r="AW15" s="113">
        <v>438583</v>
      </c>
      <c r="AX15" s="110">
        <v>0</v>
      </c>
      <c r="AY15" s="114">
        <v>1751201</v>
      </c>
      <c r="AZ15" s="114">
        <v>1320242</v>
      </c>
      <c r="BA15" s="114">
        <v>1173358</v>
      </c>
      <c r="BB15" s="114">
        <v>1125074</v>
      </c>
      <c r="BC15" s="114">
        <v>1224095</v>
      </c>
      <c r="BD15" s="113">
        <v>6593970</v>
      </c>
      <c r="BE15" s="116">
        <v>7032553</v>
      </c>
      <c r="BF15" s="110">
        <v>0</v>
      </c>
      <c r="BG15" s="114">
        <v>28018</v>
      </c>
      <c r="BH15" s="112">
        <v>28018</v>
      </c>
      <c r="BI15" s="111">
        <v>0</v>
      </c>
      <c r="BJ15" s="114">
        <v>74767</v>
      </c>
      <c r="BK15" s="114">
        <v>315746</v>
      </c>
      <c r="BL15" s="114">
        <v>158035</v>
      </c>
      <c r="BM15" s="114">
        <v>151070</v>
      </c>
      <c r="BN15" s="114">
        <v>155270</v>
      </c>
      <c r="BO15" s="113">
        <v>854888</v>
      </c>
      <c r="BP15" s="116">
        <v>882906</v>
      </c>
      <c r="BQ15" s="110">
        <v>184891</v>
      </c>
      <c r="BR15" s="114">
        <v>108395</v>
      </c>
      <c r="BS15" s="113">
        <v>293286</v>
      </c>
      <c r="BT15" s="110">
        <v>0</v>
      </c>
      <c r="BU15" s="114">
        <v>694302</v>
      </c>
      <c r="BV15" s="114">
        <v>793254</v>
      </c>
      <c r="BW15" s="114">
        <v>838586</v>
      </c>
      <c r="BX15" s="114">
        <v>891150</v>
      </c>
      <c r="BY15" s="114">
        <v>709511</v>
      </c>
      <c r="BZ15" s="113">
        <v>3926803</v>
      </c>
      <c r="CA15" s="116">
        <v>4220089</v>
      </c>
      <c r="CB15" s="110">
        <v>127137</v>
      </c>
      <c r="CC15" s="114">
        <v>270525</v>
      </c>
      <c r="CD15" s="113">
        <v>397662</v>
      </c>
      <c r="CE15" s="110">
        <v>0</v>
      </c>
      <c r="CF15" s="114">
        <v>2444953</v>
      </c>
      <c r="CG15" s="114">
        <v>2349243</v>
      </c>
      <c r="CH15" s="114">
        <v>1857439</v>
      </c>
      <c r="CI15" s="114">
        <v>2246259</v>
      </c>
      <c r="CJ15" s="114">
        <v>356416</v>
      </c>
      <c r="CK15" s="113">
        <v>9254310</v>
      </c>
      <c r="CL15" s="116">
        <v>9651972</v>
      </c>
      <c r="CM15" s="110">
        <v>0</v>
      </c>
      <c r="CN15" s="114">
        <v>0</v>
      </c>
      <c r="CO15" s="113">
        <v>0</v>
      </c>
      <c r="CP15" s="111">
        <v>0</v>
      </c>
      <c r="CQ15" s="114">
        <v>2041003</v>
      </c>
      <c r="CR15" s="114">
        <v>1613466</v>
      </c>
      <c r="CS15" s="114">
        <v>1486565</v>
      </c>
      <c r="CT15" s="114">
        <v>1486320</v>
      </c>
      <c r="CU15" s="114">
        <v>322477</v>
      </c>
      <c r="CV15" s="113">
        <v>6949831</v>
      </c>
      <c r="CW15" s="116">
        <v>6949831</v>
      </c>
      <c r="CX15" s="110">
        <v>127137</v>
      </c>
      <c r="CY15" s="114">
        <v>270525</v>
      </c>
      <c r="CZ15" s="113">
        <v>397662</v>
      </c>
      <c r="DA15" s="110">
        <v>0</v>
      </c>
      <c r="DB15" s="114">
        <v>403950</v>
      </c>
      <c r="DC15" s="114">
        <v>735777</v>
      </c>
      <c r="DD15" s="114">
        <v>370874</v>
      </c>
      <c r="DE15" s="114">
        <v>759939</v>
      </c>
      <c r="DF15" s="114">
        <v>33939</v>
      </c>
      <c r="DG15" s="113">
        <v>2304479</v>
      </c>
      <c r="DH15" s="116">
        <v>2702141</v>
      </c>
      <c r="DI15" s="110">
        <v>0</v>
      </c>
      <c r="DJ15" s="114">
        <v>32953</v>
      </c>
      <c r="DK15" s="112">
        <v>32953</v>
      </c>
      <c r="DL15" s="111">
        <v>0</v>
      </c>
      <c r="DM15" s="114">
        <v>190516</v>
      </c>
      <c r="DN15" s="114">
        <v>846415</v>
      </c>
      <c r="DO15" s="114">
        <v>824533</v>
      </c>
      <c r="DP15" s="114">
        <v>737747</v>
      </c>
      <c r="DQ15" s="114">
        <v>637003</v>
      </c>
      <c r="DR15" s="113">
        <v>3236214</v>
      </c>
      <c r="DS15" s="116">
        <v>3269167</v>
      </c>
      <c r="DT15" s="110">
        <v>0</v>
      </c>
      <c r="DU15" s="114">
        <v>32953</v>
      </c>
      <c r="DV15" s="113">
        <v>32953</v>
      </c>
      <c r="DW15" s="110">
        <v>0</v>
      </c>
      <c r="DX15" s="114">
        <v>101605</v>
      </c>
      <c r="DY15" s="114">
        <v>670805</v>
      </c>
      <c r="DZ15" s="114">
        <v>744369</v>
      </c>
      <c r="EA15" s="114">
        <v>648781</v>
      </c>
      <c r="EB15" s="114">
        <v>545654</v>
      </c>
      <c r="EC15" s="113">
        <v>2711214</v>
      </c>
      <c r="ED15" s="116">
        <v>2744167</v>
      </c>
      <c r="EE15" s="110">
        <v>0</v>
      </c>
      <c r="EF15" s="112">
        <v>0</v>
      </c>
      <c r="EG15" s="113">
        <v>0</v>
      </c>
      <c r="EH15" s="110">
        <v>0</v>
      </c>
      <c r="EI15" s="114">
        <v>88911</v>
      </c>
      <c r="EJ15" s="114">
        <v>175610</v>
      </c>
      <c r="EK15" s="114">
        <v>80164</v>
      </c>
      <c r="EL15" s="114">
        <v>88966</v>
      </c>
      <c r="EM15" s="114">
        <v>91349</v>
      </c>
      <c r="EN15" s="112">
        <v>525000</v>
      </c>
      <c r="EO15" s="116">
        <v>525000</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5"/>
      <c r="FE15" s="114">
        <v>0</v>
      </c>
      <c r="FF15" s="114">
        <v>0</v>
      </c>
      <c r="FG15" s="114">
        <v>0</v>
      </c>
      <c r="FH15" s="114">
        <v>0</v>
      </c>
      <c r="FI15" s="114">
        <v>0</v>
      </c>
      <c r="FJ15" s="113">
        <v>0</v>
      </c>
      <c r="FK15" s="116">
        <v>0</v>
      </c>
      <c r="FL15" s="110">
        <v>407833</v>
      </c>
      <c r="FM15" s="114">
        <v>185124</v>
      </c>
      <c r="FN15" s="113">
        <v>592957</v>
      </c>
      <c r="FO15" s="110">
        <v>0</v>
      </c>
      <c r="FP15" s="114">
        <v>828483</v>
      </c>
      <c r="FQ15" s="114">
        <v>1265810</v>
      </c>
      <c r="FR15" s="114">
        <v>917385</v>
      </c>
      <c r="FS15" s="114">
        <v>1235407</v>
      </c>
      <c r="FT15" s="114">
        <v>699948</v>
      </c>
      <c r="FU15" s="113">
        <v>4947033</v>
      </c>
      <c r="FV15" s="116">
        <v>5539990</v>
      </c>
      <c r="FW15" s="115">
        <v>130256</v>
      </c>
      <c r="FX15" s="114">
        <v>148519</v>
      </c>
      <c r="FY15" s="112">
        <v>278775</v>
      </c>
      <c r="FZ15" s="111">
        <v>0</v>
      </c>
      <c r="GA15" s="114">
        <v>549941</v>
      </c>
      <c r="GB15" s="114">
        <v>1000223</v>
      </c>
      <c r="GC15" s="114">
        <v>805497</v>
      </c>
      <c r="GD15" s="114">
        <v>1215079</v>
      </c>
      <c r="GE15" s="114">
        <v>699948</v>
      </c>
      <c r="GF15" s="113">
        <v>4270688</v>
      </c>
      <c r="GG15" s="316">
        <v>4549463</v>
      </c>
      <c r="GH15" s="115">
        <v>12127</v>
      </c>
      <c r="GI15" s="114">
        <v>14352</v>
      </c>
      <c r="GJ15" s="112">
        <v>26479</v>
      </c>
      <c r="GK15" s="111">
        <v>0</v>
      </c>
      <c r="GL15" s="114">
        <v>33936</v>
      </c>
      <c r="GM15" s="114">
        <v>11088</v>
      </c>
      <c r="GN15" s="114">
        <v>111888</v>
      </c>
      <c r="GO15" s="114">
        <v>20328</v>
      </c>
      <c r="GP15" s="114">
        <v>0</v>
      </c>
      <c r="GQ15" s="113">
        <v>177240</v>
      </c>
      <c r="GR15" s="116">
        <v>203719</v>
      </c>
      <c r="GS15" s="110">
        <v>265450</v>
      </c>
      <c r="GT15" s="114">
        <v>22253</v>
      </c>
      <c r="GU15" s="113">
        <v>287703</v>
      </c>
      <c r="GV15" s="110">
        <v>0</v>
      </c>
      <c r="GW15" s="114">
        <v>244606</v>
      </c>
      <c r="GX15" s="114">
        <v>254499</v>
      </c>
      <c r="GY15" s="114">
        <v>0</v>
      </c>
      <c r="GZ15" s="114">
        <v>0</v>
      </c>
      <c r="HA15" s="114">
        <v>0</v>
      </c>
      <c r="HB15" s="112">
        <v>499105</v>
      </c>
      <c r="HC15" s="116">
        <v>786808</v>
      </c>
      <c r="HD15" s="110">
        <v>494636</v>
      </c>
      <c r="HE15" s="114">
        <v>727593</v>
      </c>
      <c r="HF15" s="112">
        <v>1222229</v>
      </c>
      <c r="HG15" s="111">
        <v>0</v>
      </c>
      <c r="HH15" s="114">
        <v>4349992</v>
      </c>
      <c r="HI15" s="114">
        <v>2931005</v>
      </c>
      <c r="HJ15" s="114">
        <v>3321574</v>
      </c>
      <c r="HK15" s="114">
        <v>7067510</v>
      </c>
      <c r="HL15" s="114">
        <v>3692984</v>
      </c>
      <c r="HM15" s="113">
        <v>21363065</v>
      </c>
      <c r="HN15" s="109">
        <v>22585294</v>
      </c>
      <c r="HO15" s="326"/>
      <c r="HP15" s="327"/>
      <c r="HQ15" s="328"/>
      <c r="HR15" s="329"/>
      <c r="HS15" s="327"/>
      <c r="HT15" s="327"/>
      <c r="HU15" s="327"/>
      <c r="HV15" s="327"/>
      <c r="HW15" s="327"/>
      <c r="HX15" s="330"/>
      <c r="HY15" s="331"/>
      <c r="HZ15" s="128">
        <v>38048</v>
      </c>
      <c r="IA15" s="149">
        <v>73831</v>
      </c>
      <c r="IB15" s="129">
        <v>111879</v>
      </c>
      <c r="IC15" s="146">
        <v>0</v>
      </c>
      <c r="ID15" s="132">
        <v>2172507</v>
      </c>
      <c r="IE15" s="147">
        <v>3149133</v>
      </c>
      <c r="IF15" s="133">
        <v>4224212</v>
      </c>
      <c r="IG15" s="132">
        <v>2548963</v>
      </c>
      <c r="IH15" s="133">
        <v>1554418</v>
      </c>
      <c r="II15" s="148">
        <v>13649233</v>
      </c>
      <c r="IJ15" s="130">
        <v>13761112</v>
      </c>
      <c r="IK15" s="232">
        <v>0</v>
      </c>
      <c r="IL15" s="236">
        <v>0</v>
      </c>
      <c r="IM15" s="237">
        <v>0</v>
      </c>
      <c r="IN15" s="140"/>
      <c r="IO15" s="119">
        <v>0</v>
      </c>
      <c r="IP15" s="119">
        <v>101846</v>
      </c>
      <c r="IQ15" s="119">
        <v>175375</v>
      </c>
      <c r="IR15" s="119">
        <v>829553</v>
      </c>
      <c r="IS15" s="119">
        <v>0</v>
      </c>
      <c r="IT15" s="141">
        <v>1106774</v>
      </c>
      <c r="IU15" s="318">
        <v>1106774</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765054</v>
      </c>
      <c r="JL15" s="119">
        <v>1258336</v>
      </c>
      <c r="JM15" s="119">
        <v>1120725</v>
      </c>
      <c r="JN15" s="119">
        <v>813050</v>
      </c>
      <c r="JO15" s="119">
        <v>388241</v>
      </c>
      <c r="JP15" s="120">
        <v>5345406</v>
      </c>
      <c r="JQ15" s="318">
        <v>5345406</v>
      </c>
      <c r="JR15" s="142">
        <v>0</v>
      </c>
      <c r="JS15" s="119">
        <v>0</v>
      </c>
      <c r="JT15" s="141">
        <v>0</v>
      </c>
      <c r="JU15" s="118">
        <v>0</v>
      </c>
      <c r="JV15" s="119">
        <v>0</v>
      </c>
      <c r="JW15" s="119">
        <v>0</v>
      </c>
      <c r="JX15" s="119">
        <v>268047</v>
      </c>
      <c r="JY15" s="119">
        <v>0</v>
      </c>
      <c r="JZ15" s="119">
        <v>114965</v>
      </c>
      <c r="KA15" s="120">
        <v>383012</v>
      </c>
      <c r="KB15" s="318">
        <v>383012</v>
      </c>
      <c r="KC15" s="234">
        <v>38048</v>
      </c>
      <c r="KD15" s="230">
        <v>73831</v>
      </c>
      <c r="KE15" s="120">
        <v>111879</v>
      </c>
      <c r="KF15" s="118">
        <v>0</v>
      </c>
      <c r="KG15" s="119">
        <v>407453</v>
      </c>
      <c r="KH15" s="119">
        <v>0</v>
      </c>
      <c r="KI15" s="119">
        <v>436375</v>
      </c>
      <c r="KJ15" s="119">
        <v>470945</v>
      </c>
      <c r="KK15" s="119">
        <v>241075</v>
      </c>
      <c r="KL15" s="120">
        <v>1555848</v>
      </c>
      <c r="KM15" s="143">
        <v>1667727</v>
      </c>
      <c r="KN15" s="232">
        <v>0</v>
      </c>
      <c r="KO15" s="236">
        <v>0</v>
      </c>
      <c r="KP15" s="237">
        <v>0</v>
      </c>
      <c r="KQ15" s="140"/>
      <c r="KR15" s="119">
        <v>0</v>
      </c>
      <c r="KS15" s="119">
        <v>1109946</v>
      </c>
      <c r="KT15" s="119">
        <v>1998505</v>
      </c>
      <c r="KU15" s="119">
        <v>240629</v>
      </c>
      <c r="KV15" s="119">
        <v>236772</v>
      </c>
      <c r="KW15" s="120">
        <v>3585852</v>
      </c>
      <c r="KX15" s="318">
        <v>3585852</v>
      </c>
      <c r="KY15" s="142">
        <v>0</v>
      </c>
      <c r="KZ15" s="119">
        <v>0</v>
      </c>
      <c r="LA15" s="120">
        <v>0</v>
      </c>
      <c r="LB15" s="145"/>
      <c r="LC15" s="119">
        <v>0</v>
      </c>
      <c r="LD15" s="119">
        <v>480270</v>
      </c>
      <c r="LE15" s="119">
        <v>0</v>
      </c>
      <c r="LF15" s="119">
        <v>194786</v>
      </c>
      <c r="LG15" s="119">
        <v>0</v>
      </c>
      <c r="LH15" s="120">
        <v>675056</v>
      </c>
      <c r="LI15" s="121">
        <v>675056</v>
      </c>
      <c r="LJ15" s="142">
        <v>0</v>
      </c>
      <c r="LK15" s="119">
        <v>0</v>
      </c>
      <c r="LL15" s="120">
        <v>0</v>
      </c>
      <c r="LM15" s="145"/>
      <c r="LN15" s="119">
        <v>0</v>
      </c>
      <c r="LO15" s="119">
        <v>0</v>
      </c>
      <c r="LP15" s="119">
        <v>0</v>
      </c>
      <c r="LQ15" s="119">
        <v>0</v>
      </c>
      <c r="LR15" s="119">
        <v>0</v>
      </c>
      <c r="LS15" s="120">
        <v>0</v>
      </c>
      <c r="LT15" s="318">
        <v>0</v>
      </c>
      <c r="LU15" s="142">
        <v>0</v>
      </c>
      <c r="LV15" s="119">
        <v>0</v>
      </c>
      <c r="LW15" s="120">
        <v>0</v>
      </c>
      <c r="LX15" s="145"/>
      <c r="LY15" s="119">
        <v>0</v>
      </c>
      <c r="LZ15" s="119">
        <v>198735</v>
      </c>
      <c r="MA15" s="119">
        <v>225185</v>
      </c>
      <c r="MB15" s="119">
        <v>0</v>
      </c>
      <c r="MC15" s="119">
        <v>573365</v>
      </c>
      <c r="MD15" s="120">
        <v>997285</v>
      </c>
      <c r="ME15" s="121">
        <v>997285</v>
      </c>
      <c r="MF15" s="142">
        <v>0</v>
      </c>
      <c r="MG15" s="119">
        <v>0</v>
      </c>
      <c r="MH15" s="120">
        <v>0</v>
      </c>
      <c r="MI15" s="145"/>
      <c r="MJ15" s="119">
        <v>517495</v>
      </c>
      <c r="MK15" s="119">
        <v>1286848</v>
      </c>
      <c r="ML15" s="119">
        <v>2652292</v>
      </c>
      <c r="MM15" s="119">
        <v>5368784</v>
      </c>
      <c r="MN15" s="119">
        <v>5157215</v>
      </c>
      <c r="MO15" s="120">
        <v>14982634</v>
      </c>
      <c r="MP15" s="143">
        <v>14982634</v>
      </c>
      <c r="MQ15" s="142">
        <v>0</v>
      </c>
      <c r="MR15" s="119">
        <v>0</v>
      </c>
      <c r="MS15" s="120">
        <v>0</v>
      </c>
      <c r="MT15" s="145"/>
      <c r="MU15" s="119">
        <v>196782</v>
      </c>
      <c r="MV15" s="119">
        <v>0</v>
      </c>
      <c r="MW15" s="119">
        <v>1085857</v>
      </c>
      <c r="MX15" s="119">
        <v>3653917</v>
      </c>
      <c r="MY15" s="119">
        <v>3187927</v>
      </c>
      <c r="MZ15" s="120">
        <v>8124483</v>
      </c>
      <c r="NA15" s="143">
        <v>8124483</v>
      </c>
      <c r="NB15" s="142">
        <v>0</v>
      </c>
      <c r="NC15" s="119">
        <v>0</v>
      </c>
      <c r="ND15" s="120">
        <v>0</v>
      </c>
      <c r="NE15" s="145"/>
      <c r="NF15" s="119">
        <v>320713</v>
      </c>
      <c r="NG15" s="119">
        <v>1286848</v>
      </c>
      <c r="NH15" s="119">
        <v>1566435</v>
      </c>
      <c r="NI15" s="119">
        <v>1714867</v>
      </c>
      <c r="NJ15" s="119">
        <v>1642993</v>
      </c>
      <c r="NK15" s="120">
        <v>6531856</v>
      </c>
      <c r="NL15" s="318">
        <v>6531856</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326295</v>
      </c>
      <c r="OG15" s="120">
        <v>326295</v>
      </c>
      <c r="OH15" s="121">
        <v>326295</v>
      </c>
      <c r="OI15" s="142">
        <v>1352157</v>
      </c>
      <c r="OJ15" s="119">
        <v>1765410</v>
      </c>
      <c r="OK15" s="141">
        <v>3117567</v>
      </c>
      <c r="OL15" s="118">
        <v>0</v>
      </c>
      <c r="OM15" s="119">
        <v>14877979</v>
      </c>
      <c r="ON15" s="119">
        <v>16073304</v>
      </c>
      <c r="OO15" s="119">
        <v>18323951</v>
      </c>
      <c r="OP15" s="119">
        <v>25919855</v>
      </c>
      <c r="OQ15" s="119">
        <v>18705521</v>
      </c>
      <c r="OR15" s="120">
        <v>93900610</v>
      </c>
      <c r="OS15" s="143">
        <v>97018177</v>
      </c>
    </row>
    <row r="16" spans="2:409" ht="21" customHeight="1" x14ac:dyDescent="0.2">
      <c r="B16" s="126" t="s">
        <v>10</v>
      </c>
      <c r="C16" s="110">
        <v>1555979</v>
      </c>
      <c r="D16" s="114">
        <v>2698187</v>
      </c>
      <c r="E16" s="113">
        <v>4254166</v>
      </c>
      <c r="F16" s="172">
        <v>0</v>
      </c>
      <c r="G16" s="114">
        <v>19330397</v>
      </c>
      <c r="H16" s="114">
        <v>16629895</v>
      </c>
      <c r="I16" s="114">
        <v>13296689</v>
      </c>
      <c r="J16" s="114">
        <v>13805703</v>
      </c>
      <c r="K16" s="114">
        <v>12776183</v>
      </c>
      <c r="L16" s="109">
        <v>75838867</v>
      </c>
      <c r="M16" s="116">
        <v>80093033</v>
      </c>
      <c r="N16" s="110">
        <v>521505</v>
      </c>
      <c r="O16" s="114">
        <v>1016209</v>
      </c>
      <c r="P16" s="113">
        <v>1537714</v>
      </c>
      <c r="Q16" s="110">
        <v>0</v>
      </c>
      <c r="R16" s="114">
        <v>7294553</v>
      </c>
      <c r="S16" s="114">
        <v>5521051</v>
      </c>
      <c r="T16" s="114">
        <v>4579226</v>
      </c>
      <c r="U16" s="114">
        <v>6084330</v>
      </c>
      <c r="V16" s="114">
        <v>6234947</v>
      </c>
      <c r="W16" s="113">
        <v>29714107</v>
      </c>
      <c r="X16" s="116">
        <v>31251821</v>
      </c>
      <c r="Y16" s="110">
        <v>0</v>
      </c>
      <c r="Z16" s="114">
        <v>0</v>
      </c>
      <c r="AA16" s="113">
        <v>0</v>
      </c>
      <c r="AB16" s="110">
        <v>0</v>
      </c>
      <c r="AC16" s="114">
        <v>3458038</v>
      </c>
      <c r="AD16" s="114">
        <v>2531867</v>
      </c>
      <c r="AE16" s="114">
        <v>2872354</v>
      </c>
      <c r="AF16" s="114">
        <v>4213110</v>
      </c>
      <c r="AG16" s="114">
        <v>3712431</v>
      </c>
      <c r="AH16" s="113">
        <v>16787800</v>
      </c>
      <c r="AI16" s="116">
        <v>16787800</v>
      </c>
      <c r="AJ16" s="110">
        <v>0</v>
      </c>
      <c r="AK16" s="114">
        <v>0</v>
      </c>
      <c r="AL16" s="113">
        <v>0</v>
      </c>
      <c r="AM16" s="110">
        <v>0</v>
      </c>
      <c r="AN16" s="114">
        <v>43107</v>
      </c>
      <c r="AO16" s="114">
        <v>83754</v>
      </c>
      <c r="AP16" s="114">
        <v>134731</v>
      </c>
      <c r="AQ16" s="114">
        <v>107823</v>
      </c>
      <c r="AR16" s="114">
        <v>397207</v>
      </c>
      <c r="AS16" s="113">
        <v>766622</v>
      </c>
      <c r="AT16" s="116">
        <v>766622</v>
      </c>
      <c r="AU16" s="110">
        <v>235214</v>
      </c>
      <c r="AV16" s="114">
        <v>750354</v>
      </c>
      <c r="AW16" s="113">
        <v>985568</v>
      </c>
      <c r="AX16" s="110">
        <v>0</v>
      </c>
      <c r="AY16" s="114">
        <v>2524117</v>
      </c>
      <c r="AZ16" s="114">
        <v>1628162</v>
      </c>
      <c r="BA16" s="114">
        <v>567534</v>
      </c>
      <c r="BB16" s="114">
        <v>898800</v>
      </c>
      <c r="BC16" s="114">
        <v>1199173</v>
      </c>
      <c r="BD16" s="113">
        <v>6817786</v>
      </c>
      <c r="BE16" s="116">
        <v>7803354</v>
      </c>
      <c r="BF16" s="110">
        <v>50888</v>
      </c>
      <c r="BG16" s="114">
        <v>80439</v>
      </c>
      <c r="BH16" s="112">
        <v>131327</v>
      </c>
      <c r="BI16" s="111">
        <v>0</v>
      </c>
      <c r="BJ16" s="114">
        <v>171285</v>
      </c>
      <c r="BK16" s="114">
        <v>299284</v>
      </c>
      <c r="BL16" s="114">
        <v>119499</v>
      </c>
      <c r="BM16" s="114">
        <v>14013</v>
      </c>
      <c r="BN16" s="114">
        <v>27847</v>
      </c>
      <c r="BO16" s="113">
        <v>631928</v>
      </c>
      <c r="BP16" s="116">
        <v>763255</v>
      </c>
      <c r="BQ16" s="110">
        <v>235403</v>
      </c>
      <c r="BR16" s="114">
        <v>185416</v>
      </c>
      <c r="BS16" s="113">
        <v>420819</v>
      </c>
      <c r="BT16" s="110">
        <v>0</v>
      </c>
      <c r="BU16" s="114">
        <v>1098006</v>
      </c>
      <c r="BV16" s="114">
        <v>977984</v>
      </c>
      <c r="BW16" s="114">
        <v>885108</v>
      </c>
      <c r="BX16" s="114">
        <v>850584</v>
      </c>
      <c r="BY16" s="114">
        <v>898289</v>
      </c>
      <c r="BZ16" s="113">
        <v>4709971</v>
      </c>
      <c r="CA16" s="116">
        <v>5130790</v>
      </c>
      <c r="CB16" s="110">
        <v>55033</v>
      </c>
      <c r="CC16" s="114">
        <v>205756</v>
      </c>
      <c r="CD16" s="113">
        <v>260789</v>
      </c>
      <c r="CE16" s="110">
        <v>0</v>
      </c>
      <c r="CF16" s="114">
        <v>5629028</v>
      </c>
      <c r="CG16" s="114">
        <v>3856540</v>
      </c>
      <c r="CH16" s="114">
        <v>3049180</v>
      </c>
      <c r="CI16" s="114">
        <v>960308</v>
      </c>
      <c r="CJ16" s="114">
        <v>412117</v>
      </c>
      <c r="CK16" s="113">
        <v>13907173</v>
      </c>
      <c r="CL16" s="116">
        <v>14167962</v>
      </c>
      <c r="CM16" s="110">
        <v>0</v>
      </c>
      <c r="CN16" s="114">
        <v>0</v>
      </c>
      <c r="CO16" s="113">
        <v>0</v>
      </c>
      <c r="CP16" s="111">
        <v>0</v>
      </c>
      <c r="CQ16" s="114">
        <v>4446810</v>
      </c>
      <c r="CR16" s="114">
        <v>2889474</v>
      </c>
      <c r="CS16" s="114">
        <v>2658215</v>
      </c>
      <c r="CT16" s="114">
        <v>784050</v>
      </c>
      <c r="CU16" s="114">
        <v>412117</v>
      </c>
      <c r="CV16" s="113">
        <v>11190666</v>
      </c>
      <c r="CW16" s="116">
        <v>11190666</v>
      </c>
      <c r="CX16" s="110">
        <v>55033</v>
      </c>
      <c r="CY16" s="114">
        <v>205756</v>
      </c>
      <c r="CZ16" s="113">
        <v>260789</v>
      </c>
      <c r="DA16" s="110">
        <v>0</v>
      </c>
      <c r="DB16" s="114">
        <v>1182218</v>
      </c>
      <c r="DC16" s="114">
        <v>967066</v>
      </c>
      <c r="DD16" s="114">
        <v>390965</v>
      </c>
      <c r="DE16" s="114">
        <v>176258</v>
      </c>
      <c r="DF16" s="114">
        <v>0</v>
      </c>
      <c r="DG16" s="113">
        <v>2716507</v>
      </c>
      <c r="DH16" s="116">
        <v>2977296</v>
      </c>
      <c r="DI16" s="110">
        <v>16729</v>
      </c>
      <c r="DJ16" s="114">
        <v>65455</v>
      </c>
      <c r="DK16" s="112">
        <v>82184</v>
      </c>
      <c r="DL16" s="111">
        <v>0</v>
      </c>
      <c r="DM16" s="114">
        <v>695813</v>
      </c>
      <c r="DN16" s="114">
        <v>810430</v>
      </c>
      <c r="DO16" s="114">
        <v>1101070</v>
      </c>
      <c r="DP16" s="114">
        <v>1027489</v>
      </c>
      <c r="DQ16" s="114">
        <v>262957</v>
      </c>
      <c r="DR16" s="113">
        <v>3897759</v>
      </c>
      <c r="DS16" s="116">
        <v>3979943</v>
      </c>
      <c r="DT16" s="110">
        <v>16729</v>
      </c>
      <c r="DU16" s="114">
        <v>65455</v>
      </c>
      <c r="DV16" s="113">
        <v>82184</v>
      </c>
      <c r="DW16" s="110">
        <v>0</v>
      </c>
      <c r="DX16" s="114">
        <v>621842</v>
      </c>
      <c r="DY16" s="114">
        <v>561839</v>
      </c>
      <c r="DZ16" s="114">
        <v>1101070</v>
      </c>
      <c r="EA16" s="114">
        <v>1027489</v>
      </c>
      <c r="EB16" s="114">
        <v>262957</v>
      </c>
      <c r="EC16" s="113">
        <v>3575197</v>
      </c>
      <c r="ED16" s="116">
        <v>3657381</v>
      </c>
      <c r="EE16" s="110">
        <v>0</v>
      </c>
      <c r="EF16" s="112">
        <v>0</v>
      </c>
      <c r="EG16" s="113">
        <v>0</v>
      </c>
      <c r="EH16" s="110">
        <v>0</v>
      </c>
      <c r="EI16" s="114">
        <v>73971</v>
      </c>
      <c r="EJ16" s="114">
        <v>248591</v>
      </c>
      <c r="EK16" s="114">
        <v>0</v>
      </c>
      <c r="EL16" s="114">
        <v>0</v>
      </c>
      <c r="EM16" s="114">
        <v>0</v>
      </c>
      <c r="EN16" s="112">
        <v>322562</v>
      </c>
      <c r="EO16" s="116">
        <v>322562</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5"/>
      <c r="FE16" s="114">
        <v>0</v>
      </c>
      <c r="FF16" s="114">
        <v>0</v>
      </c>
      <c r="FG16" s="114">
        <v>0</v>
      </c>
      <c r="FH16" s="114">
        <v>0</v>
      </c>
      <c r="FI16" s="114">
        <v>0</v>
      </c>
      <c r="FJ16" s="113">
        <v>0</v>
      </c>
      <c r="FK16" s="116">
        <v>0</v>
      </c>
      <c r="FL16" s="110">
        <v>349860</v>
      </c>
      <c r="FM16" s="114">
        <v>922513</v>
      </c>
      <c r="FN16" s="113">
        <v>1272373</v>
      </c>
      <c r="FO16" s="110">
        <v>0</v>
      </c>
      <c r="FP16" s="114">
        <v>1263043</v>
      </c>
      <c r="FQ16" s="114">
        <v>1513932</v>
      </c>
      <c r="FR16" s="114">
        <v>849716</v>
      </c>
      <c r="FS16" s="114">
        <v>689549</v>
      </c>
      <c r="FT16" s="114">
        <v>773948</v>
      </c>
      <c r="FU16" s="113">
        <v>5090188</v>
      </c>
      <c r="FV16" s="116">
        <v>6362561</v>
      </c>
      <c r="FW16" s="115">
        <v>211190</v>
      </c>
      <c r="FX16" s="114">
        <v>546371</v>
      </c>
      <c r="FY16" s="112">
        <v>757561</v>
      </c>
      <c r="FZ16" s="111">
        <v>0</v>
      </c>
      <c r="GA16" s="114">
        <v>828903</v>
      </c>
      <c r="GB16" s="114">
        <v>1390242</v>
      </c>
      <c r="GC16" s="114">
        <v>824306</v>
      </c>
      <c r="GD16" s="114">
        <v>622363</v>
      </c>
      <c r="GE16" s="114">
        <v>738948</v>
      </c>
      <c r="GF16" s="113">
        <v>4404762</v>
      </c>
      <c r="GG16" s="316">
        <v>5162323</v>
      </c>
      <c r="GH16" s="115">
        <v>35770</v>
      </c>
      <c r="GI16" s="114">
        <v>0</v>
      </c>
      <c r="GJ16" s="112">
        <v>35770</v>
      </c>
      <c r="GK16" s="111">
        <v>0</v>
      </c>
      <c r="GL16" s="114">
        <v>98840</v>
      </c>
      <c r="GM16" s="114">
        <v>63910</v>
      </c>
      <c r="GN16" s="114">
        <v>25410</v>
      </c>
      <c r="GO16" s="114">
        <v>46816</v>
      </c>
      <c r="GP16" s="114">
        <v>0</v>
      </c>
      <c r="GQ16" s="113">
        <v>234976</v>
      </c>
      <c r="GR16" s="116">
        <v>270746</v>
      </c>
      <c r="GS16" s="110">
        <v>102900</v>
      </c>
      <c r="GT16" s="114">
        <v>376142</v>
      </c>
      <c r="GU16" s="113">
        <v>479042</v>
      </c>
      <c r="GV16" s="110">
        <v>0</v>
      </c>
      <c r="GW16" s="114">
        <v>335300</v>
      </c>
      <c r="GX16" s="114">
        <v>59780</v>
      </c>
      <c r="GY16" s="114">
        <v>0</v>
      </c>
      <c r="GZ16" s="114">
        <v>20370</v>
      </c>
      <c r="HA16" s="114">
        <v>35000</v>
      </c>
      <c r="HB16" s="112">
        <v>450450</v>
      </c>
      <c r="HC16" s="116">
        <v>929492</v>
      </c>
      <c r="HD16" s="110">
        <v>612852</v>
      </c>
      <c r="HE16" s="114">
        <v>488254</v>
      </c>
      <c r="HF16" s="112">
        <v>1101106</v>
      </c>
      <c r="HG16" s="111">
        <v>0</v>
      </c>
      <c r="HH16" s="114">
        <v>4447960</v>
      </c>
      <c r="HI16" s="114">
        <v>4927942</v>
      </c>
      <c r="HJ16" s="114">
        <v>3717497</v>
      </c>
      <c r="HK16" s="114">
        <v>5044027</v>
      </c>
      <c r="HL16" s="114">
        <v>5092214</v>
      </c>
      <c r="HM16" s="113">
        <v>23229640</v>
      </c>
      <c r="HN16" s="109">
        <v>24330746</v>
      </c>
      <c r="HO16" s="326"/>
      <c r="HP16" s="327"/>
      <c r="HQ16" s="328"/>
      <c r="HR16" s="329"/>
      <c r="HS16" s="327"/>
      <c r="HT16" s="327"/>
      <c r="HU16" s="327"/>
      <c r="HV16" s="327"/>
      <c r="HW16" s="327"/>
      <c r="HX16" s="330"/>
      <c r="HY16" s="331"/>
      <c r="HZ16" s="150">
        <v>40399</v>
      </c>
      <c r="IA16" s="135">
        <v>70030</v>
      </c>
      <c r="IB16" s="150">
        <v>110429</v>
      </c>
      <c r="IC16" s="134">
        <v>0</v>
      </c>
      <c r="ID16" s="135">
        <v>3152069</v>
      </c>
      <c r="IE16" s="136">
        <v>2937477</v>
      </c>
      <c r="IF16" s="137">
        <v>5376594</v>
      </c>
      <c r="IG16" s="135">
        <v>2642032</v>
      </c>
      <c r="IH16" s="137">
        <v>3100523</v>
      </c>
      <c r="II16" s="138">
        <v>17208695</v>
      </c>
      <c r="IJ16" s="150">
        <v>17319124</v>
      </c>
      <c r="IK16" s="232">
        <v>0</v>
      </c>
      <c r="IL16" s="236">
        <v>0</v>
      </c>
      <c r="IM16" s="237">
        <v>0</v>
      </c>
      <c r="IN16" s="140"/>
      <c r="IO16" s="119">
        <v>14386</v>
      </c>
      <c r="IP16" s="119">
        <v>109608</v>
      </c>
      <c r="IQ16" s="119">
        <v>609275</v>
      </c>
      <c r="IR16" s="119">
        <v>0</v>
      </c>
      <c r="IS16" s="119">
        <v>0</v>
      </c>
      <c r="IT16" s="141">
        <v>733269</v>
      </c>
      <c r="IU16" s="318">
        <v>733269</v>
      </c>
      <c r="IV16" s="142">
        <v>0</v>
      </c>
      <c r="IW16" s="119">
        <v>0</v>
      </c>
      <c r="IX16" s="120">
        <v>0</v>
      </c>
      <c r="IY16" s="144"/>
      <c r="IZ16" s="119">
        <v>0</v>
      </c>
      <c r="JA16" s="119">
        <v>9355</v>
      </c>
      <c r="JB16" s="119">
        <v>9355</v>
      </c>
      <c r="JC16" s="119">
        <v>0</v>
      </c>
      <c r="JD16" s="119">
        <v>0</v>
      </c>
      <c r="JE16" s="120">
        <v>18710</v>
      </c>
      <c r="JF16" s="121">
        <v>18710</v>
      </c>
      <c r="JG16" s="142">
        <v>0</v>
      </c>
      <c r="JH16" s="119">
        <v>0</v>
      </c>
      <c r="JI16" s="141">
        <v>0</v>
      </c>
      <c r="JJ16" s="118">
        <v>0</v>
      </c>
      <c r="JK16" s="119">
        <v>1218076</v>
      </c>
      <c r="JL16" s="119">
        <v>1201663</v>
      </c>
      <c r="JM16" s="119">
        <v>505373</v>
      </c>
      <c r="JN16" s="119">
        <v>422344</v>
      </c>
      <c r="JO16" s="119">
        <v>50332</v>
      </c>
      <c r="JP16" s="120">
        <v>3397788</v>
      </c>
      <c r="JQ16" s="318">
        <v>3397788</v>
      </c>
      <c r="JR16" s="142">
        <v>0</v>
      </c>
      <c r="JS16" s="119">
        <v>0</v>
      </c>
      <c r="JT16" s="141">
        <v>0</v>
      </c>
      <c r="JU16" s="118">
        <v>0</v>
      </c>
      <c r="JV16" s="119">
        <v>0</v>
      </c>
      <c r="JW16" s="119">
        <v>365292</v>
      </c>
      <c r="JX16" s="119">
        <v>400444</v>
      </c>
      <c r="JY16" s="119">
        <v>0</v>
      </c>
      <c r="JZ16" s="119">
        <v>0</v>
      </c>
      <c r="KA16" s="120">
        <v>765736</v>
      </c>
      <c r="KB16" s="318">
        <v>765736</v>
      </c>
      <c r="KC16" s="234">
        <v>40399</v>
      </c>
      <c r="KD16" s="230">
        <v>70030</v>
      </c>
      <c r="KE16" s="120">
        <v>110429</v>
      </c>
      <c r="KF16" s="118">
        <v>0</v>
      </c>
      <c r="KG16" s="119">
        <v>516057</v>
      </c>
      <c r="KH16" s="119">
        <v>147844</v>
      </c>
      <c r="KI16" s="119">
        <v>612762</v>
      </c>
      <c r="KJ16" s="119">
        <v>214308</v>
      </c>
      <c r="KK16" s="119">
        <v>479230</v>
      </c>
      <c r="KL16" s="120">
        <v>1970201</v>
      </c>
      <c r="KM16" s="143">
        <v>2080630</v>
      </c>
      <c r="KN16" s="232">
        <v>0</v>
      </c>
      <c r="KO16" s="236">
        <v>0</v>
      </c>
      <c r="KP16" s="237">
        <v>0</v>
      </c>
      <c r="KQ16" s="140"/>
      <c r="KR16" s="119">
        <v>561700</v>
      </c>
      <c r="KS16" s="119">
        <v>1103715</v>
      </c>
      <c r="KT16" s="119">
        <v>2042069</v>
      </c>
      <c r="KU16" s="119">
        <v>1271481</v>
      </c>
      <c r="KV16" s="119">
        <v>1644419</v>
      </c>
      <c r="KW16" s="120">
        <v>6623384</v>
      </c>
      <c r="KX16" s="318">
        <v>6623384</v>
      </c>
      <c r="KY16" s="142">
        <v>0</v>
      </c>
      <c r="KZ16" s="119">
        <v>0</v>
      </c>
      <c r="LA16" s="120">
        <v>0</v>
      </c>
      <c r="LB16" s="145"/>
      <c r="LC16" s="119">
        <v>695431</v>
      </c>
      <c r="LD16" s="119">
        <v>0</v>
      </c>
      <c r="LE16" s="119">
        <v>868452</v>
      </c>
      <c r="LF16" s="119">
        <v>252259</v>
      </c>
      <c r="LG16" s="119">
        <v>622317</v>
      </c>
      <c r="LH16" s="120">
        <v>2438459</v>
      </c>
      <c r="LI16" s="121">
        <v>2438459</v>
      </c>
      <c r="LJ16" s="142">
        <v>0</v>
      </c>
      <c r="LK16" s="119">
        <v>0</v>
      </c>
      <c r="LL16" s="120">
        <v>0</v>
      </c>
      <c r="LM16" s="145"/>
      <c r="LN16" s="119">
        <v>0</v>
      </c>
      <c r="LO16" s="119">
        <v>0</v>
      </c>
      <c r="LP16" s="119">
        <v>0</v>
      </c>
      <c r="LQ16" s="119">
        <v>481640</v>
      </c>
      <c r="LR16" s="119">
        <v>0</v>
      </c>
      <c r="LS16" s="120">
        <v>481640</v>
      </c>
      <c r="LT16" s="318">
        <v>481640</v>
      </c>
      <c r="LU16" s="142">
        <v>0</v>
      </c>
      <c r="LV16" s="119">
        <v>0</v>
      </c>
      <c r="LW16" s="120">
        <v>0</v>
      </c>
      <c r="LX16" s="145"/>
      <c r="LY16" s="119">
        <v>146419</v>
      </c>
      <c r="LZ16" s="119">
        <v>0</v>
      </c>
      <c r="MA16" s="119">
        <v>328864</v>
      </c>
      <c r="MB16" s="119">
        <v>0</v>
      </c>
      <c r="MC16" s="119">
        <v>304225</v>
      </c>
      <c r="MD16" s="120">
        <v>779508</v>
      </c>
      <c r="ME16" s="121">
        <v>779508</v>
      </c>
      <c r="MF16" s="142">
        <v>0</v>
      </c>
      <c r="MG16" s="119">
        <v>0</v>
      </c>
      <c r="MH16" s="120">
        <v>0</v>
      </c>
      <c r="MI16" s="145"/>
      <c r="MJ16" s="119">
        <v>214648</v>
      </c>
      <c r="MK16" s="119">
        <v>463189</v>
      </c>
      <c r="ML16" s="119">
        <v>4117005</v>
      </c>
      <c r="MM16" s="119">
        <v>5367539</v>
      </c>
      <c r="MN16" s="119">
        <v>5559767</v>
      </c>
      <c r="MO16" s="120">
        <v>15722148</v>
      </c>
      <c r="MP16" s="143">
        <v>15722148</v>
      </c>
      <c r="MQ16" s="142">
        <v>0</v>
      </c>
      <c r="MR16" s="119">
        <v>0</v>
      </c>
      <c r="MS16" s="120">
        <v>0</v>
      </c>
      <c r="MT16" s="145"/>
      <c r="MU16" s="119">
        <v>0</v>
      </c>
      <c r="MV16" s="119">
        <v>0</v>
      </c>
      <c r="MW16" s="119">
        <v>2486141</v>
      </c>
      <c r="MX16" s="119">
        <v>3651237</v>
      </c>
      <c r="MY16" s="119">
        <v>4561673</v>
      </c>
      <c r="MZ16" s="120">
        <v>10699051</v>
      </c>
      <c r="NA16" s="143">
        <v>10699051</v>
      </c>
      <c r="NB16" s="142">
        <v>0</v>
      </c>
      <c r="NC16" s="119">
        <v>0</v>
      </c>
      <c r="ND16" s="120">
        <v>0</v>
      </c>
      <c r="NE16" s="145"/>
      <c r="NF16" s="119">
        <v>214648</v>
      </c>
      <c r="NG16" s="119">
        <v>463189</v>
      </c>
      <c r="NH16" s="119">
        <v>1630864</v>
      </c>
      <c r="NI16" s="119">
        <v>1716302</v>
      </c>
      <c r="NJ16" s="119">
        <v>369171</v>
      </c>
      <c r="NK16" s="120">
        <v>4394174</v>
      </c>
      <c r="NL16" s="318">
        <v>4394174</v>
      </c>
      <c r="NM16" s="142">
        <v>0</v>
      </c>
      <c r="NN16" s="119">
        <v>0</v>
      </c>
      <c r="NO16" s="120">
        <v>0</v>
      </c>
      <c r="NP16" s="145"/>
      <c r="NQ16" s="119">
        <v>0</v>
      </c>
      <c r="NR16" s="119">
        <v>0</v>
      </c>
      <c r="NS16" s="119">
        <v>0</v>
      </c>
      <c r="NT16" s="119">
        <v>0</v>
      </c>
      <c r="NU16" s="119">
        <v>308039</v>
      </c>
      <c r="NV16" s="120">
        <v>308039</v>
      </c>
      <c r="NW16" s="121">
        <v>308039</v>
      </c>
      <c r="NX16" s="142">
        <v>0</v>
      </c>
      <c r="NY16" s="119">
        <v>0</v>
      </c>
      <c r="NZ16" s="120">
        <v>0</v>
      </c>
      <c r="OA16" s="145"/>
      <c r="OB16" s="119">
        <v>0</v>
      </c>
      <c r="OC16" s="119">
        <v>0</v>
      </c>
      <c r="OD16" s="119">
        <v>0</v>
      </c>
      <c r="OE16" s="119">
        <v>0</v>
      </c>
      <c r="OF16" s="119">
        <v>320884</v>
      </c>
      <c r="OG16" s="120">
        <v>320884</v>
      </c>
      <c r="OH16" s="121">
        <v>320884</v>
      </c>
      <c r="OI16" s="142">
        <v>1596378</v>
      </c>
      <c r="OJ16" s="119">
        <v>2768217</v>
      </c>
      <c r="OK16" s="141">
        <v>4364595</v>
      </c>
      <c r="OL16" s="118">
        <v>0</v>
      </c>
      <c r="OM16" s="119">
        <v>22697114</v>
      </c>
      <c r="ON16" s="119">
        <v>20030561</v>
      </c>
      <c r="OO16" s="119">
        <v>22790288</v>
      </c>
      <c r="OP16" s="119">
        <v>21815274</v>
      </c>
      <c r="OQ16" s="119">
        <v>21436473</v>
      </c>
      <c r="OR16" s="120">
        <v>108769710</v>
      </c>
      <c r="OS16" s="143">
        <v>113134305</v>
      </c>
    </row>
    <row r="17" spans="2:409" ht="21" customHeight="1" x14ac:dyDescent="0.2">
      <c r="B17" s="126" t="s">
        <v>11</v>
      </c>
      <c r="C17" s="110">
        <v>385254</v>
      </c>
      <c r="D17" s="114">
        <v>372152</v>
      </c>
      <c r="E17" s="171">
        <v>757406</v>
      </c>
      <c r="F17" s="111">
        <v>0</v>
      </c>
      <c r="G17" s="114">
        <v>5838193</v>
      </c>
      <c r="H17" s="114">
        <v>4232746</v>
      </c>
      <c r="I17" s="114">
        <v>6560681</v>
      </c>
      <c r="J17" s="114">
        <v>6958792</v>
      </c>
      <c r="K17" s="114">
        <v>3437508</v>
      </c>
      <c r="L17" s="109">
        <v>27027920</v>
      </c>
      <c r="M17" s="116">
        <v>27785326</v>
      </c>
      <c r="N17" s="110">
        <v>74677</v>
      </c>
      <c r="O17" s="114">
        <v>45235</v>
      </c>
      <c r="P17" s="113">
        <v>119912</v>
      </c>
      <c r="Q17" s="110">
        <v>0</v>
      </c>
      <c r="R17" s="114">
        <v>1395925</v>
      </c>
      <c r="S17" s="114">
        <v>1279021</v>
      </c>
      <c r="T17" s="114">
        <v>1860068</v>
      </c>
      <c r="U17" s="114">
        <v>2699512</v>
      </c>
      <c r="V17" s="114">
        <v>1355739</v>
      </c>
      <c r="W17" s="113">
        <v>8590265</v>
      </c>
      <c r="X17" s="116">
        <v>8710177</v>
      </c>
      <c r="Y17" s="110">
        <v>0</v>
      </c>
      <c r="Z17" s="114">
        <v>0</v>
      </c>
      <c r="AA17" s="113">
        <v>0</v>
      </c>
      <c r="AB17" s="110">
        <v>0</v>
      </c>
      <c r="AC17" s="114">
        <v>405608</v>
      </c>
      <c r="AD17" s="114">
        <v>460084</v>
      </c>
      <c r="AE17" s="114">
        <v>1139576</v>
      </c>
      <c r="AF17" s="114">
        <v>1273197</v>
      </c>
      <c r="AG17" s="114">
        <v>636404</v>
      </c>
      <c r="AH17" s="113">
        <v>3914869</v>
      </c>
      <c r="AI17" s="116">
        <v>3914869</v>
      </c>
      <c r="AJ17" s="110">
        <v>0</v>
      </c>
      <c r="AK17" s="114">
        <v>0</v>
      </c>
      <c r="AL17" s="113">
        <v>0</v>
      </c>
      <c r="AM17" s="110">
        <v>0</v>
      </c>
      <c r="AN17" s="114">
        <v>0</v>
      </c>
      <c r="AO17" s="114">
        <v>0</v>
      </c>
      <c r="AP17" s="114">
        <v>0</v>
      </c>
      <c r="AQ17" s="114">
        <v>396699</v>
      </c>
      <c r="AR17" s="114">
        <v>206077</v>
      </c>
      <c r="AS17" s="113">
        <v>602776</v>
      </c>
      <c r="AT17" s="116">
        <v>602776</v>
      </c>
      <c r="AU17" s="110">
        <v>39285</v>
      </c>
      <c r="AV17" s="114">
        <v>38662</v>
      </c>
      <c r="AW17" s="113">
        <v>77947</v>
      </c>
      <c r="AX17" s="110">
        <v>0</v>
      </c>
      <c r="AY17" s="114">
        <v>716659</v>
      </c>
      <c r="AZ17" s="114">
        <v>615359</v>
      </c>
      <c r="BA17" s="114">
        <v>418351</v>
      </c>
      <c r="BB17" s="114">
        <v>667044</v>
      </c>
      <c r="BC17" s="114">
        <v>328528</v>
      </c>
      <c r="BD17" s="113">
        <v>2745941</v>
      </c>
      <c r="BE17" s="116">
        <v>2823888</v>
      </c>
      <c r="BF17" s="110">
        <v>0</v>
      </c>
      <c r="BG17" s="114">
        <v>6573</v>
      </c>
      <c r="BH17" s="112">
        <v>6573</v>
      </c>
      <c r="BI17" s="111">
        <v>0</v>
      </c>
      <c r="BJ17" s="114">
        <v>46844</v>
      </c>
      <c r="BK17" s="114">
        <v>17441</v>
      </c>
      <c r="BL17" s="114">
        <v>0</v>
      </c>
      <c r="BM17" s="114">
        <v>40152</v>
      </c>
      <c r="BN17" s="114">
        <v>50869</v>
      </c>
      <c r="BO17" s="113">
        <v>155306</v>
      </c>
      <c r="BP17" s="116">
        <v>161879</v>
      </c>
      <c r="BQ17" s="110">
        <v>35392</v>
      </c>
      <c r="BR17" s="114">
        <v>0</v>
      </c>
      <c r="BS17" s="113">
        <v>35392</v>
      </c>
      <c r="BT17" s="110">
        <v>0</v>
      </c>
      <c r="BU17" s="114">
        <v>226814</v>
      </c>
      <c r="BV17" s="114">
        <v>186137</v>
      </c>
      <c r="BW17" s="114">
        <v>302141</v>
      </c>
      <c r="BX17" s="114">
        <v>322420</v>
      </c>
      <c r="BY17" s="114">
        <v>133861</v>
      </c>
      <c r="BZ17" s="113">
        <v>1171373</v>
      </c>
      <c r="CA17" s="116">
        <v>1206765</v>
      </c>
      <c r="CB17" s="110">
        <v>54351</v>
      </c>
      <c r="CC17" s="114">
        <v>136124</v>
      </c>
      <c r="CD17" s="113">
        <v>190475</v>
      </c>
      <c r="CE17" s="110">
        <v>0</v>
      </c>
      <c r="CF17" s="114">
        <v>971919</v>
      </c>
      <c r="CG17" s="114">
        <v>1214901</v>
      </c>
      <c r="CH17" s="114">
        <v>1320273</v>
      </c>
      <c r="CI17" s="114">
        <v>926281</v>
      </c>
      <c r="CJ17" s="114">
        <v>295836</v>
      </c>
      <c r="CK17" s="113">
        <v>4729210</v>
      </c>
      <c r="CL17" s="116">
        <v>4919685</v>
      </c>
      <c r="CM17" s="110">
        <v>0</v>
      </c>
      <c r="CN17" s="114">
        <v>0</v>
      </c>
      <c r="CO17" s="113">
        <v>0</v>
      </c>
      <c r="CP17" s="111">
        <v>0</v>
      </c>
      <c r="CQ17" s="114">
        <v>540102</v>
      </c>
      <c r="CR17" s="114">
        <v>732378</v>
      </c>
      <c r="CS17" s="114">
        <v>866240</v>
      </c>
      <c r="CT17" s="114">
        <v>768585</v>
      </c>
      <c r="CU17" s="114">
        <v>221057</v>
      </c>
      <c r="CV17" s="113">
        <v>3128362</v>
      </c>
      <c r="CW17" s="116">
        <v>3128362</v>
      </c>
      <c r="CX17" s="110">
        <v>54351</v>
      </c>
      <c r="CY17" s="114">
        <v>136124</v>
      </c>
      <c r="CZ17" s="113">
        <v>190475</v>
      </c>
      <c r="DA17" s="110">
        <v>0</v>
      </c>
      <c r="DB17" s="114">
        <v>431817</v>
      </c>
      <c r="DC17" s="114">
        <v>482523</v>
      </c>
      <c r="DD17" s="114">
        <v>454033</v>
      </c>
      <c r="DE17" s="114">
        <v>157696</v>
      </c>
      <c r="DF17" s="114">
        <v>74779</v>
      </c>
      <c r="DG17" s="113">
        <v>1600848</v>
      </c>
      <c r="DH17" s="116">
        <v>1791323</v>
      </c>
      <c r="DI17" s="110">
        <v>0</v>
      </c>
      <c r="DJ17" s="114">
        <v>0</v>
      </c>
      <c r="DK17" s="112">
        <v>0</v>
      </c>
      <c r="DL17" s="111">
        <v>0</v>
      </c>
      <c r="DM17" s="114">
        <v>231392</v>
      </c>
      <c r="DN17" s="114">
        <v>277908</v>
      </c>
      <c r="DO17" s="114">
        <v>271284</v>
      </c>
      <c r="DP17" s="114">
        <v>209509</v>
      </c>
      <c r="DQ17" s="114">
        <v>552700</v>
      </c>
      <c r="DR17" s="113">
        <v>1542793</v>
      </c>
      <c r="DS17" s="116">
        <v>1542793</v>
      </c>
      <c r="DT17" s="110">
        <v>0</v>
      </c>
      <c r="DU17" s="114">
        <v>0</v>
      </c>
      <c r="DV17" s="113">
        <v>0</v>
      </c>
      <c r="DW17" s="110">
        <v>0</v>
      </c>
      <c r="DX17" s="114">
        <v>231392</v>
      </c>
      <c r="DY17" s="114">
        <v>277908</v>
      </c>
      <c r="DZ17" s="114">
        <v>175458</v>
      </c>
      <c r="EA17" s="114">
        <v>209509</v>
      </c>
      <c r="EB17" s="114">
        <v>284403</v>
      </c>
      <c r="EC17" s="113">
        <v>1178670</v>
      </c>
      <c r="ED17" s="116">
        <v>1178670</v>
      </c>
      <c r="EE17" s="110">
        <v>0</v>
      </c>
      <c r="EF17" s="112">
        <v>0</v>
      </c>
      <c r="EG17" s="113">
        <v>0</v>
      </c>
      <c r="EH17" s="110">
        <v>0</v>
      </c>
      <c r="EI17" s="114">
        <v>0</v>
      </c>
      <c r="EJ17" s="114">
        <v>0</v>
      </c>
      <c r="EK17" s="114">
        <v>95826</v>
      </c>
      <c r="EL17" s="114">
        <v>0</v>
      </c>
      <c r="EM17" s="114">
        <v>268297</v>
      </c>
      <c r="EN17" s="112">
        <v>364123</v>
      </c>
      <c r="EO17" s="116">
        <v>364123</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5"/>
      <c r="FE17" s="114">
        <v>0</v>
      </c>
      <c r="FF17" s="114">
        <v>0</v>
      </c>
      <c r="FG17" s="114">
        <v>0</v>
      </c>
      <c r="FH17" s="114">
        <v>0</v>
      </c>
      <c r="FI17" s="114">
        <v>0</v>
      </c>
      <c r="FJ17" s="113">
        <v>0</v>
      </c>
      <c r="FK17" s="116">
        <v>0</v>
      </c>
      <c r="FL17" s="110">
        <v>157738</v>
      </c>
      <c r="FM17" s="114">
        <v>106386</v>
      </c>
      <c r="FN17" s="113">
        <v>264124</v>
      </c>
      <c r="FO17" s="110">
        <v>0</v>
      </c>
      <c r="FP17" s="114">
        <v>341019</v>
      </c>
      <c r="FQ17" s="114">
        <v>355460</v>
      </c>
      <c r="FR17" s="114">
        <v>463183</v>
      </c>
      <c r="FS17" s="114">
        <v>628446</v>
      </c>
      <c r="FT17" s="114">
        <v>186389</v>
      </c>
      <c r="FU17" s="113">
        <v>1974497</v>
      </c>
      <c r="FV17" s="116">
        <v>2238621</v>
      </c>
      <c r="FW17" s="115">
        <v>51198</v>
      </c>
      <c r="FX17" s="114">
        <v>87136</v>
      </c>
      <c r="FY17" s="112">
        <v>138334</v>
      </c>
      <c r="FZ17" s="111">
        <v>0</v>
      </c>
      <c r="GA17" s="114">
        <v>244419</v>
      </c>
      <c r="GB17" s="114">
        <v>355460</v>
      </c>
      <c r="GC17" s="114">
        <v>463183</v>
      </c>
      <c r="GD17" s="114">
        <v>574966</v>
      </c>
      <c r="GE17" s="114">
        <v>186389</v>
      </c>
      <c r="GF17" s="113">
        <v>1824417</v>
      </c>
      <c r="GG17" s="316">
        <v>1962751</v>
      </c>
      <c r="GH17" s="115">
        <v>0</v>
      </c>
      <c r="GI17" s="114">
        <v>0</v>
      </c>
      <c r="GJ17" s="112">
        <v>0</v>
      </c>
      <c r="GK17" s="111">
        <v>0</v>
      </c>
      <c r="GL17" s="114">
        <v>23100</v>
      </c>
      <c r="GM17" s="114">
        <v>0</v>
      </c>
      <c r="GN17" s="114">
        <v>0</v>
      </c>
      <c r="GO17" s="114">
        <v>53480</v>
      </c>
      <c r="GP17" s="114">
        <v>0</v>
      </c>
      <c r="GQ17" s="113">
        <v>76580</v>
      </c>
      <c r="GR17" s="116">
        <v>76580</v>
      </c>
      <c r="GS17" s="110">
        <v>106540</v>
      </c>
      <c r="GT17" s="114">
        <v>19250</v>
      </c>
      <c r="GU17" s="113">
        <v>125790</v>
      </c>
      <c r="GV17" s="110">
        <v>0</v>
      </c>
      <c r="GW17" s="114">
        <v>73500</v>
      </c>
      <c r="GX17" s="114">
        <v>0</v>
      </c>
      <c r="GY17" s="114">
        <v>0</v>
      </c>
      <c r="GZ17" s="114">
        <v>0</v>
      </c>
      <c r="HA17" s="114">
        <v>0</v>
      </c>
      <c r="HB17" s="112">
        <v>73500</v>
      </c>
      <c r="HC17" s="116">
        <v>199290</v>
      </c>
      <c r="HD17" s="110">
        <v>98488</v>
      </c>
      <c r="HE17" s="114">
        <v>84407</v>
      </c>
      <c r="HF17" s="112">
        <v>182895</v>
      </c>
      <c r="HG17" s="111">
        <v>0</v>
      </c>
      <c r="HH17" s="114">
        <v>2897938</v>
      </c>
      <c r="HI17" s="114">
        <v>1105456</v>
      </c>
      <c r="HJ17" s="114">
        <v>2645873</v>
      </c>
      <c r="HK17" s="114">
        <v>2495044</v>
      </c>
      <c r="HL17" s="114">
        <v>1046844</v>
      </c>
      <c r="HM17" s="113">
        <v>10191155</v>
      </c>
      <c r="HN17" s="109">
        <v>10374050</v>
      </c>
      <c r="HO17" s="326"/>
      <c r="HP17" s="327"/>
      <c r="HQ17" s="328"/>
      <c r="HR17" s="329"/>
      <c r="HS17" s="327"/>
      <c r="HT17" s="327"/>
      <c r="HU17" s="327"/>
      <c r="HV17" s="327"/>
      <c r="HW17" s="327"/>
      <c r="HX17" s="330"/>
      <c r="HY17" s="331"/>
      <c r="HZ17" s="131">
        <v>0</v>
      </c>
      <c r="IA17" s="132">
        <v>61362</v>
      </c>
      <c r="IB17" s="133">
        <v>61362</v>
      </c>
      <c r="IC17" s="146">
        <v>0</v>
      </c>
      <c r="ID17" s="132">
        <v>1147330</v>
      </c>
      <c r="IE17" s="147">
        <v>1322048</v>
      </c>
      <c r="IF17" s="133">
        <v>1266758</v>
      </c>
      <c r="IG17" s="132">
        <v>1371322</v>
      </c>
      <c r="IH17" s="133">
        <v>123776</v>
      </c>
      <c r="II17" s="148">
        <v>5231234</v>
      </c>
      <c r="IJ17" s="139">
        <v>5292596</v>
      </c>
      <c r="IK17" s="232">
        <v>0</v>
      </c>
      <c r="IL17" s="236">
        <v>0</v>
      </c>
      <c r="IM17" s="237">
        <v>0</v>
      </c>
      <c r="IN17" s="140"/>
      <c r="IO17" s="119">
        <v>68271</v>
      </c>
      <c r="IP17" s="119">
        <v>110554</v>
      </c>
      <c r="IQ17" s="119">
        <v>170823</v>
      </c>
      <c r="IR17" s="119">
        <v>201158</v>
      </c>
      <c r="IS17" s="119">
        <v>0</v>
      </c>
      <c r="IT17" s="141">
        <v>550806</v>
      </c>
      <c r="IU17" s="318">
        <v>550806</v>
      </c>
      <c r="IV17" s="142">
        <v>0</v>
      </c>
      <c r="IW17" s="119">
        <v>0</v>
      </c>
      <c r="IX17" s="120">
        <v>0</v>
      </c>
      <c r="IY17" s="144"/>
      <c r="IZ17" s="119">
        <v>56076</v>
      </c>
      <c r="JA17" s="119">
        <v>14732</v>
      </c>
      <c r="JB17" s="119">
        <v>0</v>
      </c>
      <c r="JC17" s="119">
        <v>0</v>
      </c>
      <c r="JD17" s="119">
        <v>0</v>
      </c>
      <c r="JE17" s="120">
        <v>70808</v>
      </c>
      <c r="JF17" s="121">
        <v>70808</v>
      </c>
      <c r="JG17" s="142">
        <v>0</v>
      </c>
      <c r="JH17" s="119">
        <v>0</v>
      </c>
      <c r="JI17" s="141">
        <v>0</v>
      </c>
      <c r="JJ17" s="118">
        <v>0</v>
      </c>
      <c r="JK17" s="119">
        <v>948323</v>
      </c>
      <c r="JL17" s="119">
        <v>533272</v>
      </c>
      <c r="JM17" s="119">
        <v>433739</v>
      </c>
      <c r="JN17" s="119">
        <v>120533</v>
      </c>
      <c r="JO17" s="119">
        <v>123776</v>
      </c>
      <c r="JP17" s="120">
        <v>2159643</v>
      </c>
      <c r="JQ17" s="318">
        <v>2159643</v>
      </c>
      <c r="JR17" s="142">
        <v>0</v>
      </c>
      <c r="JS17" s="119">
        <v>0</v>
      </c>
      <c r="JT17" s="141">
        <v>0</v>
      </c>
      <c r="JU17" s="118">
        <v>0</v>
      </c>
      <c r="JV17" s="119">
        <v>34679</v>
      </c>
      <c r="JW17" s="119">
        <v>0</v>
      </c>
      <c r="JX17" s="119">
        <v>0</v>
      </c>
      <c r="JY17" s="119">
        <v>0</v>
      </c>
      <c r="JZ17" s="119">
        <v>0</v>
      </c>
      <c r="KA17" s="120">
        <v>34679</v>
      </c>
      <c r="KB17" s="318">
        <v>34679</v>
      </c>
      <c r="KC17" s="234">
        <v>0</v>
      </c>
      <c r="KD17" s="230">
        <v>61362</v>
      </c>
      <c r="KE17" s="120">
        <v>61362</v>
      </c>
      <c r="KF17" s="118">
        <v>0</v>
      </c>
      <c r="KG17" s="119">
        <v>39981</v>
      </c>
      <c r="KH17" s="119">
        <v>0</v>
      </c>
      <c r="KI17" s="119">
        <v>437619</v>
      </c>
      <c r="KJ17" s="119">
        <v>0</v>
      </c>
      <c r="KK17" s="119">
        <v>0</v>
      </c>
      <c r="KL17" s="120">
        <v>477600</v>
      </c>
      <c r="KM17" s="143">
        <v>538962</v>
      </c>
      <c r="KN17" s="232">
        <v>0</v>
      </c>
      <c r="KO17" s="236">
        <v>0</v>
      </c>
      <c r="KP17" s="237">
        <v>0</v>
      </c>
      <c r="KQ17" s="140"/>
      <c r="KR17" s="119">
        <v>0</v>
      </c>
      <c r="KS17" s="119">
        <v>663490</v>
      </c>
      <c r="KT17" s="119">
        <v>224577</v>
      </c>
      <c r="KU17" s="119">
        <v>1049631</v>
      </c>
      <c r="KV17" s="119">
        <v>0</v>
      </c>
      <c r="KW17" s="120">
        <v>1937698</v>
      </c>
      <c r="KX17" s="318">
        <v>1937698</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18">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217152</v>
      </c>
      <c r="MK17" s="119">
        <v>227857</v>
      </c>
      <c r="ML17" s="119">
        <v>1829696</v>
      </c>
      <c r="MM17" s="119">
        <v>1903793</v>
      </c>
      <c r="MN17" s="119">
        <v>2510619</v>
      </c>
      <c r="MO17" s="120">
        <v>6689117</v>
      </c>
      <c r="MP17" s="143">
        <v>6689117</v>
      </c>
      <c r="MQ17" s="142">
        <v>0</v>
      </c>
      <c r="MR17" s="119">
        <v>0</v>
      </c>
      <c r="MS17" s="120">
        <v>0</v>
      </c>
      <c r="MT17" s="145"/>
      <c r="MU17" s="119">
        <v>0</v>
      </c>
      <c r="MV17" s="119">
        <v>0</v>
      </c>
      <c r="MW17" s="119">
        <v>637257</v>
      </c>
      <c r="MX17" s="119">
        <v>873898</v>
      </c>
      <c r="MY17" s="119">
        <v>2262685</v>
      </c>
      <c r="MZ17" s="120">
        <v>3773840</v>
      </c>
      <c r="NA17" s="143">
        <v>3773840</v>
      </c>
      <c r="NB17" s="142">
        <v>0</v>
      </c>
      <c r="NC17" s="119">
        <v>0</v>
      </c>
      <c r="ND17" s="120">
        <v>0</v>
      </c>
      <c r="NE17" s="145"/>
      <c r="NF17" s="119">
        <v>217152</v>
      </c>
      <c r="NG17" s="119">
        <v>227857</v>
      </c>
      <c r="NH17" s="119">
        <v>1192439</v>
      </c>
      <c r="NI17" s="119">
        <v>1029895</v>
      </c>
      <c r="NJ17" s="119">
        <v>247934</v>
      </c>
      <c r="NK17" s="120">
        <v>2915277</v>
      </c>
      <c r="NL17" s="318">
        <v>2915277</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385254</v>
      </c>
      <c r="OJ17" s="119">
        <v>433514</v>
      </c>
      <c r="OK17" s="141">
        <v>818768</v>
      </c>
      <c r="OL17" s="118">
        <v>0</v>
      </c>
      <c r="OM17" s="119">
        <v>7202675</v>
      </c>
      <c r="ON17" s="119">
        <v>5782651</v>
      </c>
      <c r="OO17" s="119">
        <v>9657135</v>
      </c>
      <c r="OP17" s="119">
        <v>10233907</v>
      </c>
      <c r="OQ17" s="119">
        <v>6071903</v>
      </c>
      <c r="OR17" s="120">
        <v>38948271</v>
      </c>
      <c r="OS17" s="143">
        <v>39767039</v>
      </c>
    </row>
    <row r="18" spans="2:409" ht="21" customHeight="1" x14ac:dyDescent="0.2">
      <c r="B18" s="126" t="s">
        <v>12</v>
      </c>
      <c r="C18" s="110">
        <v>1044132</v>
      </c>
      <c r="D18" s="114">
        <v>1709203</v>
      </c>
      <c r="E18" s="113">
        <v>2753335</v>
      </c>
      <c r="F18" s="109">
        <v>0</v>
      </c>
      <c r="G18" s="114">
        <v>6509047</v>
      </c>
      <c r="H18" s="170">
        <v>6545310</v>
      </c>
      <c r="I18" s="170">
        <v>7631739</v>
      </c>
      <c r="J18" s="170">
        <v>7513327</v>
      </c>
      <c r="K18" s="170">
        <v>5696720</v>
      </c>
      <c r="L18" s="112">
        <v>33896143</v>
      </c>
      <c r="M18" s="116">
        <v>36649478</v>
      </c>
      <c r="N18" s="110">
        <v>221922</v>
      </c>
      <c r="O18" s="114">
        <v>718667</v>
      </c>
      <c r="P18" s="113">
        <v>940589</v>
      </c>
      <c r="Q18" s="110">
        <v>0</v>
      </c>
      <c r="R18" s="114">
        <v>2231776</v>
      </c>
      <c r="S18" s="114">
        <v>2490961</v>
      </c>
      <c r="T18" s="114">
        <v>3146129</v>
      </c>
      <c r="U18" s="114">
        <v>2805837</v>
      </c>
      <c r="V18" s="114">
        <v>3048173</v>
      </c>
      <c r="W18" s="113">
        <v>13722876</v>
      </c>
      <c r="X18" s="116">
        <v>14663465</v>
      </c>
      <c r="Y18" s="110">
        <v>0</v>
      </c>
      <c r="Z18" s="114">
        <v>0</v>
      </c>
      <c r="AA18" s="113">
        <v>0</v>
      </c>
      <c r="AB18" s="110">
        <v>0</v>
      </c>
      <c r="AC18" s="114">
        <v>1196548</v>
      </c>
      <c r="AD18" s="114">
        <v>1336865</v>
      </c>
      <c r="AE18" s="114">
        <v>2177387</v>
      </c>
      <c r="AF18" s="114">
        <v>1823603</v>
      </c>
      <c r="AG18" s="114">
        <v>1791031</v>
      </c>
      <c r="AH18" s="113">
        <v>8325434</v>
      </c>
      <c r="AI18" s="116">
        <v>8325434</v>
      </c>
      <c r="AJ18" s="110">
        <v>0</v>
      </c>
      <c r="AK18" s="114">
        <v>0</v>
      </c>
      <c r="AL18" s="113">
        <v>0</v>
      </c>
      <c r="AM18" s="110">
        <v>0</v>
      </c>
      <c r="AN18" s="114">
        <v>0</v>
      </c>
      <c r="AO18" s="114">
        <v>41847</v>
      </c>
      <c r="AP18" s="114">
        <v>0</v>
      </c>
      <c r="AQ18" s="114">
        <v>40917</v>
      </c>
      <c r="AR18" s="114">
        <v>533579</v>
      </c>
      <c r="AS18" s="113">
        <v>616343</v>
      </c>
      <c r="AT18" s="116">
        <v>616343</v>
      </c>
      <c r="AU18" s="110">
        <v>107185</v>
      </c>
      <c r="AV18" s="114">
        <v>605246</v>
      </c>
      <c r="AW18" s="113">
        <v>712431</v>
      </c>
      <c r="AX18" s="110">
        <v>0</v>
      </c>
      <c r="AY18" s="114">
        <v>731792</v>
      </c>
      <c r="AZ18" s="114">
        <v>838074</v>
      </c>
      <c r="BA18" s="114">
        <v>554738</v>
      </c>
      <c r="BB18" s="114">
        <v>517031</v>
      </c>
      <c r="BC18" s="114">
        <v>551986</v>
      </c>
      <c r="BD18" s="113">
        <v>3193621</v>
      </c>
      <c r="BE18" s="116">
        <v>3906052</v>
      </c>
      <c r="BF18" s="110">
        <v>0</v>
      </c>
      <c r="BG18" s="114">
        <v>48636</v>
      </c>
      <c r="BH18" s="112">
        <v>48636</v>
      </c>
      <c r="BI18" s="111">
        <v>0</v>
      </c>
      <c r="BJ18" s="114">
        <v>102781</v>
      </c>
      <c r="BK18" s="114">
        <v>84090</v>
      </c>
      <c r="BL18" s="114">
        <v>73538</v>
      </c>
      <c r="BM18" s="114">
        <v>72851</v>
      </c>
      <c r="BN18" s="114">
        <v>0</v>
      </c>
      <c r="BO18" s="113">
        <v>333260</v>
      </c>
      <c r="BP18" s="116">
        <v>381896</v>
      </c>
      <c r="BQ18" s="110">
        <v>114737</v>
      </c>
      <c r="BR18" s="114">
        <v>64785</v>
      </c>
      <c r="BS18" s="113">
        <v>179522</v>
      </c>
      <c r="BT18" s="110">
        <v>0</v>
      </c>
      <c r="BU18" s="114">
        <v>200655</v>
      </c>
      <c r="BV18" s="114">
        <v>190085</v>
      </c>
      <c r="BW18" s="114">
        <v>340466</v>
      </c>
      <c r="BX18" s="114">
        <v>351435</v>
      </c>
      <c r="BY18" s="114">
        <v>171577</v>
      </c>
      <c r="BZ18" s="113">
        <v>1254218</v>
      </c>
      <c r="CA18" s="116">
        <v>1433740</v>
      </c>
      <c r="CB18" s="110">
        <v>281523</v>
      </c>
      <c r="CC18" s="114">
        <v>269191</v>
      </c>
      <c r="CD18" s="113">
        <v>550714</v>
      </c>
      <c r="CE18" s="110">
        <v>0</v>
      </c>
      <c r="CF18" s="114">
        <v>2716212</v>
      </c>
      <c r="CG18" s="114">
        <v>2050763</v>
      </c>
      <c r="CH18" s="114">
        <v>1462684</v>
      </c>
      <c r="CI18" s="114">
        <v>1206916</v>
      </c>
      <c r="CJ18" s="114">
        <v>790611</v>
      </c>
      <c r="CK18" s="113">
        <v>8227186</v>
      </c>
      <c r="CL18" s="116">
        <v>8777900</v>
      </c>
      <c r="CM18" s="110">
        <v>0</v>
      </c>
      <c r="CN18" s="114">
        <v>0</v>
      </c>
      <c r="CO18" s="113">
        <v>0</v>
      </c>
      <c r="CP18" s="111">
        <v>0</v>
      </c>
      <c r="CQ18" s="114">
        <v>1993629</v>
      </c>
      <c r="CR18" s="114">
        <v>1525336</v>
      </c>
      <c r="CS18" s="114">
        <v>775202</v>
      </c>
      <c r="CT18" s="114">
        <v>866649</v>
      </c>
      <c r="CU18" s="114">
        <v>712781</v>
      </c>
      <c r="CV18" s="113">
        <v>5873597</v>
      </c>
      <c r="CW18" s="116">
        <v>5873597</v>
      </c>
      <c r="CX18" s="110">
        <v>281523</v>
      </c>
      <c r="CY18" s="114">
        <v>269191</v>
      </c>
      <c r="CZ18" s="113">
        <v>550714</v>
      </c>
      <c r="DA18" s="110">
        <v>0</v>
      </c>
      <c r="DB18" s="114">
        <v>722583</v>
      </c>
      <c r="DC18" s="114">
        <v>525427</v>
      </c>
      <c r="DD18" s="114">
        <v>687482</v>
      </c>
      <c r="DE18" s="114">
        <v>340267</v>
      </c>
      <c r="DF18" s="114">
        <v>77830</v>
      </c>
      <c r="DG18" s="113">
        <v>2353589</v>
      </c>
      <c r="DH18" s="116">
        <v>2904303</v>
      </c>
      <c r="DI18" s="110">
        <v>0</v>
      </c>
      <c r="DJ18" s="114">
        <v>20101</v>
      </c>
      <c r="DK18" s="112">
        <v>20101</v>
      </c>
      <c r="DL18" s="111">
        <v>0</v>
      </c>
      <c r="DM18" s="114">
        <v>485242</v>
      </c>
      <c r="DN18" s="114">
        <v>196674</v>
      </c>
      <c r="DO18" s="114">
        <v>724499</v>
      </c>
      <c r="DP18" s="114">
        <v>270849</v>
      </c>
      <c r="DQ18" s="114">
        <v>178723</v>
      </c>
      <c r="DR18" s="113">
        <v>1855987</v>
      </c>
      <c r="DS18" s="116">
        <v>1876088</v>
      </c>
      <c r="DT18" s="110">
        <v>0</v>
      </c>
      <c r="DU18" s="114">
        <v>20101</v>
      </c>
      <c r="DV18" s="113">
        <v>20101</v>
      </c>
      <c r="DW18" s="110">
        <v>0</v>
      </c>
      <c r="DX18" s="114">
        <v>485242</v>
      </c>
      <c r="DY18" s="114">
        <v>196674</v>
      </c>
      <c r="DZ18" s="114">
        <v>724499</v>
      </c>
      <c r="EA18" s="114">
        <v>270849</v>
      </c>
      <c r="EB18" s="114">
        <v>178723</v>
      </c>
      <c r="EC18" s="113">
        <v>1855987</v>
      </c>
      <c r="ED18" s="116">
        <v>1876088</v>
      </c>
      <c r="EE18" s="110">
        <v>0</v>
      </c>
      <c r="EF18" s="112">
        <v>0</v>
      </c>
      <c r="EG18" s="113">
        <v>0</v>
      </c>
      <c r="EH18" s="110">
        <v>0</v>
      </c>
      <c r="EI18" s="114">
        <v>0</v>
      </c>
      <c r="EJ18" s="114">
        <v>0</v>
      </c>
      <c r="EK18" s="114">
        <v>0</v>
      </c>
      <c r="EL18" s="114">
        <v>0</v>
      </c>
      <c r="EM18" s="114">
        <v>0</v>
      </c>
      <c r="EN18" s="112">
        <v>0</v>
      </c>
      <c r="EO18" s="116">
        <v>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5"/>
      <c r="FE18" s="114">
        <v>0</v>
      </c>
      <c r="FF18" s="114">
        <v>0</v>
      </c>
      <c r="FG18" s="114">
        <v>0</v>
      </c>
      <c r="FH18" s="114">
        <v>0</v>
      </c>
      <c r="FI18" s="114">
        <v>0</v>
      </c>
      <c r="FJ18" s="113">
        <v>0</v>
      </c>
      <c r="FK18" s="116">
        <v>0</v>
      </c>
      <c r="FL18" s="110">
        <v>111370</v>
      </c>
      <c r="FM18" s="114">
        <v>313985</v>
      </c>
      <c r="FN18" s="113">
        <v>425355</v>
      </c>
      <c r="FO18" s="110">
        <v>0</v>
      </c>
      <c r="FP18" s="114">
        <v>216510</v>
      </c>
      <c r="FQ18" s="114">
        <v>688978</v>
      </c>
      <c r="FR18" s="114">
        <v>547036</v>
      </c>
      <c r="FS18" s="114">
        <v>681807</v>
      </c>
      <c r="FT18" s="114">
        <v>445172</v>
      </c>
      <c r="FU18" s="113">
        <v>2579503</v>
      </c>
      <c r="FV18" s="116">
        <v>3004858</v>
      </c>
      <c r="FW18" s="115">
        <v>111370</v>
      </c>
      <c r="FX18" s="114">
        <v>243495</v>
      </c>
      <c r="FY18" s="112">
        <v>354865</v>
      </c>
      <c r="FZ18" s="111">
        <v>0</v>
      </c>
      <c r="GA18" s="114">
        <v>216510</v>
      </c>
      <c r="GB18" s="114">
        <v>550487</v>
      </c>
      <c r="GC18" s="114">
        <v>547036</v>
      </c>
      <c r="GD18" s="114">
        <v>681807</v>
      </c>
      <c r="GE18" s="114">
        <v>445172</v>
      </c>
      <c r="GF18" s="113">
        <v>2441012</v>
      </c>
      <c r="GG18" s="316">
        <v>2795877</v>
      </c>
      <c r="GH18" s="115">
        <v>0</v>
      </c>
      <c r="GI18" s="114">
        <v>70490</v>
      </c>
      <c r="GJ18" s="112">
        <v>70490</v>
      </c>
      <c r="GK18" s="111">
        <v>0</v>
      </c>
      <c r="GL18" s="114">
        <v>0</v>
      </c>
      <c r="GM18" s="114">
        <v>88480</v>
      </c>
      <c r="GN18" s="114">
        <v>0</v>
      </c>
      <c r="GO18" s="114">
        <v>0</v>
      </c>
      <c r="GP18" s="114">
        <v>0</v>
      </c>
      <c r="GQ18" s="113">
        <v>88480</v>
      </c>
      <c r="GR18" s="116">
        <v>158970</v>
      </c>
      <c r="GS18" s="110">
        <v>0</v>
      </c>
      <c r="GT18" s="114">
        <v>0</v>
      </c>
      <c r="GU18" s="113">
        <v>0</v>
      </c>
      <c r="GV18" s="110">
        <v>0</v>
      </c>
      <c r="GW18" s="114">
        <v>0</v>
      </c>
      <c r="GX18" s="114">
        <v>50011</v>
      </c>
      <c r="GY18" s="114">
        <v>0</v>
      </c>
      <c r="GZ18" s="114">
        <v>0</v>
      </c>
      <c r="HA18" s="114">
        <v>0</v>
      </c>
      <c r="HB18" s="112">
        <v>50011</v>
      </c>
      <c r="HC18" s="116">
        <v>50011</v>
      </c>
      <c r="HD18" s="110">
        <v>429317</v>
      </c>
      <c r="HE18" s="114">
        <v>387259</v>
      </c>
      <c r="HF18" s="112">
        <v>816576</v>
      </c>
      <c r="HG18" s="111">
        <v>0</v>
      </c>
      <c r="HH18" s="114">
        <v>859307</v>
      </c>
      <c r="HI18" s="114">
        <v>1117934</v>
      </c>
      <c r="HJ18" s="114">
        <v>1751391</v>
      </c>
      <c r="HK18" s="114">
        <v>2547918</v>
      </c>
      <c r="HL18" s="114">
        <v>1234041</v>
      </c>
      <c r="HM18" s="113">
        <v>7510591</v>
      </c>
      <c r="HN18" s="109">
        <v>8327167</v>
      </c>
      <c r="HO18" s="326"/>
      <c r="HP18" s="327"/>
      <c r="HQ18" s="328"/>
      <c r="HR18" s="329"/>
      <c r="HS18" s="327"/>
      <c r="HT18" s="327"/>
      <c r="HU18" s="327"/>
      <c r="HV18" s="327"/>
      <c r="HW18" s="327"/>
      <c r="HX18" s="330"/>
      <c r="HY18" s="331"/>
      <c r="HZ18" s="150">
        <v>0</v>
      </c>
      <c r="IA18" s="135">
        <v>0</v>
      </c>
      <c r="IB18" s="150">
        <v>0</v>
      </c>
      <c r="IC18" s="134">
        <v>0</v>
      </c>
      <c r="ID18" s="135">
        <v>1034198</v>
      </c>
      <c r="IE18" s="136">
        <v>1677045</v>
      </c>
      <c r="IF18" s="137">
        <v>1129903</v>
      </c>
      <c r="IG18" s="135">
        <v>3068772</v>
      </c>
      <c r="IH18" s="137">
        <v>946567</v>
      </c>
      <c r="II18" s="138">
        <v>7856485</v>
      </c>
      <c r="IJ18" s="150">
        <v>7856485</v>
      </c>
      <c r="IK18" s="232">
        <v>0</v>
      </c>
      <c r="IL18" s="236">
        <v>0</v>
      </c>
      <c r="IM18" s="237">
        <v>0</v>
      </c>
      <c r="IN18" s="140"/>
      <c r="IO18" s="119">
        <v>0</v>
      </c>
      <c r="IP18" s="119">
        <v>0</v>
      </c>
      <c r="IQ18" s="119">
        <v>0</v>
      </c>
      <c r="IR18" s="119">
        <v>0</v>
      </c>
      <c r="IS18" s="119">
        <v>0</v>
      </c>
      <c r="IT18" s="141">
        <v>0</v>
      </c>
      <c r="IU18" s="318">
        <v>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927397</v>
      </c>
      <c r="JL18" s="119">
        <v>762866</v>
      </c>
      <c r="JM18" s="119">
        <v>456938</v>
      </c>
      <c r="JN18" s="119">
        <v>687433</v>
      </c>
      <c r="JO18" s="119">
        <v>140966</v>
      </c>
      <c r="JP18" s="120">
        <v>2975600</v>
      </c>
      <c r="JQ18" s="318">
        <v>2975600</v>
      </c>
      <c r="JR18" s="142">
        <v>0</v>
      </c>
      <c r="JS18" s="119">
        <v>0</v>
      </c>
      <c r="JT18" s="141">
        <v>0</v>
      </c>
      <c r="JU18" s="118">
        <v>0</v>
      </c>
      <c r="JV18" s="119">
        <v>0</v>
      </c>
      <c r="JW18" s="119">
        <v>0</v>
      </c>
      <c r="JX18" s="119">
        <v>0</v>
      </c>
      <c r="JY18" s="119">
        <v>0</v>
      </c>
      <c r="JZ18" s="119">
        <v>0</v>
      </c>
      <c r="KA18" s="120">
        <v>0</v>
      </c>
      <c r="KB18" s="318">
        <v>0</v>
      </c>
      <c r="KC18" s="234">
        <v>0</v>
      </c>
      <c r="KD18" s="230">
        <v>0</v>
      </c>
      <c r="KE18" s="120">
        <v>0</v>
      </c>
      <c r="KF18" s="118">
        <v>0</v>
      </c>
      <c r="KG18" s="119">
        <v>106801</v>
      </c>
      <c r="KH18" s="119">
        <v>472298</v>
      </c>
      <c r="KI18" s="119">
        <v>0</v>
      </c>
      <c r="KJ18" s="119">
        <v>691072</v>
      </c>
      <c r="KK18" s="119">
        <v>0</v>
      </c>
      <c r="KL18" s="120">
        <v>1270171</v>
      </c>
      <c r="KM18" s="143">
        <v>1270171</v>
      </c>
      <c r="KN18" s="232">
        <v>0</v>
      </c>
      <c r="KO18" s="236">
        <v>0</v>
      </c>
      <c r="KP18" s="237">
        <v>0</v>
      </c>
      <c r="KQ18" s="140"/>
      <c r="KR18" s="119">
        <v>0</v>
      </c>
      <c r="KS18" s="119">
        <v>221000</v>
      </c>
      <c r="KT18" s="119">
        <v>223012</v>
      </c>
      <c r="KU18" s="119">
        <v>455993</v>
      </c>
      <c r="KV18" s="119">
        <v>233582</v>
      </c>
      <c r="KW18" s="120">
        <v>1133587</v>
      </c>
      <c r="KX18" s="318">
        <v>1133587</v>
      </c>
      <c r="KY18" s="142">
        <v>0</v>
      </c>
      <c r="KZ18" s="119">
        <v>0</v>
      </c>
      <c r="LA18" s="120">
        <v>0</v>
      </c>
      <c r="LB18" s="145"/>
      <c r="LC18" s="119">
        <v>0</v>
      </c>
      <c r="LD18" s="119">
        <v>51138</v>
      </c>
      <c r="LE18" s="119">
        <v>0</v>
      </c>
      <c r="LF18" s="119">
        <v>386656</v>
      </c>
      <c r="LG18" s="119">
        <v>0</v>
      </c>
      <c r="LH18" s="120">
        <v>437794</v>
      </c>
      <c r="LI18" s="121">
        <v>437794</v>
      </c>
      <c r="LJ18" s="142">
        <v>0</v>
      </c>
      <c r="LK18" s="119">
        <v>0</v>
      </c>
      <c r="LL18" s="120">
        <v>0</v>
      </c>
      <c r="LM18" s="145"/>
      <c r="LN18" s="119">
        <v>0</v>
      </c>
      <c r="LO18" s="119">
        <v>0</v>
      </c>
      <c r="LP18" s="119">
        <v>227488</v>
      </c>
      <c r="LQ18" s="119">
        <v>0</v>
      </c>
      <c r="LR18" s="119">
        <v>262980</v>
      </c>
      <c r="LS18" s="120">
        <v>490468</v>
      </c>
      <c r="LT18" s="318">
        <v>490468</v>
      </c>
      <c r="LU18" s="142">
        <v>0</v>
      </c>
      <c r="LV18" s="119">
        <v>0</v>
      </c>
      <c r="LW18" s="120">
        <v>0</v>
      </c>
      <c r="LX18" s="145"/>
      <c r="LY18" s="119">
        <v>0</v>
      </c>
      <c r="LZ18" s="119">
        <v>169743</v>
      </c>
      <c r="MA18" s="119">
        <v>222465</v>
      </c>
      <c r="MB18" s="119">
        <v>847618</v>
      </c>
      <c r="MC18" s="119">
        <v>309039</v>
      </c>
      <c r="MD18" s="120">
        <v>1548865</v>
      </c>
      <c r="ME18" s="121">
        <v>1548865</v>
      </c>
      <c r="MF18" s="142">
        <v>0</v>
      </c>
      <c r="MG18" s="119">
        <v>0</v>
      </c>
      <c r="MH18" s="120">
        <v>0</v>
      </c>
      <c r="MI18" s="145"/>
      <c r="MJ18" s="119">
        <v>0</v>
      </c>
      <c r="MK18" s="119">
        <v>841224</v>
      </c>
      <c r="ML18" s="119">
        <v>2004060</v>
      </c>
      <c r="MM18" s="119">
        <v>3690844</v>
      </c>
      <c r="MN18" s="119">
        <v>1879880</v>
      </c>
      <c r="MO18" s="120">
        <v>8416008</v>
      </c>
      <c r="MP18" s="143">
        <v>8416008</v>
      </c>
      <c r="MQ18" s="142">
        <v>0</v>
      </c>
      <c r="MR18" s="119">
        <v>0</v>
      </c>
      <c r="MS18" s="120">
        <v>0</v>
      </c>
      <c r="MT18" s="145"/>
      <c r="MU18" s="119">
        <v>0</v>
      </c>
      <c r="MV18" s="119">
        <v>160995</v>
      </c>
      <c r="MW18" s="119">
        <v>490282</v>
      </c>
      <c r="MX18" s="119">
        <v>2146763</v>
      </c>
      <c r="MY18" s="119">
        <v>1320697</v>
      </c>
      <c r="MZ18" s="120">
        <v>4118737</v>
      </c>
      <c r="NA18" s="143">
        <v>4118737</v>
      </c>
      <c r="NB18" s="142">
        <v>0</v>
      </c>
      <c r="NC18" s="119">
        <v>0</v>
      </c>
      <c r="ND18" s="120">
        <v>0</v>
      </c>
      <c r="NE18" s="145"/>
      <c r="NF18" s="119">
        <v>0</v>
      </c>
      <c r="NG18" s="119">
        <v>680229</v>
      </c>
      <c r="NH18" s="119">
        <v>1513778</v>
      </c>
      <c r="NI18" s="119">
        <v>1241124</v>
      </c>
      <c r="NJ18" s="119">
        <v>559183</v>
      </c>
      <c r="NK18" s="120">
        <v>3994314</v>
      </c>
      <c r="NL18" s="318">
        <v>3994314</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02957</v>
      </c>
      <c r="OF18" s="119">
        <v>0</v>
      </c>
      <c r="OG18" s="120">
        <v>302957</v>
      </c>
      <c r="OH18" s="121">
        <v>302957</v>
      </c>
      <c r="OI18" s="142">
        <v>1044132</v>
      </c>
      <c r="OJ18" s="119">
        <v>1709203</v>
      </c>
      <c r="OK18" s="141">
        <v>2753335</v>
      </c>
      <c r="OL18" s="118">
        <v>0</v>
      </c>
      <c r="OM18" s="119">
        <v>7543245</v>
      </c>
      <c r="ON18" s="119">
        <v>9063579</v>
      </c>
      <c r="OO18" s="119">
        <v>10765702</v>
      </c>
      <c r="OP18" s="119">
        <v>14272943</v>
      </c>
      <c r="OQ18" s="119">
        <v>8523167</v>
      </c>
      <c r="OR18" s="120">
        <v>50168636</v>
      </c>
      <c r="OS18" s="143">
        <v>52921971</v>
      </c>
    </row>
    <row r="19" spans="2:409" ht="21" customHeight="1" x14ac:dyDescent="0.2">
      <c r="B19" s="126" t="s">
        <v>13</v>
      </c>
      <c r="C19" s="110">
        <v>289998</v>
      </c>
      <c r="D19" s="114">
        <v>455754</v>
      </c>
      <c r="E19" s="113">
        <v>745752</v>
      </c>
      <c r="F19" s="110">
        <v>0</v>
      </c>
      <c r="G19" s="170">
        <v>3388231</v>
      </c>
      <c r="H19" s="114">
        <v>4821446</v>
      </c>
      <c r="I19" s="114">
        <v>4062589</v>
      </c>
      <c r="J19" s="114">
        <v>4355019</v>
      </c>
      <c r="K19" s="114">
        <v>3838947</v>
      </c>
      <c r="L19" s="112">
        <v>20466232</v>
      </c>
      <c r="M19" s="116">
        <v>21211984</v>
      </c>
      <c r="N19" s="110">
        <v>81622</v>
      </c>
      <c r="O19" s="114">
        <v>176404</v>
      </c>
      <c r="P19" s="113">
        <v>258026</v>
      </c>
      <c r="Q19" s="110">
        <v>0</v>
      </c>
      <c r="R19" s="114">
        <v>1144592</v>
      </c>
      <c r="S19" s="114">
        <v>2119068</v>
      </c>
      <c r="T19" s="114">
        <v>1572957</v>
      </c>
      <c r="U19" s="114">
        <v>1551882</v>
      </c>
      <c r="V19" s="114">
        <v>2647155</v>
      </c>
      <c r="W19" s="113">
        <v>9035654</v>
      </c>
      <c r="X19" s="116">
        <v>9293680</v>
      </c>
      <c r="Y19" s="110">
        <v>0</v>
      </c>
      <c r="Z19" s="114">
        <v>0</v>
      </c>
      <c r="AA19" s="113">
        <v>0</v>
      </c>
      <c r="AB19" s="110">
        <v>0</v>
      </c>
      <c r="AC19" s="114">
        <v>416903</v>
      </c>
      <c r="AD19" s="114">
        <v>1264205</v>
      </c>
      <c r="AE19" s="114">
        <v>978791</v>
      </c>
      <c r="AF19" s="114">
        <v>654063</v>
      </c>
      <c r="AG19" s="114">
        <v>1840155</v>
      </c>
      <c r="AH19" s="113">
        <v>5154117</v>
      </c>
      <c r="AI19" s="116">
        <v>5154117</v>
      </c>
      <c r="AJ19" s="110">
        <v>0</v>
      </c>
      <c r="AK19" s="114">
        <v>0</v>
      </c>
      <c r="AL19" s="113">
        <v>0</v>
      </c>
      <c r="AM19" s="110">
        <v>0</v>
      </c>
      <c r="AN19" s="114">
        <v>0</v>
      </c>
      <c r="AO19" s="114">
        <v>0</v>
      </c>
      <c r="AP19" s="114">
        <v>51769</v>
      </c>
      <c r="AQ19" s="114">
        <v>144811</v>
      </c>
      <c r="AR19" s="114">
        <v>0</v>
      </c>
      <c r="AS19" s="113">
        <v>196580</v>
      </c>
      <c r="AT19" s="116">
        <v>196580</v>
      </c>
      <c r="AU19" s="110">
        <v>9697</v>
      </c>
      <c r="AV19" s="114">
        <v>119221</v>
      </c>
      <c r="AW19" s="113">
        <v>128918</v>
      </c>
      <c r="AX19" s="110">
        <v>0</v>
      </c>
      <c r="AY19" s="114">
        <v>478368</v>
      </c>
      <c r="AZ19" s="114">
        <v>475364</v>
      </c>
      <c r="BA19" s="114">
        <v>325068</v>
      </c>
      <c r="BB19" s="114">
        <v>418892</v>
      </c>
      <c r="BC19" s="114">
        <v>435190</v>
      </c>
      <c r="BD19" s="113">
        <v>2132882</v>
      </c>
      <c r="BE19" s="116">
        <v>2261800</v>
      </c>
      <c r="BF19" s="110">
        <v>0</v>
      </c>
      <c r="BG19" s="114">
        <v>0</v>
      </c>
      <c r="BH19" s="112">
        <v>0</v>
      </c>
      <c r="BI19" s="111">
        <v>0</v>
      </c>
      <c r="BJ19" s="114">
        <v>28534</v>
      </c>
      <c r="BK19" s="114">
        <v>93689</v>
      </c>
      <c r="BL19" s="114">
        <v>0</v>
      </c>
      <c r="BM19" s="114">
        <v>54963</v>
      </c>
      <c r="BN19" s="114">
        <v>108106</v>
      </c>
      <c r="BO19" s="113">
        <v>285292</v>
      </c>
      <c r="BP19" s="116">
        <v>285292</v>
      </c>
      <c r="BQ19" s="110">
        <v>71925</v>
      </c>
      <c r="BR19" s="114">
        <v>57183</v>
      </c>
      <c r="BS19" s="113">
        <v>129108</v>
      </c>
      <c r="BT19" s="110">
        <v>0</v>
      </c>
      <c r="BU19" s="114">
        <v>220787</v>
      </c>
      <c r="BV19" s="114">
        <v>285810</v>
      </c>
      <c r="BW19" s="114">
        <v>217329</v>
      </c>
      <c r="BX19" s="114">
        <v>279153</v>
      </c>
      <c r="BY19" s="114">
        <v>263704</v>
      </c>
      <c r="BZ19" s="113">
        <v>1266783</v>
      </c>
      <c r="CA19" s="116">
        <v>1395891</v>
      </c>
      <c r="CB19" s="110">
        <v>0</v>
      </c>
      <c r="CC19" s="114">
        <v>0</v>
      </c>
      <c r="CD19" s="113">
        <v>0</v>
      </c>
      <c r="CE19" s="110">
        <v>0</v>
      </c>
      <c r="CF19" s="114">
        <v>730525</v>
      </c>
      <c r="CG19" s="114">
        <v>853846</v>
      </c>
      <c r="CH19" s="114">
        <v>637009</v>
      </c>
      <c r="CI19" s="114">
        <v>347457</v>
      </c>
      <c r="CJ19" s="114">
        <v>122640</v>
      </c>
      <c r="CK19" s="113">
        <v>2691477</v>
      </c>
      <c r="CL19" s="116">
        <v>2691477</v>
      </c>
      <c r="CM19" s="110">
        <v>0</v>
      </c>
      <c r="CN19" s="114">
        <v>0</v>
      </c>
      <c r="CO19" s="113">
        <v>0</v>
      </c>
      <c r="CP19" s="111">
        <v>0</v>
      </c>
      <c r="CQ19" s="114">
        <v>706081</v>
      </c>
      <c r="CR19" s="114">
        <v>740210</v>
      </c>
      <c r="CS19" s="114">
        <v>462581</v>
      </c>
      <c r="CT19" s="114">
        <v>158746</v>
      </c>
      <c r="CU19" s="114">
        <v>22481</v>
      </c>
      <c r="CV19" s="113">
        <v>2090099</v>
      </c>
      <c r="CW19" s="116">
        <v>2090099</v>
      </c>
      <c r="CX19" s="110">
        <v>0</v>
      </c>
      <c r="CY19" s="114">
        <v>0</v>
      </c>
      <c r="CZ19" s="113">
        <v>0</v>
      </c>
      <c r="DA19" s="110">
        <v>0</v>
      </c>
      <c r="DB19" s="114">
        <v>24444</v>
      </c>
      <c r="DC19" s="114">
        <v>113636</v>
      </c>
      <c r="DD19" s="114">
        <v>174428</v>
      </c>
      <c r="DE19" s="114">
        <v>188711</v>
      </c>
      <c r="DF19" s="114">
        <v>100159</v>
      </c>
      <c r="DG19" s="113">
        <v>601378</v>
      </c>
      <c r="DH19" s="116">
        <v>601378</v>
      </c>
      <c r="DI19" s="110">
        <v>0</v>
      </c>
      <c r="DJ19" s="114">
        <v>0</v>
      </c>
      <c r="DK19" s="112">
        <v>0</v>
      </c>
      <c r="DL19" s="111">
        <v>0</v>
      </c>
      <c r="DM19" s="114">
        <v>0</v>
      </c>
      <c r="DN19" s="114">
        <v>174887</v>
      </c>
      <c r="DO19" s="114">
        <v>30963</v>
      </c>
      <c r="DP19" s="114">
        <v>158372</v>
      </c>
      <c r="DQ19" s="114">
        <v>0</v>
      </c>
      <c r="DR19" s="113">
        <v>364222</v>
      </c>
      <c r="DS19" s="116">
        <v>364222</v>
      </c>
      <c r="DT19" s="110">
        <v>0</v>
      </c>
      <c r="DU19" s="114">
        <v>0</v>
      </c>
      <c r="DV19" s="113">
        <v>0</v>
      </c>
      <c r="DW19" s="110">
        <v>0</v>
      </c>
      <c r="DX19" s="114">
        <v>0</v>
      </c>
      <c r="DY19" s="114">
        <v>174887</v>
      </c>
      <c r="DZ19" s="114">
        <v>30963</v>
      </c>
      <c r="EA19" s="114">
        <v>122376</v>
      </c>
      <c r="EB19" s="114">
        <v>0</v>
      </c>
      <c r="EC19" s="113">
        <v>328226</v>
      </c>
      <c r="ED19" s="116">
        <v>328226</v>
      </c>
      <c r="EE19" s="110">
        <v>0</v>
      </c>
      <c r="EF19" s="112">
        <v>0</v>
      </c>
      <c r="EG19" s="113">
        <v>0</v>
      </c>
      <c r="EH19" s="110">
        <v>0</v>
      </c>
      <c r="EI19" s="114">
        <v>0</v>
      </c>
      <c r="EJ19" s="114">
        <v>0</v>
      </c>
      <c r="EK19" s="114">
        <v>0</v>
      </c>
      <c r="EL19" s="114">
        <v>35996</v>
      </c>
      <c r="EM19" s="114">
        <v>0</v>
      </c>
      <c r="EN19" s="112">
        <v>35996</v>
      </c>
      <c r="EO19" s="116">
        <v>35996</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5"/>
      <c r="FE19" s="114">
        <v>0</v>
      </c>
      <c r="FF19" s="114">
        <v>0</v>
      </c>
      <c r="FG19" s="114">
        <v>0</v>
      </c>
      <c r="FH19" s="114">
        <v>0</v>
      </c>
      <c r="FI19" s="114">
        <v>0</v>
      </c>
      <c r="FJ19" s="113">
        <v>0</v>
      </c>
      <c r="FK19" s="116">
        <v>0</v>
      </c>
      <c r="FL19" s="110">
        <v>16996</v>
      </c>
      <c r="FM19" s="114">
        <v>113092</v>
      </c>
      <c r="FN19" s="113">
        <v>130088</v>
      </c>
      <c r="FO19" s="110">
        <v>0</v>
      </c>
      <c r="FP19" s="114">
        <v>75257</v>
      </c>
      <c r="FQ19" s="114">
        <v>535696</v>
      </c>
      <c r="FR19" s="114">
        <v>412342</v>
      </c>
      <c r="FS19" s="114">
        <v>161560</v>
      </c>
      <c r="FT19" s="114">
        <v>222369</v>
      </c>
      <c r="FU19" s="113">
        <v>1407224</v>
      </c>
      <c r="FV19" s="116">
        <v>1537312</v>
      </c>
      <c r="FW19" s="115">
        <v>16996</v>
      </c>
      <c r="FX19" s="114">
        <v>42518</v>
      </c>
      <c r="FY19" s="112">
        <v>59514</v>
      </c>
      <c r="FZ19" s="111">
        <v>0</v>
      </c>
      <c r="GA19" s="114">
        <v>75257</v>
      </c>
      <c r="GB19" s="114">
        <v>395696</v>
      </c>
      <c r="GC19" s="114">
        <v>272342</v>
      </c>
      <c r="GD19" s="114">
        <v>161560</v>
      </c>
      <c r="GE19" s="114">
        <v>206969</v>
      </c>
      <c r="GF19" s="113">
        <v>1111824</v>
      </c>
      <c r="GG19" s="316">
        <v>1171338</v>
      </c>
      <c r="GH19" s="115">
        <v>0</v>
      </c>
      <c r="GI19" s="114">
        <v>35574</v>
      </c>
      <c r="GJ19" s="112">
        <v>35574</v>
      </c>
      <c r="GK19" s="111">
        <v>0</v>
      </c>
      <c r="GL19" s="114">
        <v>0</v>
      </c>
      <c r="GM19" s="114">
        <v>0</v>
      </c>
      <c r="GN19" s="114">
        <v>0</v>
      </c>
      <c r="GO19" s="114">
        <v>0</v>
      </c>
      <c r="GP19" s="114">
        <v>0</v>
      </c>
      <c r="GQ19" s="113">
        <v>0</v>
      </c>
      <c r="GR19" s="116">
        <v>35574</v>
      </c>
      <c r="GS19" s="110">
        <v>0</v>
      </c>
      <c r="GT19" s="114">
        <v>35000</v>
      </c>
      <c r="GU19" s="113">
        <v>35000</v>
      </c>
      <c r="GV19" s="110">
        <v>0</v>
      </c>
      <c r="GW19" s="114">
        <v>0</v>
      </c>
      <c r="GX19" s="114">
        <v>140000</v>
      </c>
      <c r="GY19" s="114">
        <v>140000</v>
      </c>
      <c r="GZ19" s="114">
        <v>0</v>
      </c>
      <c r="HA19" s="114">
        <v>15400</v>
      </c>
      <c r="HB19" s="112">
        <v>295400</v>
      </c>
      <c r="HC19" s="116">
        <v>330400</v>
      </c>
      <c r="HD19" s="110">
        <v>191380</v>
      </c>
      <c r="HE19" s="114">
        <v>166258</v>
      </c>
      <c r="HF19" s="112">
        <v>357638</v>
      </c>
      <c r="HG19" s="111">
        <v>0</v>
      </c>
      <c r="HH19" s="114">
        <v>1437857</v>
      </c>
      <c r="HI19" s="114">
        <v>1137949</v>
      </c>
      <c r="HJ19" s="114">
        <v>1409318</v>
      </c>
      <c r="HK19" s="114">
        <v>2135748</v>
      </c>
      <c r="HL19" s="114">
        <v>846783</v>
      </c>
      <c r="HM19" s="113">
        <v>6967655</v>
      </c>
      <c r="HN19" s="109">
        <v>7325293</v>
      </c>
      <c r="HO19" s="326"/>
      <c r="HP19" s="327"/>
      <c r="HQ19" s="328"/>
      <c r="HR19" s="329"/>
      <c r="HS19" s="327"/>
      <c r="HT19" s="327"/>
      <c r="HU19" s="327"/>
      <c r="HV19" s="327"/>
      <c r="HW19" s="327"/>
      <c r="HX19" s="330"/>
      <c r="HY19" s="331"/>
      <c r="HZ19" s="131">
        <v>0</v>
      </c>
      <c r="IA19" s="132">
        <v>0</v>
      </c>
      <c r="IB19" s="133">
        <v>0</v>
      </c>
      <c r="IC19" s="146">
        <v>0</v>
      </c>
      <c r="ID19" s="132">
        <v>288009</v>
      </c>
      <c r="IE19" s="147">
        <v>898107</v>
      </c>
      <c r="IF19" s="133">
        <v>434469</v>
      </c>
      <c r="IG19" s="132">
        <v>347775</v>
      </c>
      <c r="IH19" s="133">
        <v>239067</v>
      </c>
      <c r="II19" s="148">
        <v>2207427</v>
      </c>
      <c r="IJ19" s="139">
        <v>2207427</v>
      </c>
      <c r="IK19" s="232">
        <v>0</v>
      </c>
      <c r="IL19" s="236">
        <v>0</v>
      </c>
      <c r="IM19" s="237">
        <v>0</v>
      </c>
      <c r="IN19" s="140"/>
      <c r="IO19" s="119">
        <v>0</v>
      </c>
      <c r="IP19" s="119">
        <v>0</v>
      </c>
      <c r="IQ19" s="119">
        <v>0</v>
      </c>
      <c r="IR19" s="119">
        <v>0</v>
      </c>
      <c r="IS19" s="119">
        <v>0</v>
      </c>
      <c r="IT19" s="141">
        <v>0</v>
      </c>
      <c r="IU19" s="318">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288009</v>
      </c>
      <c r="JL19" s="119">
        <v>523823</v>
      </c>
      <c r="JM19" s="119">
        <v>225333</v>
      </c>
      <c r="JN19" s="119">
        <v>147633</v>
      </c>
      <c r="JO19" s="119">
        <v>30676</v>
      </c>
      <c r="JP19" s="120">
        <v>1215474</v>
      </c>
      <c r="JQ19" s="318">
        <v>1215474</v>
      </c>
      <c r="JR19" s="142">
        <v>0</v>
      </c>
      <c r="JS19" s="119">
        <v>0</v>
      </c>
      <c r="JT19" s="141">
        <v>0</v>
      </c>
      <c r="JU19" s="118">
        <v>0</v>
      </c>
      <c r="JV19" s="119">
        <v>0</v>
      </c>
      <c r="JW19" s="119">
        <v>0</v>
      </c>
      <c r="JX19" s="119">
        <v>0</v>
      </c>
      <c r="JY19" s="119">
        <v>0</v>
      </c>
      <c r="JZ19" s="119">
        <v>0</v>
      </c>
      <c r="KA19" s="120">
        <v>0</v>
      </c>
      <c r="KB19" s="318">
        <v>0</v>
      </c>
      <c r="KC19" s="234">
        <v>0</v>
      </c>
      <c r="KD19" s="230">
        <v>0</v>
      </c>
      <c r="KE19" s="120">
        <v>0</v>
      </c>
      <c r="KF19" s="118">
        <v>0</v>
      </c>
      <c r="KG19" s="119">
        <v>0</v>
      </c>
      <c r="KH19" s="119">
        <v>149396</v>
      </c>
      <c r="KI19" s="119">
        <v>209136</v>
      </c>
      <c r="KJ19" s="119">
        <v>0</v>
      </c>
      <c r="KK19" s="119">
        <v>0</v>
      </c>
      <c r="KL19" s="120">
        <v>358532</v>
      </c>
      <c r="KM19" s="143">
        <v>358532</v>
      </c>
      <c r="KN19" s="232">
        <v>0</v>
      </c>
      <c r="KO19" s="236">
        <v>0</v>
      </c>
      <c r="KP19" s="237">
        <v>0</v>
      </c>
      <c r="KQ19" s="140"/>
      <c r="KR19" s="119">
        <v>0</v>
      </c>
      <c r="KS19" s="119">
        <v>224888</v>
      </c>
      <c r="KT19" s="119">
        <v>0</v>
      </c>
      <c r="KU19" s="119">
        <v>200142</v>
      </c>
      <c r="KV19" s="119">
        <v>0</v>
      </c>
      <c r="KW19" s="120">
        <v>425030</v>
      </c>
      <c r="KX19" s="318">
        <v>425030</v>
      </c>
      <c r="KY19" s="142">
        <v>0</v>
      </c>
      <c r="KZ19" s="119">
        <v>0</v>
      </c>
      <c r="LA19" s="120">
        <v>0</v>
      </c>
      <c r="LB19" s="145"/>
      <c r="LC19" s="119">
        <v>0</v>
      </c>
      <c r="LD19" s="119">
        <v>0</v>
      </c>
      <c r="LE19" s="119">
        <v>0</v>
      </c>
      <c r="LF19" s="119">
        <v>0</v>
      </c>
      <c r="LG19" s="119">
        <v>208391</v>
      </c>
      <c r="LH19" s="120">
        <v>208391</v>
      </c>
      <c r="LI19" s="121">
        <v>208391</v>
      </c>
      <c r="LJ19" s="142">
        <v>0</v>
      </c>
      <c r="LK19" s="119">
        <v>0</v>
      </c>
      <c r="LL19" s="120">
        <v>0</v>
      </c>
      <c r="LM19" s="145"/>
      <c r="LN19" s="119">
        <v>0</v>
      </c>
      <c r="LO19" s="119">
        <v>0</v>
      </c>
      <c r="LP19" s="119">
        <v>0</v>
      </c>
      <c r="LQ19" s="119">
        <v>0</v>
      </c>
      <c r="LR19" s="119">
        <v>0</v>
      </c>
      <c r="LS19" s="120">
        <v>0</v>
      </c>
      <c r="LT19" s="318">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182511</v>
      </c>
      <c r="ML19" s="119">
        <v>1391065</v>
      </c>
      <c r="MM19" s="119">
        <v>1981790</v>
      </c>
      <c r="MN19" s="119">
        <v>2471440</v>
      </c>
      <c r="MO19" s="120">
        <v>6026806</v>
      </c>
      <c r="MP19" s="143">
        <v>6026806</v>
      </c>
      <c r="MQ19" s="142">
        <v>0</v>
      </c>
      <c r="MR19" s="119">
        <v>0</v>
      </c>
      <c r="MS19" s="120">
        <v>0</v>
      </c>
      <c r="MT19" s="145"/>
      <c r="MU19" s="119">
        <v>0</v>
      </c>
      <c r="MV19" s="119">
        <v>0</v>
      </c>
      <c r="MW19" s="119">
        <v>635123</v>
      </c>
      <c r="MX19" s="119">
        <v>1417934</v>
      </c>
      <c r="MY19" s="119">
        <v>1553536</v>
      </c>
      <c r="MZ19" s="120">
        <v>3606593</v>
      </c>
      <c r="NA19" s="143">
        <v>3606593</v>
      </c>
      <c r="NB19" s="142">
        <v>0</v>
      </c>
      <c r="NC19" s="119">
        <v>0</v>
      </c>
      <c r="ND19" s="120">
        <v>0</v>
      </c>
      <c r="NE19" s="145"/>
      <c r="NF19" s="119">
        <v>0</v>
      </c>
      <c r="NG19" s="119">
        <v>182511</v>
      </c>
      <c r="NH19" s="119">
        <v>755942</v>
      </c>
      <c r="NI19" s="119">
        <v>563856</v>
      </c>
      <c r="NJ19" s="119">
        <v>917904</v>
      </c>
      <c r="NK19" s="120">
        <v>2420213</v>
      </c>
      <c r="NL19" s="318">
        <v>2420213</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289998</v>
      </c>
      <c r="OJ19" s="119">
        <v>455754</v>
      </c>
      <c r="OK19" s="141">
        <v>745752</v>
      </c>
      <c r="OL19" s="118">
        <v>0</v>
      </c>
      <c r="OM19" s="119">
        <v>3676240</v>
      </c>
      <c r="ON19" s="119">
        <v>5902064</v>
      </c>
      <c r="OO19" s="119">
        <v>5888123</v>
      </c>
      <c r="OP19" s="119">
        <v>6684584</v>
      </c>
      <c r="OQ19" s="119">
        <v>6549454</v>
      </c>
      <c r="OR19" s="120">
        <v>28700465</v>
      </c>
      <c r="OS19" s="143">
        <v>29446217</v>
      </c>
    </row>
    <row r="20" spans="2:409" ht="21" customHeight="1" x14ac:dyDescent="0.2">
      <c r="B20" s="126" t="s">
        <v>15</v>
      </c>
      <c r="C20" s="110">
        <v>67171</v>
      </c>
      <c r="D20" s="114">
        <v>141924</v>
      </c>
      <c r="E20" s="113">
        <v>209095</v>
      </c>
      <c r="F20" s="109">
        <v>0</v>
      </c>
      <c r="G20" s="114">
        <v>1145754</v>
      </c>
      <c r="H20" s="114">
        <v>1190702</v>
      </c>
      <c r="I20" s="114">
        <v>845777</v>
      </c>
      <c r="J20" s="114">
        <v>1602299</v>
      </c>
      <c r="K20" s="114">
        <v>1426368</v>
      </c>
      <c r="L20" s="109">
        <v>6210900</v>
      </c>
      <c r="M20" s="116">
        <v>6419995</v>
      </c>
      <c r="N20" s="110">
        <v>13174</v>
      </c>
      <c r="O20" s="114">
        <v>34521</v>
      </c>
      <c r="P20" s="113">
        <v>47695</v>
      </c>
      <c r="Q20" s="110">
        <v>0</v>
      </c>
      <c r="R20" s="114">
        <v>111255</v>
      </c>
      <c r="S20" s="114">
        <v>323457</v>
      </c>
      <c r="T20" s="114">
        <v>129401</v>
      </c>
      <c r="U20" s="114">
        <v>443199</v>
      </c>
      <c r="V20" s="114">
        <v>925544</v>
      </c>
      <c r="W20" s="113">
        <v>1932856</v>
      </c>
      <c r="X20" s="116">
        <v>1980551</v>
      </c>
      <c r="Y20" s="110">
        <v>0</v>
      </c>
      <c r="Z20" s="114">
        <v>0</v>
      </c>
      <c r="AA20" s="113">
        <v>0</v>
      </c>
      <c r="AB20" s="110">
        <v>0</v>
      </c>
      <c r="AC20" s="114">
        <v>76273</v>
      </c>
      <c r="AD20" s="114">
        <v>150722</v>
      </c>
      <c r="AE20" s="114">
        <v>5025</v>
      </c>
      <c r="AF20" s="114">
        <v>207941</v>
      </c>
      <c r="AG20" s="114">
        <v>306739</v>
      </c>
      <c r="AH20" s="113">
        <v>746700</v>
      </c>
      <c r="AI20" s="116">
        <v>746700</v>
      </c>
      <c r="AJ20" s="110">
        <v>0</v>
      </c>
      <c r="AK20" s="114">
        <v>0</v>
      </c>
      <c r="AL20" s="113">
        <v>0</v>
      </c>
      <c r="AM20" s="110">
        <v>0</v>
      </c>
      <c r="AN20" s="114">
        <v>0</v>
      </c>
      <c r="AO20" s="114">
        <v>32917</v>
      </c>
      <c r="AP20" s="114">
        <v>0</v>
      </c>
      <c r="AQ20" s="114">
        <v>0</v>
      </c>
      <c r="AR20" s="114">
        <v>235297</v>
      </c>
      <c r="AS20" s="113">
        <v>268214</v>
      </c>
      <c r="AT20" s="116">
        <v>268214</v>
      </c>
      <c r="AU20" s="110">
        <v>0</v>
      </c>
      <c r="AV20" s="114">
        <v>7381</v>
      </c>
      <c r="AW20" s="113">
        <v>7381</v>
      </c>
      <c r="AX20" s="110">
        <v>0</v>
      </c>
      <c r="AY20" s="114">
        <v>11042</v>
      </c>
      <c r="AZ20" s="114">
        <v>33180</v>
      </c>
      <c r="BA20" s="114">
        <v>67410</v>
      </c>
      <c r="BB20" s="114">
        <v>146897</v>
      </c>
      <c r="BC20" s="114">
        <v>228263</v>
      </c>
      <c r="BD20" s="113">
        <v>486792</v>
      </c>
      <c r="BE20" s="116">
        <v>494173</v>
      </c>
      <c r="BF20" s="110">
        <v>0</v>
      </c>
      <c r="BG20" s="114">
        <v>13868</v>
      </c>
      <c r="BH20" s="112">
        <v>13868</v>
      </c>
      <c r="BI20" s="111">
        <v>0</v>
      </c>
      <c r="BJ20" s="114">
        <v>0</v>
      </c>
      <c r="BK20" s="114">
        <v>0</v>
      </c>
      <c r="BL20" s="114">
        <v>0</v>
      </c>
      <c r="BM20" s="114">
        <v>0</v>
      </c>
      <c r="BN20" s="114">
        <v>76278</v>
      </c>
      <c r="BO20" s="113">
        <v>76278</v>
      </c>
      <c r="BP20" s="116">
        <v>90146</v>
      </c>
      <c r="BQ20" s="110">
        <v>13174</v>
      </c>
      <c r="BR20" s="114">
        <v>13272</v>
      </c>
      <c r="BS20" s="113">
        <v>26446</v>
      </c>
      <c r="BT20" s="110">
        <v>0</v>
      </c>
      <c r="BU20" s="114">
        <v>23940</v>
      </c>
      <c r="BV20" s="114">
        <v>106638</v>
      </c>
      <c r="BW20" s="114">
        <v>56966</v>
      </c>
      <c r="BX20" s="114">
        <v>88361</v>
      </c>
      <c r="BY20" s="114">
        <v>78967</v>
      </c>
      <c r="BZ20" s="113">
        <v>354872</v>
      </c>
      <c r="CA20" s="116">
        <v>381318</v>
      </c>
      <c r="CB20" s="110">
        <v>0</v>
      </c>
      <c r="CC20" s="114">
        <v>0</v>
      </c>
      <c r="CD20" s="113">
        <v>0</v>
      </c>
      <c r="CE20" s="110">
        <v>0</v>
      </c>
      <c r="CF20" s="114">
        <v>146874</v>
      </c>
      <c r="CG20" s="114">
        <v>262391</v>
      </c>
      <c r="CH20" s="114">
        <v>68086</v>
      </c>
      <c r="CI20" s="114">
        <v>300648</v>
      </c>
      <c r="CJ20" s="114">
        <v>200718</v>
      </c>
      <c r="CK20" s="113">
        <v>978717</v>
      </c>
      <c r="CL20" s="116">
        <v>978717</v>
      </c>
      <c r="CM20" s="110">
        <v>0</v>
      </c>
      <c r="CN20" s="114">
        <v>0</v>
      </c>
      <c r="CO20" s="113">
        <v>0</v>
      </c>
      <c r="CP20" s="111">
        <v>0</v>
      </c>
      <c r="CQ20" s="114">
        <v>122808</v>
      </c>
      <c r="CR20" s="114">
        <v>159155</v>
      </c>
      <c r="CS20" s="114">
        <v>0</v>
      </c>
      <c r="CT20" s="114">
        <v>102269</v>
      </c>
      <c r="CU20" s="114">
        <v>0</v>
      </c>
      <c r="CV20" s="113">
        <v>384232</v>
      </c>
      <c r="CW20" s="116">
        <v>384232</v>
      </c>
      <c r="CX20" s="110">
        <v>0</v>
      </c>
      <c r="CY20" s="114">
        <v>0</v>
      </c>
      <c r="CZ20" s="113">
        <v>0</v>
      </c>
      <c r="DA20" s="110">
        <v>0</v>
      </c>
      <c r="DB20" s="114">
        <v>24066</v>
      </c>
      <c r="DC20" s="114">
        <v>103236</v>
      </c>
      <c r="DD20" s="114">
        <v>68086</v>
      </c>
      <c r="DE20" s="114">
        <v>198379</v>
      </c>
      <c r="DF20" s="114">
        <v>200718</v>
      </c>
      <c r="DG20" s="113">
        <v>594485</v>
      </c>
      <c r="DH20" s="116">
        <v>594485</v>
      </c>
      <c r="DI20" s="110">
        <v>0</v>
      </c>
      <c r="DJ20" s="114">
        <v>0</v>
      </c>
      <c r="DK20" s="112">
        <v>0</v>
      </c>
      <c r="DL20" s="111">
        <v>0</v>
      </c>
      <c r="DM20" s="114">
        <v>0</v>
      </c>
      <c r="DN20" s="114">
        <v>0</v>
      </c>
      <c r="DO20" s="114">
        <v>242756</v>
      </c>
      <c r="DP20" s="114">
        <v>78157</v>
      </c>
      <c r="DQ20" s="114">
        <v>0</v>
      </c>
      <c r="DR20" s="113">
        <v>320913</v>
      </c>
      <c r="DS20" s="116">
        <v>320913</v>
      </c>
      <c r="DT20" s="110">
        <v>0</v>
      </c>
      <c r="DU20" s="114">
        <v>0</v>
      </c>
      <c r="DV20" s="113">
        <v>0</v>
      </c>
      <c r="DW20" s="110">
        <v>0</v>
      </c>
      <c r="DX20" s="114">
        <v>0</v>
      </c>
      <c r="DY20" s="114">
        <v>0</v>
      </c>
      <c r="DZ20" s="114">
        <v>242756</v>
      </c>
      <c r="EA20" s="114">
        <v>78157</v>
      </c>
      <c r="EB20" s="114">
        <v>0</v>
      </c>
      <c r="EC20" s="113">
        <v>320913</v>
      </c>
      <c r="ED20" s="116">
        <v>320913</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5"/>
      <c r="FE20" s="114">
        <v>0</v>
      </c>
      <c r="FF20" s="114">
        <v>0</v>
      </c>
      <c r="FG20" s="114">
        <v>0</v>
      </c>
      <c r="FH20" s="114">
        <v>0</v>
      </c>
      <c r="FI20" s="114">
        <v>0</v>
      </c>
      <c r="FJ20" s="113">
        <v>0</v>
      </c>
      <c r="FK20" s="116">
        <v>0</v>
      </c>
      <c r="FL20" s="110">
        <v>2100</v>
      </c>
      <c r="FM20" s="114">
        <v>23450</v>
      </c>
      <c r="FN20" s="113">
        <v>25550</v>
      </c>
      <c r="FO20" s="110">
        <v>0</v>
      </c>
      <c r="FP20" s="114">
        <v>32676</v>
      </c>
      <c r="FQ20" s="114">
        <v>130111</v>
      </c>
      <c r="FR20" s="114">
        <v>48216</v>
      </c>
      <c r="FS20" s="114">
        <v>130613</v>
      </c>
      <c r="FT20" s="114">
        <v>86478</v>
      </c>
      <c r="FU20" s="113">
        <v>428094</v>
      </c>
      <c r="FV20" s="116">
        <v>453644</v>
      </c>
      <c r="FW20" s="115">
        <v>2100</v>
      </c>
      <c r="FX20" s="114">
        <v>23450</v>
      </c>
      <c r="FY20" s="112">
        <v>25550</v>
      </c>
      <c r="FZ20" s="111">
        <v>0</v>
      </c>
      <c r="GA20" s="114">
        <v>32676</v>
      </c>
      <c r="GB20" s="114">
        <v>130111</v>
      </c>
      <c r="GC20" s="114">
        <v>48216</v>
      </c>
      <c r="GD20" s="114">
        <v>130613</v>
      </c>
      <c r="GE20" s="114">
        <v>86478</v>
      </c>
      <c r="GF20" s="113">
        <v>428094</v>
      </c>
      <c r="GG20" s="316">
        <v>453644</v>
      </c>
      <c r="GH20" s="115">
        <v>0</v>
      </c>
      <c r="GI20" s="114">
        <v>0</v>
      </c>
      <c r="GJ20" s="112">
        <v>0</v>
      </c>
      <c r="GK20" s="111">
        <v>0</v>
      </c>
      <c r="GL20" s="114">
        <v>0</v>
      </c>
      <c r="GM20" s="114">
        <v>0</v>
      </c>
      <c r="GN20" s="114">
        <v>0</v>
      </c>
      <c r="GO20" s="114">
        <v>0</v>
      </c>
      <c r="GP20" s="114">
        <v>0</v>
      </c>
      <c r="GQ20" s="113">
        <v>0</v>
      </c>
      <c r="GR20" s="116">
        <v>0</v>
      </c>
      <c r="GS20" s="110">
        <v>0</v>
      </c>
      <c r="GT20" s="114">
        <v>0</v>
      </c>
      <c r="GU20" s="113">
        <v>0</v>
      </c>
      <c r="GV20" s="110">
        <v>0</v>
      </c>
      <c r="GW20" s="114">
        <v>0</v>
      </c>
      <c r="GX20" s="114">
        <v>0</v>
      </c>
      <c r="GY20" s="114">
        <v>0</v>
      </c>
      <c r="GZ20" s="114">
        <v>0</v>
      </c>
      <c r="HA20" s="114">
        <v>0</v>
      </c>
      <c r="HB20" s="112">
        <v>0</v>
      </c>
      <c r="HC20" s="116">
        <v>0</v>
      </c>
      <c r="HD20" s="110">
        <v>51897</v>
      </c>
      <c r="HE20" s="114">
        <v>83953</v>
      </c>
      <c r="HF20" s="112">
        <v>135850</v>
      </c>
      <c r="HG20" s="111">
        <v>0</v>
      </c>
      <c r="HH20" s="114">
        <v>854949</v>
      </c>
      <c r="HI20" s="114">
        <v>474743</v>
      </c>
      <c r="HJ20" s="114">
        <v>357318</v>
      </c>
      <c r="HK20" s="114">
        <v>649682</v>
      </c>
      <c r="HL20" s="114">
        <v>213628</v>
      </c>
      <c r="HM20" s="113">
        <v>2550320</v>
      </c>
      <c r="HN20" s="109">
        <v>2686170</v>
      </c>
      <c r="HO20" s="326"/>
      <c r="HP20" s="327"/>
      <c r="HQ20" s="328"/>
      <c r="HR20" s="329"/>
      <c r="HS20" s="327"/>
      <c r="HT20" s="327"/>
      <c r="HU20" s="327"/>
      <c r="HV20" s="327"/>
      <c r="HW20" s="327"/>
      <c r="HX20" s="330"/>
      <c r="HY20" s="331"/>
      <c r="HZ20" s="150">
        <v>0</v>
      </c>
      <c r="IA20" s="135">
        <v>0</v>
      </c>
      <c r="IB20" s="150">
        <v>0</v>
      </c>
      <c r="IC20" s="134">
        <v>0</v>
      </c>
      <c r="ID20" s="135">
        <v>184701</v>
      </c>
      <c r="IE20" s="136">
        <v>998548</v>
      </c>
      <c r="IF20" s="137">
        <v>323480</v>
      </c>
      <c r="IG20" s="135">
        <v>390475</v>
      </c>
      <c r="IH20" s="137">
        <v>75396</v>
      </c>
      <c r="II20" s="138">
        <v>1972600</v>
      </c>
      <c r="IJ20" s="150">
        <v>1972600</v>
      </c>
      <c r="IK20" s="232">
        <v>0</v>
      </c>
      <c r="IL20" s="236">
        <v>0</v>
      </c>
      <c r="IM20" s="237">
        <v>0</v>
      </c>
      <c r="IN20" s="140"/>
      <c r="IO20" s="119">
        <v>0</v>
      </c>
      <c r="IP20" s="119">
        <v>0</v>
      </c>
      <c r="IQ20" s="119">
        <v>177287</v>
      </c>
      <c r="IR20" s="119">
        <v>0</v>
      </c>
      <c r="IS20" s="119">
        <v>0</v>
      </c>
      <c r="IT20" s="141">
        <v>177287</v>
      </c>
      <c r="IU20" s="318">
        <v>177287</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84701</v>
      </c>
      <c r="JL20" s="119">
        <v>226785</v>
      </c>
      <c r="JM20" s="119">
        <v>146193</v>
      </c>
      <c r="JN20" s="119">
        <v>56418</v>
      </c>
      <c r="JO20" s="119">
        <v>75396</v>
      </c>
      <c r="JP20" s="120">
        <v>689493</v>
      </c>
      <c r="JQ20" s="318">
        <v>689493</v>
      </c>
      <c r="JR20" s="142">
        <v>0</v>
      </c>
      <c r="JS20" s="119">
        <v>0</v>
      </c>
      <c r="JT20" s="141">
        <v>0</v>
      </c>
      <c r="JU20" s="118">
        <v>0</v>
      </c>
      <c r="JV20" s="119">
        <v>0</v>
      </c>
      <c r="JW20" s="119">
        <v>0</v>
      </c>
      <c r="JX20" s="119">
        <v>0</v>
      </c>
      <c r="JY20" s="119">
        <v>0</v>
      </c>
      <c r="JZ20" s="119">
        <v>0</v>
      </c>
      <c r="KA20" s="120">
        <v>0</v>
      </c>
      <c r="KB20" s="318">
        <v>0</v>
      </c>
      <c r="KC20" s="234">
        <v>0</v>
      </c>
      <c r="KD20" s="230">
        <v>0</v>
      </c>
      <c r="KE20" s="120">
        <v>0</v>
      </c>
      <c r="KF20" s="118">
        <v>0</v>
      </c>
      <c r="KG20" s="119">
        <v>0</v>
      </c>
      <c r="KH20" s="119">
        <v>139478</v>
      </c>
      <c r="KI20" s="119">
        <v>0</v>
      </c>
      <c r="KJ20" s="119">
        <v>0</v>
      </c>
      <c r="KK20" s="119">
        <v>0</v>
      </c>
      <c r="KL20" s="120">
        <v>139478</v>
      </c>
      <c r="KM20" s="143">
        <v>139478</v>
      </c>
      <c r="KN20" s="232">
        <v>0</v>
      </c>
      <c r="KO20" s="236">
        <v>0</v>
      </c>
      <c r="KP20" s="237">
        <v>0</v>
      </c>
      <c r="KQ20" s="140"/>
      <c r="KR20" s="119">
        <v>0</v>
      </c>
      <c r="KS20" s="119">
        <v>632285</v>
      </c>
      <c r="KT20" s="119">
        <v>0</v>
      </c>
      <c r="KU20" s="119">
        <v>223879</v>
      </c>
      <c r="KV20" s="119">
        <v>0</v>
      </c>
      <c r="KW20" s="120">
        <v>856164</v>
      </c>
      <c r="KX20" s="318">
        <v>856164</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110178</v>
      </c>
      <c r="LR20" s="119">
        <v>0</v>
      </c>
      <c r="LS20" s="120">
        <v>110178</v>
      </c>
      <c r="LT20" s="318">
        <v>110178</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0</v>
      </c>
      <c r="ML20" s="119">
        <v>434363</v>
      </c>
      <c r="MM20" s="119">
        <v>983859</v>
      </c>
      <c r="MN20" s="119">
        <v>514903</v>
      </c>
      <c r="MO20" s="120">
        <v>1933125</v>
      </c>
      <c r="MP20" s="143">
        <v>1933125</v>
      </c>
      <c r="MQ20" s="142">
        <v>0</v>
      </c>
      <c r="MR20" s="119">
        <v>0</v>
      </c>
      <c r="MS20" s="120">
        <v>0</v>
      </c>
      <c r="MT20" s="145"/>
      <c r="MU20" s="119">
        <v>0</v>
      </c>
      <c r="MV20" s="119">
        <v>0</v>
      </c>
      <c r="MW20" s="119">
        <v>199420</v>
      </c>
      <c r="MX20" s="119">
        <v>410971</v>
      </c>
      <c r="MY20" s="119">
        <v>229170</v>
      </c>
      <c r="MZ20" s="120">
        <v>839561</v>
      </c>
      <c r="NA20" s="143">
        <v>839561</v>
      </c>
      <c r="NB20" s="142">
        <v>0</v>
      </c>
      <c r="NC20" s="119">
        <v>0</v>
      </c>
      <c r="ND20" s="120">
        <v>0</v>
      </c>
      <c r="NE20" s="145"/>
      <c r="NF20" s="119">
        <v>0</v>
      </c>
      <c r="NG20" s="119">
        <v>0</v>
      </c>
      <c r="NH20" s="119">
        <v>234943</v>
      </c>
      <c r="NI20" s="119">
        <v>572888</v>
      </c>
      <c r="NJ20" s="119">
        <v>285733</v>
      </c>
      <c r="NK20" s="120">
        <v>1093564</v>
      </c>
      <c r="NL20" s="318">
        <v>1093564</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67171</v>
      </c>
      <c r="OJ20" s="119">
        <v>141924</v>
      </c>
      <c r="OK20" s="141">
        <v>209095</v>
      </c>
      <c r="OL20" s="118">
        <v>0</v>
      </c>
      <c r="OM20" s="119">
        <v>1330455</v>
      </c>
      <c r="ON20" s="119">
        <v>2189250</v>
      </c>
      <c r="OO20" s="119">
        <v>1603620</v>
      </c>
      <c r="OP20" s="119">
        <v>2976633</v>
      </c>
      <c r="OQ20" s="119">
        <v>2016667</v>
      </c>
      <c r="OR20" s="120">
        <v>10116625</v>
      </c>
      <c r="OS20" s="143">
        <v>10325720</v>
      </c>
    </row>
    <row r="21" spans="2:409" ht="21" customHeight="1" x14ac:dyDescent="0.2">
      <c r="B21" s="126" t="s">
        <v>16</v>
      </c>
      <c r="C21" s="110">
        <v>218926</v>
      </c>
      <c r="D21" s="114">
        <v>460821</v>
      </c>
      <c r="E21" s="113">
        <v>679747</v>
      </c>
      <c r="F21" s="109">
        <v>0</v>
      </c>
      <c r="G21" s="114">
        <v>3866414</v>
      </c>
      <c r="H21" s="114">
        <v>5876827</v>
      </c>
      <c r="I21" s="114">
        <v>4673602</v>
      </c>
      <c r="J21" s="114">
        <v>3924865</v>
      </c>
      <c r="K21" s="114">
        <v>2710819</v>
      </c>
      <c r="L21" s="109">
        <v>21052527</v>
      </c>
      <c r="M21" s="116">
        <v>21732274</v>
      </c>
      <c r="N21" s="110">
        <v>56413</v>
      </c>
      <c r="O21" s="114">
        <v>42235</v>
      </c>
      <c r="P21" s="113">
        <v>98648</v>
      </c>
      <c r="Q21" s="110">
        <v>0</v>
      </c>
      <c r="R21" s="114">
        <v>539412</v>
      </c>
      <c r="S21" s="114">
        <v>1436383</v>
      </c>
      <c r="T21" s="114">
        <v>902546</v>
      </c>
      <c r="U21" s="114">
        <v>647295</v>
      </c>
      <c r="V21" s="114">
        <v>476418</v>
      </c>
      <c r="W21" s="113">
        <v>4002054</v>
      </c>
      <c r="X21" s="116">
        <v>4100702</v>
      </c>
      <c r="Y21" s="110">
        <v>0</v>
      </c>
      <c r="Z21" s="114">
        <v>0</v>
      </c>
      <c r="AA21" s="113">
        <v>0</v>
      </c>
      <c r="AB21" s="110">
        <v>0</v>
      </c>
      <c r="AC21" s="114">
        <v>222700</v>
      </c>
      <c r="AD21" s="114">
        <v>783928</v>
      </c>
      <c r="AE21" s="114">
        <v>378473</v>
      </c>
      <c r="AF21" s="114">
        <v>249221</v>
      </c>
      <c r="AG21" s="114">
        <v>142546</v>
      </c>
      <c r="AH21" s="113">
        <v>1776868</v>
      </c>
      <c r="AI21" s="116">
        <v>1776868</v>
      </c>
      <c r="AJ21" s="110">
        <v>0</v>
      </c>
      <c r="AK21" s="114">
        <v>0</v>
      </c>
      <c r="AL21" s="113">
        <v>0</v>
      </c>
      <c r="AM21" s="110">
        <v>0</v>
      </c>
      <c r="AN21" s="114">
        <v>0</v>
      </c>
      <c r="AO21" s="114">
        <v>0</v>
      </c>
      <c r="AP21" s="114">
        <v>0</v>
      </c>
      <c r="AQ21" s="114">
        <v>49810</v>
      </c>
      <c r="AR21" s="114">
        <v>59780</v>
      </c>
      <c r="AS21" s="113">
        <v>109590</v>
      </c>
      <c r="AT21" s="116">
        <v>109590</v>
      </c>
      <c r="AU21" s="110">
        <v>30786</v>
      </c>
      <c r="AV21" s="114">
        <v>23923</v>
      </c>
      <c r="AW21" s="113">
        <v>54709</v>
      </c>
      <c r="AX21" s="110">
        <v>0</v>
      </c>
      <c r="AY21" s="114">
        <v>155510</v>
      </c>
      <c r="AZ21" s="114">
        <v>444765</v>
      </c>
      <c r="BA21" s="114">
        <v>286902</v>
      </c>
      <c r="BB21" s="114">
        <v>129311</v>
      </c>
      <c r="BC21" s="114">
        <v>142331</v>
      </c>
      <c r="BD21" s="113">
        <v>1158819</v>
      </c>
      <c r="BE21" s="116">
        <v>1213528</v>
      </c>
      <c r="BF21" s="110">
        <v>0</v>
      </c>
      <c r="BG21" s="114">
        <v>0</v>
      </c>
      <c r="BH21" s="112">
        <v>0</v>
      </c>
      <c r="BI21" s="111">
        <v>0</v>
      </c>
      <c r="BJ21" s="114">
        <v>62215</v>
      </c>
      <c r="BK21" s="114">
        <v>27650</v>
      </c>
      <c r="BL21" s="114">
        <v>34563</v>
      </c>
      <c r="BM21" s="114">
        <v>0</v>
      </c>
      <c r="BN21" s="114">
        <v>0</v>
      </c>
      <c r="BO21" s="113">
        <v>124428</v>
      </c>
      <c r="BP21" s="116">
        <v>124428</v>
      </c>
      <c r="BQ21" s="110">
        <v>25627</v>
      </c>
      <c r="BR21" s="114">
        <v>18312</v>
      </c>
      <c r="BS21" s="113">
        <v>43939</v>
      </c>
      <c r="BT21" s="110">
        <v>0</v>
      </c>
      <c r="BU21" s="114">
        <v>98987</v>
      </c>
      <c r="BV21" s="114">
        <v>180040</v>
      </c>
      <c r="BW21" s="114">
        <v>202608</v>
      </c>
      <c r="BX21" s="114">
        <v>218953</v>
      </c>
      <c r="BY21" s="114">
        <v>131761</v>
      </c>
      <c r="BZ21" s="113">
        <v>832349</v>
      </c>
      <c r="CA21" s="116">
        <v>876288</v>
      </c>
      <c r="CB21" s="110">
        <v>37629</v>
      </c>
      <c r="CC21" s="114">
        <v>171074</v>
      </c>
      <c r="CD21" s="113">
        <v>208703</v>
      </c>
      <c r="CE21" s="110">
        <v>0</v>
      </c>
      <c r="CF21" s="114">
        <v>1589357</v>
      </c>
      <c r="CG21" s="114">
        <v>2232410</v>
      </c>
      <c r="CH21" s="114">
        <v>1226052</v>
      </c>
      <c r="CI21" s="114">
        <v>590164</v>
      </c>
      <c r="CJ21" s="114">
        <v>168212</v>
      </c>
      <c r="CK21" s="113">
        <v>5806195</v>
      </c>
      <c r="CL21" s="116">
        <v>6014898</v>
      </c>
      <c r="CM21" s="110">
        <v>0</v>
      </c>
      <c r="CN21" s="114">
        <v>0</v>
      </c>
      <c r="CO21" s="113">
        <v>0</v>
      </c>
      <c r="CP21" s="111">
        <v>0</v>
      </c>
      <c r="CQ21" s="114">
        <v>1184176</v>
      </c>
      <c r="CR21" s="114">
        <v>1361970</v>
      </c>
      <c r="CS21" s="114">
        <v>789668</v>
      </c>
      <c r="CT21" s="114">
        <v>349043</v>
      </c>
      <c r="CU21" s="114">
        <v>80450</v>
      </c>
      <c r="CV21" s="113">
        <v>3765307</v>
      </c>
      <c r="CW21" s="116">
        <v>3765307</v>
      </c>
      <c r="CX21" s="110">
        <v>37629</v>
      </c>
      <c r="CY21" s="114">
        <v>171074</v>
      </c>
      <c r="CZ21" s="113">
        <v>208703</v>
      </c>
      <c r="DA21" s="110">
        <v>0</v>
      </c>
      <c r="DB21" s="114">
        <v>405181</v>
      </c>
      <c r="DC21" s="114">
        <v>870440</v>
      </c>
      <c r="DD21" s="114">
        <v>436384</v>
      </c>
      <c r="DE21" s="114">
        <v>241121</v>
      </c>
      <c r="DF21" s="114">
        <v>87762</v>
      </c>
      <c r="DG21" s="113">
        <v>2040888</v>
      </c>
      <c r="DH21" s="116">
        <v>2249591</v>
      </c>
      <c r="DI21" s="110">
        <v>0</v>
      </c>
      <c r="DJ21" s="114">
        <v>0</v>
      </c>
      <c r="DK21" s="112">
        <v>0</v>
      </c>
      <c r="DL21" s="111">
        <v>0</v>
      </c>
      <c r="DM21" s="114">
        <v>300849</v>
      </c>
      <c r="DN21" s="114">
        <v>241498</v>
      </c>
      <c r="DO21" s="114">
        <v>313829</v>
      </c>
      <c r="DP21" s="114">
        <v>42084</v>
      </c>
      <c r="DQ21" s="114">
        <v>46068</v>
      </c>
      <c r="DR21" s="113">
        <v>944328</v>
      </c>
      <c r="DS21" s="116">
        <v>944328</v>
      </c>
      <c r="DT21" s="110">
        <v>0</v>
      </c>
      <c r="DU21" s="114">
        <v>0</v>
      </c>
      <c r="DV21" s="113">
        <v>0</v>
      </c>
      <c r="DW21" s="110">
        <v>0</v>
      </c>
      <c r="DX21" s="114">
        <v>241692</v>
      </c>
      <c r="DY21" s="114">
        <v>241498</v>
      </c>
      <c r="DZ21" s="114">
        <v>263436</v>
      </c>
      <c r="EA21" s="114">
        <v>42084</v>
      </c>
      <c r="EB21" s="114">
        <v>46068</v>
      </c>
      <c r="EC21" s="113">
        <v>834778</v>
      </c>
      <c r="ED21" s="116">
        <v>834778</v>
      </c>
      <c r="EE21" s="110">
        <v>0</v>
      </c>
      <c r="EF21" s="112">
        <v>0</v>
      </c>
      <c r="EG21" s="113">
        <v>0</v>
      </c>
      <c r="EH21" s="110">
        <v>0</v>
      </c>
      <c r="EI21" s="114">
        <v>59157</v>
      </c>
      <c r="EJ21" s="114">
        <v>0</v>
      </c>
      <c r="EK21" s="114">
        <v>50393</v>
      </c>
      <c r="EL21" s="114">
        <v>0</v>
      </c>
      <c r="EM21" s="114">
        <v>0</v>
      </c>
      <c r="EN21" s="112">
        <v>109550</v>
      </c>
      <c r="EO21" s="116">
        <v>109550</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5"/>
      <c r="FE21" s="114">
        <v>0</v>
      </c>
      <c r="FF21" s="114">
        <v>0</v>
      </c>
      <c r="FG21" s="114">
        <v>0</v>
      </c>
      <c r="FH21" s="114">
        <v>0</v>
      </c>
      <c r="FI21" s="114">
        <v>0</v>
      </c>
      <c r="FJ21" s="113">
        <v>0</v>
      </c>
      <c r="FK21" s="116">
        <v>0</v>
      </c>
      <c r="FL21" s="110">
        <v>33096</v>
      </c>
      <c r="FM21" s="114">
        <v>164666</v>
      </c>
      <c r="FN21" s="113">
        <v>197762</v>
      </c>
      <c r="FO21" s="110">
        <v>0</v>
      </c>
      <c r="FP21" s="114">
        <v>268310</v>
      </c>
      <c r="FQ21" s="114">
        <v>547729</v>
      </c>
      <c r="FR21" s="114">
        <v>294469</v>
      </c>
      <c r="FS21" s="114">
        <v>340358</v>
      </c>
      <c r="FT21" s="114">
        <v>289072</v>
      </c>
      <c r="FU21" s="113">
        <v>1739938</v>
      </c>
      <c r="FV21" s="116">
        <v>1937700</v>
      </c>
      <c r="FW21" s="115">
        <v>33096</v>
      </c>
      <c r="FX21" s="114">
        <v>64050</v>
      </c>
      <c r="FY21" s="112">
        <v>97146</v>
      </c>
      <c r="FZ21" s="111">
        <v>0</v>
      </c>
      <c r="GA21" s="114">
        <v>142800</v>
      </c>
      <c r="GB21" s="114">
        <v>493409</v>
      </c>
      <c r="GC21" s="114">
        <v>294469</v>
      </c>
      <c r="GD21" s="114">
        <v>209944</v>
      </c>
      <c r="GE21" s="114">
        <v>289072</v>
      </c>
      <c r="GF21" s="113">
        <v>1429694</v>
      </c>
      <c r="GG21" s="316">
        <v>1526840</v>
      </c>
      <c r="GH21" s="115">
        <v>0</v>
      </c>
      <c r="GI21" s="114">
        <v>0</v>
      </c>
      <c r="GJ21" s="112">
        <v>0</v>
      </c>
      <c r="GK21" s="111">
        <v>0</v>
      </c>
      <c r="GL21" s="114">
        <v>0</v>
      </c>
      <c r="GM21" s="114">
        <v>20020</v>
      </c>
      <c r="GN21" s="114">
        <v>0</v>
      </c>
      <c r="GO21" s="114">
        <v>70000</v>
      </c>
      <c r="GP21" s="114">
        <v>0</v>
      </c>
      <c r="GQ21" s="113">
        <v>90020</v>
      </c>
      <c r="GR21" s="116">
        <v>90020</v>
      </c>
      <c r="GS21" s="110">
        <v>0</v>
      </c>
      <c r="GT21" s="114">
        <v>100616</v>
      </c>
      <c r="GU21" s="113">
        <v>100616</v>
      </c>
      <c r="GV21" s="110">
        <v>0</v>
      </c>
      <c r="GW21" s="114">
        <v>125510</v>
      </c>
      <c r="GX21" s="114">
        <v>34300</v>
      </c>
      <c r="GY21" s="114">
        <v>0</v>
      </c>
      <c r="GZ21" s="114">
        <v>60414</v>
      </c>
      <c r="HA21" s="114">
        <v>0</v>
      </c>
      <c r="HB21" s="112">
        <v>220224</v>
      </c>
      <c r="HC21" s="116">
        <v>320840</v>
      </c>
      <c r="HD21" s="110">
        <v>91788</v>
      </c>
      <c r="HE21" s="114">
        <v>82846</v>
      </c>
      <c r="HF21" s="112">
        <v>174634</v>
      </c>
      <c r="HG21" s="111">
        <v>0</v>
      </c>
      <c r="HH21" s="114">
        <v>1168486</v>
      </c>
      <c r="HI21" s="114">
        <v>1418807</v>
      </c>
      <c r="HJ21" s="114">
        <v>1936706</v>
      </c>
      <c r="HK21" s="114">
        <v>2304964</v>
      </c>
      <c r="HL21" s="114">
        <v>1731049</v>
      </c>
      <c r="HM21" s="113">
        <v>8560012</v>
      </c>
      <c r="HN21" s="109">
        <v>8734646</v>
      </c>
      <c r="HO21" s="326"/>
      <c r="HP21" s="327"/>
      <c r="HQ21" s="328"/>
      <c r="HR21" s="329"/>
      <c r="HS21" s="327"/>
      <c r="HT21" s="327"/>
      <c r="HU21" s="327"/>
      <c r="HV21" s="327"/>
      <c r="HW21" s="327"/>
      <c r="HX21" s="330"/>
      <c r="HY21" s="331"/>
      <c r="HZ21" s="131">
        <v>0</v>
      </c>
      <c r="IA21" s="132">
        <v>0</v>
      </c>
      <c r="IB21" s="133">
        <v>0</v>
      </c>
      <c r="IC21" s="146">
        <v>0</v>
      </c>
      <c r="ID21" s="132">
        <v>335340</v>
      </c>
      <c r="IE21" s="147">
        <v>1138034</v>
      </c>
      <c r="IF21" s="133">
        <v>1194896</v>
      </c>
      <c r="IG21" s="132">
        <v>779375</v>
      </c>
      <c r="IH21" s="133">
        <v>1369182</v>
      </c>
      <c r="II21" s="148">
        <v>4816827</v>
      </c>
      <c r="IJ21" s="139">
        <v>4816827</v>
      </c>
      <c r="IK21" s="232">
        <v>0</v>
      </c>
      <c r="IL21" s="236">
        <v>0</v>
      </c>
      <c r="IM21" s="237">
        <v>0</v>
      </c>
      <c r="IN21" s="140"/>
      <c r="IO21" s="119">
        <v>0</v>
      </c>
      <c r="IP21" s="119">
        <v>0</v>
      </c>
      <c r="IQ21" s="119">
        <v>0</v>
      </c>
      <c r="IR21" s="119">
        <v>168749</v>
      </c>
      <c r="IS21" s="119">
        <v>493922</v>
      </c>
      <c r="IT21" s="141">
        <v>662671</v>
      </c>
      <c r="IU21" s="318">
        <v>662671</v>
      </c>
      <c r="IV21" s="142">
        <v>0</v>
      </c>
      <c r="IW21" s="119">
        <v>0</v>
      </c>
      <c r="IX21" s="120">
        <v>0</v>
      </c>
      <c r="IY21" s="144"/>
      <c r="IZ21" s="119">
        <v>0</v>
      </c>
      <c r="JA21" s="119">
        <v>0</v>
      </c>
      <c r="JB21" s="119">
        <v>0</v>
      </c>
      <c r="JC21" s="119">
        <v>14347</v>
      </c>
      <c r="JD21" s="119">
        <v>14347</v>
      </c>
      <c r="JE21" s="120">
        <v>28694</v>
      </c>
      <c r="JF21" s="121">
        <v>28694</v>
      </c>
      <c r="JG21" s="142">
        <v>0</v>
      </c>
      <c r="JH21" s="119">
        <v>0</v>
      </c>
      <c r="JI21" s="141">
        <v>0</v>
      </c>
      <c r="JJ21" s="118">
        <v>0</v>
      </c>
      <c r="JK21" s="119">
        <v>335340</v>
      </c>
      <c r="JL21" s="119">
        <v>323995</v>
      </c>
      <c r="JM21" s="119">
        <v>525977</v>
      </c>
      <c r="JN21" s="119">
        <v>185417</v>
      </c>
      <c r="JO21" s="119">
        <v>152240</v>
      </c>
      <c r="JP21" s="120">
        <v>1522969</v>
      </c>
      <c r="JQ21" s="318">
        <v>1522969</v>
      </c>
      <c r="JR21" s="142">
        <v>0</v>
      </c>
      <c r="JS21" s="119">
        <v>0</v>
      </c>
      <c r="JT21" s="141">
        <v>0</v>
      </c>
      <c r="JU21" s="118">
        <v>0</v>
      </c>
      <c r="JV21" s="119">
        <v>0</v>
      </c>
      <c r="JW21" s="119">
        <v>229243</v>
      </c>
      <c r="JX21" s="119">
        <v>0</v>
      </c>
      <c r="JY21" s="119">
        <v>0</v>
      </c>
      <c r="JZ21" s="119">
        <v>0</v>
      </c>
      <c r="KA21" s="120">
        <v>229243</v>
      </c>
      <c r="KB21" s="318">
        <v>229243</v>
      </c>
      <c r="KC21" s="234">
        <v>0</v>
      </c>
      <c r="KD21" s="230">
        <v>0</v>
      </c>
      <c r="KE21" s="120">
        <v>0</v>
      </c>
      <c r="KF21" s="118">
        <v>0</v>
      </c>
      <c r="KG21" s="119">
        <v>0</v>
      </c>
      <c r="KH21" s="119">
        <v>158734</v>
      </c>
      <c r="KI21" s="119">
        <v>0</v>
      </c>
      <c r="KJ21" s="119">
        <v>187572</v>
      </c>
      <c r="KK21" s="119">
        <v>250973</v>
      </c>
      <c r="KL21" s="120">
        <v>597279</v>
      </c>
      <c r="KM21" s="143">
        <v>597279</v>
      </c>
      <c r="KN21" s="232">
        <v>0</v>
      </c>
      <c r="KO21" s="236">
        <v>0</v>
      </c>
      <c r="KP21" s="237">
        <v>0</v>
      </c>
      <c r="KQ21" s="140"/>
      <c r="KR21" s="119">
        <v>0</v>
      </c>
      <c r="KS21" s="119">
        <v>426062</v>
      </c>
      <c r="KT21" s="119">
        <v>668919</v>
      </c>
      <c r="KU21" s="119">
        <v>223290</v>
      </c>
      <c r="KV21" s="119">
        <v>457700</v>
      </c>
      <c r="KW21" s="120">
        <v>1775971</v>
      </c>
      <c r="KX21" s="318">
        <v>1775971</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18">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200608</v>
      </c>
      <c r="MK21" s="119">
        <v>0</v>
      </c>
      <c r="ML21" s="119">
        <v>2302951</v>
      </c>
      <c r="MM21" s="119">
        <v>2775654</v>
      </c>
      <c r="MN21" s="119">
        <v>1477467</v>
      </c>
      <c r="MO21" s="120">
        <v>6756680</v>
      </c>
      <c r="MP21" s="143">
        <v>6756680</v>
      </c>
      <c r="MQ21" s="142">
        <v>0</v>
      </c>
      <c r="MR21" s="119">
        <v>0</v>
      </c>
      <c r="MS21" s="120">
        <v>0</v>
      </c>
      <c r="MT21" s="145"/>
      <c r="MU21" s="119">
        <v>0</v>
      </c>
      <c r="MV21" s="119">
        <v>0</v>
      </c>
      <c r="MW21" s="119">
        <v>866310</v>
      </c>
      <c r="MX21" s="119">
        <v>1799708</v>
      </c>
      <c r="MY21" s="119">
        <v>519404</v>
      </c>
      <c r="MZ21" s="120">
        <v>3185422</v>
      </c>
      <c r="NA21" s="143">
        <v>3185422</v>
      </c>
      <c r="NB21" s="142">
        <v>0</v>
      </c>
      <c r="NC21" s="119">
        <v>0</v>
      </c>
      <c r="ND21" s="120">
        <v>0</v>
      </c>
      <c r="NE21" s="145"/>
      <c r="NF21" s="119">
        <v>200608</v>
      </c>
      <c r="NG21" s="119">
        <v>0</v>
      </c>
      <c r="NH21" s="119">
        <v>1290533</v>
      </c>
      <c r="NI21" s="119">
        <v>975946</v>
      </c>
      <c r="NJ21" s="119">
        <v>958063</v>
      </c>
      <c r="NK21" s="120">
        <v>3425150</v>
      </c>
      <c r="NL21" s="318">
        <v>3425150</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146108</v>
      </c>
      <c r="OE21" s="119">
        <v>0</v>
      </c>
      <c r="OF21" s="119">
        <v>0</v>
      </c>
      <c r="OG21" s="120">
        <v>146108</v>
      </c>
      <c r="OH21" s="121">
        <v>146108</v>
      </c>
      <c r="OI21" s="142">
        <v>218926</v>
      </c>
      <c r="OJ21" s="119">
        <v>460821</v>
      </c>
      <c r="OK21" s="141">
        <v>679747</v>
      </c>
      <c r="OL21" s="118">
        <v>0</v>
      </c>
      <c r="OM21" s="119">
        <v>4402362</v>
      </c>
      <c r="ON21" s="119">
        <v>7014861</v>
      </c>
      <c r="OO21" s="119">
        <v>8171449</v>
      </c>
      <c r="OP21" s="119">
        <v>7479894</v>
      </c>
      <c r="OQ21" s="119">
        <v>5557468</v>
      </c>
      <c r="OR21" s="120">
        <v>32626034</v>
      </c>
      <c r="OS21" s="143">
        <v>33305781</v>
      </c>
    </row>
    <row r="22" spans="2:409" ht="21" customHeight="1" x14ac:dyDescent="0.2">
      <c r="B22" s="126" t="s">
        <v>17</v>
      </c>
      <c r="C22" s="110">
        <v>355188</v>
      </c>
      <c r="D22" s="114">
        <v>1017056</v>
      </c>
      <c r="E22" s="113">
        <v>1372244</v>
      </c>
      <c r="F22" s="109">
        <v>0</v>
      </c>
      <c r="G22" s="114">
        <v>4229236</v>
      </c>
      <c r="H22" s="114">
        <v>6190513</v>
      </c>
      <c r="I22" s="114">
        <v>6861275</v>
      </c>
      <c r="J22" s="114">
        <v>7859629</v>
      </c>
      <c r="K22" s="114">
        <v>4364369</v>
      </c>
      <c r="L22" s="109">
        <v>29505022</v>
      </c>
      <c r="M22" s="116">
        <v>30877266</v>
      </c>
      <c r="N22" s="110">
        <v>102031</v>
      </c>
      <c r="O22" s="114">
        <v>148754</v>
      </c>
      <c r="P22" s="113">
        <v>250785</v>
      </c>
      <c r="Q22" s="110">
        <v>0</v>
      </c>
      <c r="R22" s="114">
        <v>1033017</v>
      </c>
      <c r="S22" s="114">
        <v>1486423</v>
      </c>
      <c r="T22" s="114">
        <v>2787028</v>
      </c>
      <c r="U22" s="114">
        <v>1641558</v>
      </c>
      <c r="V22" s="114">
        <v>1559137</v>
      </c>
      <c r="W22" s="113">
        <v>8507163</v>
      </c>
      <c r="X22" s="116">
        <v>8757948</v>
      </c>
      <c r="Y22" s="110">
        <v>0</v>
      </c>
      <c r="Z22" s="114">
        <v>0</v>
      </c>
      <c r="AA22" s="113">
        <v>0</v>
      </c>
      <c r="AB22" s="110">
        <v>0</v>
      </c>
      <c r="AC22" s="114">
        <v>338896</v>
      </c>
      <c r="AD22" s="114">
        <v>795214</v>
      </c>
      <c r="AE22" s="114">
        <v>1636674</v>
      </c>
      <c r="AF22" s="114">
        <v>627781</v>
      </c>
      <c r="AG22" s="114">
        <v>931301</v>
      </c>
      <c r="AH22" s="113">
        <v>4329866</v>
      </c>
      <c r="AI22" s="116">
        <v>4329866</v>
      </c>
      <c r="AJ22" s="110">
        <v>0</v>
      </c>
      <c r="AK22" s="114">
        <v>0</v>
      </c>
      <c r="AL22" s="113">
        <v>0</v>
      </c>
      <c r="AM22" s="110">
        <v>0</v>
      </c>
      <c r="AN22" s="114">
        <v>0</v>
      </c>
      <c r="AO22" s="114">
        <v>0</v>
      </c>
      <c r="AP22" s="114">
        <v>40917</v>
      </c>
      <c r="AQ22" s="114">
        <v>82904</v>
      </c>
      <c r="AR22" s="114">
        <v>134731</v>
      </c>
      <c r="AS22" s="113">
        <v>258552</v>
      </c>
      <c r="AT22" s="116">
        <v>258552</v>
      </c>
      <c r="AU22" s="110">
        <v>46270</v>
      </c>
      <c r="AV22" s="114">
        <v>103786</v>
      </c>
      <c r="AW22" s="113">
        <v>150056</v>
      </c>
      <c r="AX22" s="110">
        <v>0</v>
      </c>
      <c r="AY22" s="114">
        <v>470139</v>
      </c>
      <c r="AZ22" s="114">
        <v>480299</v>
      </c>
      <c r="BA22" s="114">
        <v>718616</v>
      </c>
      <c r="BB22" s="114">
        <v>335336</v>
      </c>
      <c r="BC22" s="114">
        <v>232677</v>
      </c>
      <c r="BD22" s="113">
        <v>2237067</v>
      </c>
      <c r="BE22" s="116">
        <v>2387123</v>
      </c>
      <c r="BF22" s="110">
        <v>14013</v>
      </c>
      <c r="BG22" s="114">
        <v>0</v>
      </c>
      <c r="BH22" s="112">
        <v>14013</v>
      </c>
      <c r="BI22" s="111">
        <v>0</v>
      </c>
      <c r="BJ22" s="114">
        <v>37369</v>
      </c>
      <c r="BK22" s="114">
        <v>0</v>
      </c>
      <c r="BL22" s="114">
        <v>103331</v>
      </c>
      <c r="BM22" s="114">
        <v>98824</v>
      </c>
      <c r="BN22" s="114">
        <v>0</v>
      </c>
      <c r="BO22" s="113">
        <v>239524</v>
      </c>
      <c r="BP22" s="116">
        <v>253537</v>
      </c>
      <c r="BQ22" s="110">
        <v>41748</v>
      </c>
      <c r="BR22" s="114">
        <v>44968</v>
      </c>
      <c r="BS22" s="113">
        <v>86716</v>
      </c>
      <c r="BT22" s="110">
        <v>0</v>
      </c>
      <c r="BU22" s="114">
        <v>186613</v>
      </c>
      <c r="BV22" s="114">
        <v>210910</v>
      </c>
      <c r="BW22" s="114">
        <v>287490</v>
      </c>
      <c r="BX22" s="114">
        <v>496713</v>
      </c>
      <c r="BY22" s="114">
        <v>260428</v>
      </c>
      <c r="BZ22" s="113">
        <v>1442154</v>
      </c>
      <c r="CA22" s="116">
        <v>1528870</v>
      </c>
      <c r="CB22" s="110">
        <v>73904</v>
      </c>
      <c r="CC22" s="114">
        <v>224718</v>
      </c>
      <c r="CD22" s="113">
        <v>298622</v>
      </c>
      <c r="CE22" s="110">
        <v>0</v>
      </c>
      <c r="CF22" s="114">
        <v>1271124</v>
      </c>
      <c r="CG22" s="114">
        <v>2425187</v>
      </c>
      <c r="CH22" s="114">
        <v>1551995</v>
      </c>
      <c r="CI22" s="114">
        <v>1320767</v>
      </c>
      <c r="CJ22" s="114">
        <v>284705</v>
      </c>
      <c r="CK22" s="113">
        <v>6853778</v>
      </c>
      <c r="CL22" s="116">
        <v>7152400</v>
      </c>
      <c r="CM22" s="110">
        <v>0</v>
      </c>
      <c r="CN22" s="114">
        <v>0</v>
      </c>
      <c r="CO22" s="113">
        <v>0</v>
      </c>
      <c r="CP22" s="111">
        <v>0</v>
      </c>
      <c r="CQ22" s="114">
        <v>1006307</v>
      </c>
      <c r="CR22" s="114">
        <v>1792703</v>
      </c>
      <c r="CS22" s="114">
        <v>866208</v>
      </c>
      <c r="CT22" s="114">
        <v>869126</v>
      </c>
      <c r="CU22" s="114">
        <v>165340</v>
      </c>
      <c r="CV22" s="113">
        <v>4699684</v>
      </c>
      <c r="CW22" s="116">
        <v>4699684</v>
      </c>
      <c r="CX22" s="110">
        <v>73904</v>
      </c>
      <c r="CY22" s="114">
        <v>224718</v>
      </c>
      <c r="CZ22" s="113">
        <v>298622</v>
      </c>
      <c r="DA22" s="110">
        <v>0</v>
      </c>
      <c r="DB22" s="114">
        <v>264817</v>
      </c>
      <c r="DC22" s="114">
        <v>632484</v>
      </c>
      <c r="DD22" s="114">
        <v>685787</v>
      </c>
      <c r="DE22" s="114">
        <v>451641</v>
      </c>
      <c r="DF22" s="114">
        <v>119365</v>
      </c>
      <c r="DG22" s="113">
        <v>2154094</v>
      </c>
      <c r="DH22" s="116">
        <v>2452716</v>
      </c>
      <c r="DI22" s="110">
        <v>0</v>
      </c>
      <c r="DJ22" s="114">
        <v>0</v>
      </c>
      <c r="DK22" s="112">
        <v>0</v>
      </c>
      <c r="DL22" s="111">
        <v>0</v>
      </c>
      <c r="DM22" s="114">
        <v>89789</v>
      </c>
      <c r="DN22" s="114">
        <v>328698</v>
      </c>
      <c r="DO22" s="114">
        <v>619404</v>
      </c>
      <c r="DP22" s="114">
        <v>452535</v>
      </c>
      <c r="DQ22" s="114">
        <v>472754</v>
      </c>
      <c r="DR22" s="113">
        <v>1963180</v>
      </c>
      <c r="DS22" s="116">
        <v>1963180</v>
      </c>
      <c r="DT22" s="110">
        <v>0</v>
      </c>
      <c r="DU22" s="114">
        <v>0</v>
      </c>
      <c r="DV22" s="113">
        <v>0</v>
      </c>
      <c r="DW22" s="110">
        <v>0</v>
      </c>
      <c r="DX22" s="114">
        <v>0</v>
      </c>
      <c r="DY22" s="114">
        <v>313331</v>
      </c>
      <c r="DZ22" s="114">
        <v>384513</v>
      </c>
      <c r="EA22" s="114">
        <v>425658</v>
      </c>
      <c r="EB22" s="114">
        <v>377850</v>
      </c>
      <c r="EC22" s="113">
        <v>1501352</v>
      </c>
      <c r="ED22" s="116">
        <v>1501352</v>
      </c>
      <c r="EE22" s="110">
        <v>0</v>
      </c>
      <c r="EF22" s="112">
        <v>0</v>
      </c>
      <c r="EG22" s="113">
        <v>0</v>
      </c>
      <c r="EH22" s="110">
        <v>0</v>
      </c>
      <c r="EI22" s="114">
        <v>89789</v>
      </c>
      <c r="EJ22" s="114">
        <v>15367</v>
      </c>
      <c r="EK22" s="114">
        <v>234891</v>
      </c>
      <c r="EL22" s="114">
        <v>26877</v>
      </c>
      <c r="EM22" s="114">
        <v>94904</v>
      </c>
      <c r="EN22" s="112">
        <v>461828</v>
      </c>
      <c r="EO22" s="116">
        <v>461828</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5"/>
      <c r="FE22" s="114">
        <v>0</v>
      </c>
      <c r="FF22" s="114">
        <v>0</v>
      </c>
      <c r="FG22" s="114">
        <v>0</v>
      </c>
      <c r="FH22" s="114">
        <v>0</v>
      </c>
      <c r="FI22" s="114">
        <v>0</v>
      </c>
      <c r="FJ22" s="113">
        <v>0</v>
      </c>
      <c r="FK22" s="116">
        <v>0</v>
      </c>
      <c r="FL22" s="110">
        <v>79275</v>
      </c>
      <c r="FM22" s="114">
        <v>395199</v>
      </c>
      <c r="FN22" s="113">
        <v>474474</v>
      </c>
      <c r="FO22" s="110">
        <v>0</v>
      </c>
      <c r="FP22" s="114">
        <v>212009</v>
      </c>
      <c r="FQ22" s="114">
        <v>853134</v>
      </c>
      <c r="FR22" s="114">
        <v>731829</v>
      </c>
      <c r="FS22" s="114">
        <v>385973</v>
      </c>
      <c r="FT22" s="114">
        <v>255528</v>
      </c>
      <c r="FU22" s="113">
        <v>2438473</v>
      </c>
      <c r="FV22" s="116">
        <v>2912947</v>
      </c>
      <c r="FW22" s="115">
        <v>79275</v>
      </c>
      <c r="FX22" s="114">
        <v>120834</v>
      </c>
      <c r="FY22" s="112">
        <v>200109</v>
      </c>
      <c r="FZ22" s="111">
        <v>0</v>
      </c>
      <c r="GA22" s="114">
        <v>96754</v>
      </c>
      <c r="GB22" s="114">
        <v>658702</v>
      </c>
      <c r="GC22" s="114">
        <v>652729</v>
      </c>
      <c r="GD22" s="114">
        <v>385973</v>
      </c>
      <c r="GE22" s="114">
        <v>255528</v>
      </c>
      <c r="GF22" s="113">
        <v>2049686</v>
      </c>
      <c r="GG22" s="316">
        <v>2249795</v>
      </c>
      <c r="GH22" s="115">
        <v>0</v>
      </c>
      <c r="GI22" s="114">
        <v>0</v>
      </c>
      <c r="GJ22" s="112">
        <v>0</v>
      </c>
      <c r="GK22" s="111">
        <v>0</v>
      </c>
      <c r="GL22" s="114">
        <v>24255</v>
      </c>
      <c r="GM22" s="114">
        <v>8932</v>
      </c>
      <c r="GN22" s="114">
        <v>0</v>
      </c>
      <c r="GO22" s="114">
        <v>0</v>
      </c>
      <c r="GP22" s="114">
        <v>0</v>
      </c>
      <c r="GQ22" s="113">
        <v>33187</v>
      </c>
      <c r="GR22" s="116">
        <v>33187</v>
      </c>
      <c r="GS22" s="110">
        <v>0</v>
      </c>
      <c r="GT22" s="114">
        <v>274365</v>
      </c>
      <c r="GU22" s="113">
        <v>274365</v>
      </c>
      <c r="GV22" s="110">
        <v>0</v>
      </c>
      <c r="GW22" s="114">
        <v>91000</v>
      </c>
      <c r="GX22" s="114">
        <v>185500</v>
      </c>
      <c r="GY22" s="114">
        <v>79100</v>
      </c>
      <c r="GZ22" s="114">
        <v>0</v>
      </c>
      <c r="HA22" s="114">
        <v>0</v>
      </c>
      <c r="HB22" s="112">
        <v>355600</v>
      </c>
      <c r="HC22" s="116">
        <v>629965</v>
      </c>
      <c r="HD22" s="110">
        <v>99978</v>
      </c>
      <c r="HE22" s="114">
        <v>248385</v>
      </c>
      <c r="HF22" s="112">
        <v>348363</v>
      </c>
      <c r="HG22" s="111">
        <v>0</v>
      </c>
      <c r="HH22" s="114">
        <v>1623297</v>
      </c>
      <c r="HI22" s="114">
        <v>1097071</v>
      </c>
      <c r="HJ22" s="114">
        <v>1171019</v>
      </c>
      <c r="HK22" s="114">
        <v>4058796</v>
      </c>
      <c r="HL22" s="114">
        <v>1792245</v>
      </c>
      <c r="HM22" s="113">
        <v>9742428</v>
      </c>
      <c r="HN22" s="109">
        <v>10090791</v>
      </c>
      <c r="HO22" s="326"/>
      <c r="HP22" s="327"/>
      <c r="HQ22" s="328"/>
      <c r="HR22" s="329"/>
      <c r="HS22" s="327"/>
      <c r="HT22" s="327"/>
      <c r="HU22" s="327"/>
      <c r="HV22" s="327"/>
      <c r="HW22" s="327"/>
      <c r="HX22" s="330"/>
      <c r="HY22" s="331"/>
      <c r="HZ22" s="150">
        <v>0</v>
      </c>
      <c r="IA22" s="135">
        <v>0</v>
      </c>
      <c r="IB22" s="150">
        <v>0</v>
      </c>
      <c r="IC22" s="134">
        <v>0</v>
      </c>
      <c r="ID22" s="135">
        <v>846161</v>
      </c>
      <c r="IE22" s="136">
        <v>1960364</v>
      </c>
      <c r="IF22" s="137">
        <v>1046238</v>
      </c>
      <c r="IG22" s="135">
        <v>2127597</v>
      </c>
      <c r="IH22" s="137">
        <v>2118018</v>
      </c>
      <c r="II22" s="138">
        <v>8098378</v>
      </c>
      <c r="IJ22" s="150">
        <v>8098378</v>
      </c>
      <c r="IK22" s="232">
        <v>0</v>
      </c>
      <c r="IL22" s="236">
        <v>0</v>
      </c>
      <c r="IM22" s="237">
        <v>0</v>
      </c>
      <c r="IN22" s="140"/>
      <c r="IO22" s="119">
        <v>37258</v>
      </c>
      <c r="IP22" s="119">
        <v>0</v>
      </c>
      <c r="IQ22" s="119">
        <v>0</v>
      </c>
      <c r="IR22" s="119">
        <v>0</v>
      </c>
      <c r="IS22" s="119">
        <v>0</v>
      </c>
      <c r="IT22" s="141">
        <v>37258</v>
      </c>
      <c r="IU22" s="318">
        <v>37258</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578209</v>
      </c>
      <c r="JL22" s="119">
        <v>773367</v>
      </c>
      <c r="JM22" s="119">
        <v>202121</v>
      </c>
      <c r="JN22" s="119">
        <v>504731</v>
      </c>
      <c r="JO22" s="119">
        <v>106411</v>
      </c>
      <c r="JP22" s="120">
        <v>2164839</v>
      </c>
      <c r="JQ22" s="318">
        <v>2164839</v>
      </c>
      <c r="JR22" s="142">
        <v>0</v>
      </c>
      <c r="JS22" s="119">
        <v>0</v>
      </c>
      <c r="JT22" s="141">
        <v>0</v>
      </c>
      <c r="JU22" s="118">
        <v>0</v>
      </c>
      <c r="JV22" s="119">
        <v>0</v>
      </c>
      <c r="JW22" s="119">
        <v>0</v>
      </c>
      <c r="JX22" s="119">
        <v>170065</v>
      </c>
      <c r="JY22" s="119">
        <v>0</v>
      </c>
      <c r="JZ22" s="119">
        <v>0</v>
      </c>
      <c r="KA22" s="120">
        <v>170065</v>
      </c>
      <c r="KB22" s="318">
        <v>170065</v>
      </c>
      <c r="KC22" s="234">
        <v>0</v>
      </c>
      <c r="KD22" s="230">
        <v>0</v>
      </c>
      <c r="KE22" s="120">
        <v>0</v>
      </c>
      <c r="KF22" s="118">
        <v>0</v>
      </c>
      <c r="KG22" s="119">
        <v>0</v>
      </c>
      <c r="KH22" s="119">
        <v>307425</v>
      </c>
      <c r="KI22" s="119">
        <v>223583</v>
      </c>
      <c r="KJ22" s="119">
        <v>229329</v>
      </c>
      <c r="KK22" s="119">
        <v>260416</v>
      </c>
      <c r="KL22" s="120">
        <v>1020753</v>
      </c>
      <c r="KM22" s="143">
        <v>1020753</v>
      </c>
      <c r="KN22" s="232">
        <v>0</v>
      </c>
      <c r="KO22" s="236">
        <v>0</v>
      </c>
      <c r="KP22" s="237">
        <v>0</v>
      </c>
      <c r="KQ22" s="140"/>
      <c r="KR22" s="119">
        <v>230694</v>
      </c>
      <c r="KS22" s="119">
        <v>879572</v>
      </c>
      <c r="KT22" s="119">
        <v>450469</v>
      </c>
      <c r="KU22" s="119">
        <v>927087</v>
      </c>
      <c r="KV22" s="119">
        <v>1249711</v>
      </c>
      <c r="KW22" s="120">
        <v>3737533</v>
      </c>
      <c r="KX22" s="318">
        <v>3737533</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0</v>
      </c>
      <c r="LQ22" s="119">
        <v>466450</v>
      </c>
      <c r="LR22" s="119">
        <v>501480</v>
      </c>
      <c r="LS22" s="120">
        <v>967930</v>
      </c>
      <c r="LT22" s="318">
        <v>967930</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0</v>
      </c>
      <c r="MK22" s="119">
        <v>1475160</v>
      </c>
      <c r="ML22" s="119">
        <v>3786613</v>
      </c>
      <c r="MM22" s="119">
        <v>3019449</v>
      </c>
      <c r="MN22" s="119">
        <v>2546660</v>
      </c>
      <c r="MO22" s="120">
        <v>10827882</v>
      </c>
      <c r="MP22" s="143">
        <v>10827882</v>
      </c>
      <c r="MQ22" s="142">
        <v>0</v>
      </c>
      <c r="MR22" s="119">
        <v>0</v>
      </c>
      <c r="MS22" s="120">
        <v>0</v>
      </c>
      <c r="MT22" s="145"/>
      <c r="MU22" s="119">
        <v>0</v>
      </c>
      <c r="MV22" s="119">
        <v>212478</v>
      </c>
      <c r="MW22" s="119">
        <v>2075342</v>
      </c>
      <c r="MX22" s="119">
        <v>1644281</v>
      </c>
      <c r="MY22" s="119">
        <v>1177857</v>
      </c>
      <c r="MZ22" s="120">
        <v>5109958</v>
      </c>
      <c r="NA22" s="143">
        <v>5109958</v>
      </c>
      <c r="NB22" s="142">
        <v>0</v>
      </c>
      <c r="NC22" s="119">
        <v>0</v>
      </c>
      <c r="ND22" s="120">
        <v>0</v>
      </c>
      <c r="NE22" s="145"/>
      <c r="NF22" s="119">
        <v>0</v>
      </c>
      <c r="NG22" s="119">
        <v>1262682</v>
      </c>
      <c r="NH22" s="119">
        <v>1711271</v>
      </c>
      <c r="NI22" s="119">
        <v>1375168</v>
      </c>
      <c r="NJ22" s="119">
        <v>1015334</v>
      </c>
      <c r="NK22" s="120">
        <v>5364455</v>
      </c>
      <c r="NL22" s="318">
        <v>5364455</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53469</v>
      </c>
      <c r="OG22" s="120">
        <v>353469</v>
      </c>
      <c r="OH22" s="121">
        <v>353469</v>
      </c>
      <c r="OI22" s="142">
        <v>355188</v>
      </c>
      <c r="OJ22" s="119">
        <v>1017056</v>
      </c>
      <c r="OK22" s="141">
        <v>1372244</v>
      </c>
      <c r="OL22" s="118">
        <v>0</v>
      </c>
      <c r="OM22" s="119">
        <v>5075397</v>
      </c>
      <c r="ON22" s="119">
        <v>9626037</v>
      </c>
      <c r="OO22" s="119">
        <v>11694126</v>
      </c>
      <c r="OP22" s="119">
        <v>13006675</v>
      </c>
      <c r="OQ22" s="119">
        <v>9029047</v>
      </c>
      <c r="OR22" s="120">
        <v>48431282</v>
      </c>
      <c r="OS22" s="143">
        <v>49803526</v>
      </c>
    </row>
    <row r="23" spans="2:409" ht="21" customHeight="1" x14ac:dyDescent="0.2">
      <c r="B23" s="126" t="s">
        <v>18</v>
      </c>
      <c r="C23" s="110">
        <v>589802</v>
      </c>
      <c r="D23" s="114">
        <v>512075</v>
      </c>
      <c r="E23" s="113">
        <v>1101877</v>
      </c>
      <c r="F23" s="109">
        <v>0</v>
      </c>
      <c r="G23" s="114">
        <v>6029341</v>
      </c>
      <c r="H23" s="114">
        <v>9598952</v>
      </c>
      <c r="I23" s="114">
        <v>6766478</v>
      </c>
      <c r="J23" s="114">
        <v>6994639</v>
      </c>
      <c r="K23" s="114">
        <v>5854196</v>
      </c>
      <c r="L23" s="109">
        <v>35243606</v>
      </c>
      <c r="M23" s="116">
        <v>36345483</v>
      </c>
      <c r="N23" s="110">
        <v>288856</v>
      </c>
      <c r="O23" s="114">
        <v>132718</v>
      </c>
      <c r="P23" s="113">
        <v>421574</v>
      </c>
      <c r="Q23" s="110">
        <v>0</v>
      </c>
      <c r="R23" s="114">
        <v>1938174</v>
      </c>
      <c r="S23" s="114">
        <v>2500105</v>
      </c>
      <c r="T23" s="114">
        <v>2332636</v>
      </c>
      <c r="U23" s="114">
        <v>2854607</v>
      </c>
      <c r="V23" s="114">
        <v>2024882</v>
      </c>
      <c r="W23" s="113">
        <v>11650404</v>
      </c>
      <c r="X23" s="116">
        <v>12071978</v>
      </c>
      <c r="Y23" s="110">
        <v>0</v>
      </c>
      <c r="Z23" s="114">
        <v>0</v>
      </c>
      <c r="AA23" s="113">
        <v>0</v>
      </c>
      <c r="AB23" s="110">
        <v>0</v>
      </c>
      <c r="AC23" s="114">
        <v>811345</v>
      </c>
      <c r="AD23" s="114">
        <v>959455</v>
      </c>
      <c r="AE23" s="114">
        <v>1106127</v>
      </c>
      <c r="AF23" s="114">
        <v>2049772</v>
      </c>
      <c r="AG23" s="114">
        <v>941295</v>
      </c>
      <c r="AH23" s="113">
        <v>5867994</v>
      </c>
      <c r="AI23" s="116">
        <v>5867994</v>
      </c>
      <c r="AJ23" s="110">
        <v>0</v>
      </c>
      <c r="AK23" s="114">
        <v>0</v>
      </c>
      <c r="AL23" s="113">
        <v>0</v>
      </c>
      <c r="AM23" s="110">
        <v>0</v>
      </c>
      <c r="AN23" s="114">
        <v>0</v>
      </c>
      <c r="AO23" s="114">
        <v>0</v>
      </c>
      <c r="AP23" s="114">
        <v>91497</v>
      </c>
      <c r="AQ23" s="114">
        <v>71737</v>
      </c>
      <c r="AR23" s="114">
        <v>61979</v>
      </c>
      <c r="AS23" s="113">
        <v>225213</v>
      </c>
      <c r="AT23" s="116">
        <v>225213</v>
      </c>
      <c r="AU23" s="110">
        <v>220377</v>
      </c>
      <c r="AV23" s="114">
        <v>85538</v>
      </c>
      <c r="AW23" s="113">
        <v>305915</v>
      </c>
      <c r="AX23" s="110">
        <v>0</v>
      </c>
      <c r="AY23" s="114">
        <v>624662</v>
      </c>
      <c r="AZ23" s="114">
        <v>1024495</v>
      </c>
      <c r="BA23" s="114">
        <v>694300</v>
      </c>
      <c r="BB23" s="114">
        <v>416901</v>
      </c>
      <c r="BC23" s="114">
        <v>619248</v>
      </c>
      <c r="BD23" s="113">
        <v>3379606</v>
      </c>
      <c r="BE23" s="116">
        <v>3685521</v>
      </c>
      <c r="BF23" s="110">
        <v>28180</v>
      </c>
      <c r="BG23" s="114">
        <v>0</v>
      </c>
      <c r="BH23" s="112">
        <v>28180</v>
      </c>
      <c r="BI23" s="111">
        <v>0</v>
      </c>
      <c r="BJ23" s="114">
        <v>134604</v>
      </c>
      <c r="BK23" s="114">
        <v>84549</v>
      </c>
      <c r="BL23" s="114">
        <v>97229</v>
      </c>
      <c r="BM23" s="114">
        <v>0</v>
      </c>
      <c r="BN23" s="114">
        <v>0</v>
      </c>
      <c r="BO23" s="113">
        <v>316382</v>
      </c>
      <c r="BP23" s="116">
        <v>344562</v>
      </c>
      <c r="BQ23" s="110">
        <v>40299</v>
      </c>
      <c r="BR23" s="114">
        <v>47180</v>
      </c>
      <c r="BS23" s="113">
        <v>87479</v>
      </c>
      <c r="BT23" s="110">
        <v>0</v>
      </c>
      <c r="BU23" s="114">
        <v>367563</v>
      </c>
      <c r="BV23" s="114">
        <v>431606</v>
      </c>
      <c r="BW23" s="114">
        <v>343483</v>
      </c>
      <c r="BX23" s="114">
        <v>316197</v>
      </c>
      <c r="BY23" s="114">
        <v>402360</v>
      </c>
      <c r="BZ23" s="113">
        <v>1861209</v>
      </c>
      <c r="CA23" s="116">
        <v>1948688</v>
      </c>
      <c r="CB23" s="110">
        <v>35077</v>
      </c>
      <c r="CC23" s="114">
        <v>105050</v>
      </c>
      <c r="CD23" s="113">
        <v>140127</v>
      </c>
      <c r="CE23" s="110">
        <v>0</v>
      </c>
      <c r="CF23" s="114">
        <v>1742715</v>
      </c>
      <c r="CG23" s="114">
        <v>3180667</v>
      </c>
      <c r="CH23" s="114">
        <v>2056175</v>
      </c>
      <c r="CI23" s="114">
        <v>1443453</v>
      </c>
      <c r="CJ23" s="114">
        <v>692786</v>
      </c>
      <c r="CK23" s="113">
        <v>9115796</v>
      </c>
      <c r="CL23" s="116">
        <v>9255923</v>
      </c>
      <c r="CM23" s="110">
        <v>0</v>
      </c>
      <c r="CN23" s="114">
        <v>0</v>
      </c>
      <c r="CO23" s="113">
        <v>0</v>
      </c>
      <c r="CP23" s="111">
        <v>0</v>
      </c>
      <c r="CQ23" s="114">
        <v>1175319</v>
      </c>
      <c r="CR23" s="114">
        <v>2570702</v>
      </c>
      <c r="CS23" s="114">
        <v>1595711</v>
      </c>
      <c r="CT23" s="114">
        <v>1065121</v>
      </c>
      <c r="CU23" s="114">
        <v>423399</v>
      </c>
      <c r="CV23" s="113">
        <v>6830252</v>
      </c>
      <c r="CW23" s="116">
        <v>6830252</v>
      </c>
      <c r="CX23" s="110">
        <v>35077</v>
      </c>
      <c r="CY23" s="114">
        <v>105050</v>
      </c>
      <c r="CZ23" s="113">
        <v>140127</v>
      </c>
      <c r="DA23" s="110">
        <v>0</v>
      </c>
      <c r="DB23" s="114">
        <v>567396</v>
      </c>
      <c r="DC23" s="114">
        <v>609965</v>
      </c>
      <c r="DD23" s="114">
        <v>460464</v>
      </c>
      <c r="DE23" s="114">
        <v>378332</v>
      </c>
      <c r="DF23" s="114">
        <v>269387</v>
      </c>
      <c r="DG23" s="113">
        <v>2285544</v>
      </c>
      <c r="DH23" s="116">
        <v>2425671</v>
      </c>
      <c r="DI23" s="110">
        <v>0</v>
      </c>
      <c r="DJ23" s="114">
        <v>0</v>
      </c>
      <c r="DK23" s="112">
        <v>0</v>
      </c>
      <c r="DL23" s="111">
        <v>0</v>
      </c>
      <c r="DM23" s="114">
        <v>0</v>
      </c>
      <c r="DN23" s="114">
        <v>680531</v>
      </c>
      <c r="DO23" s="114">
        <v>891116</v>
      </c>
      <c r="DP23" s="114">
        <v>473235</v>
      </c>
      <c r="DQ23" s="114">
        <v>399267</v>
      </c>
      <c r="DR23" s="113">
        <v>2444149</v>
      </c>
      <c r="DS23" s="116">
        <v>2444149</v>
      </c>
      <c r="DT23" s="110">
        <v>0</v>
      </c>
      <c r="DU23" s="114">
        <v>0</v>
      </c>
      <c r="DV23" s="113">
        <v>0</v>
      </c>
      <c r="DW23" s="110">
        <v>0</v>
      </c>
      <c r="DX23" s="114">
        <v>0</v>
      </c>
      <c r="DY23" s="114">
        <v>680531</v>
      </c>
      <c r="DZ23" s="114">
        <v>891116</v>
      </c>
      <c r="EA23" s="114">
        <v>473235</v>
      </c>
      <c r="EB23" s="114">
        <v>399267</v>
      </c>
      <c r="EC23" s="113">
        <v>2444149</v>
      </c>
      <c r="ED23" s="116">
        <v>2444149</v>
      </c>
      <c r="EE23" s="110">
        <v>0</v>
      </c>
      <c r="EF23" s="112">
        <v>0</v>
      </c>
      <c r="EG23" s="113">
        <v>0</v>
      </c>
      <c r="EH23" s="110">
        <v>0</v>
      </c>
      <c r="EI23" s="114">
        <v>0</v>
      </c>
      <c r="EJ23" s="114">
        <v>0</v>
      </c>
      <c r="EK23" s="114">
        <v>0</v>
      </c>
      <c r="EL23" s="114">
        <v>0</v>
      </c>
      <c r="EM23" s="114">
        <v>0</v>
      </c>
      <c r="EN23" s="112">
        <v>0</v>
      </c>
      <c r="EO23" s="116">
        <v>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5"/>
      <c r="FE23" s="114">
        <v>0</v>
      </c>
      <c r="FF23" s="114">
        <v>0</v>
      </c>
      <c r="FG23" s="114">
        <v>0</v>
      </c>
      <c r="FH23" s="114">
        <v>0</v>
      </c>
      <c r="FI23" s="114">
        <v>0</v>
      </c>
      <c r="FJ23" s="113">
        <v>0</v>
      </c>
      <c r="FK23" s="116">
        <v>0</v>
      </c>
      <c r="FL23" s="110">
        <v>165746</v>
      </c>
      <c r="FM23" s="114">
        <v>110936</v>
      </c>
      <c r="FN23" s="113">
        <v>276682</v>
      </c>
      <c r="FO23" s="110">
        <v>0</v>
      </c>
      <c r="FP23" s="114">
        <v>376082</v>
      </c>
      <c r="FQ23" s="114">
        <v>605521</v>
      </c>
      <c r="FR23" s="114">
        <v>605738</v>
      </c>
      <c r="FS23" s="114">
        <v>511616</v>
      </c>
      <c r="FT23" s="114">
        <v>335069</v>
      </c>
      <c r="FU23" s="113">
        <v>2434026</v>
      </c>
      <c r="FV23" s="116">
        <v>2710708</v>
      </c>
      <c r="FW23" s="115">
        <v>18214</v>
      </c>
      <c r="FX23" s="114">
        <v>110936</v>
      </c>
      <c r="FY23" s="112">
        <v>129150</v>
      </c>
      <c r="FZ23" s="111">
        <v>0</v>
      </c>
      <c r="GA23" s="114">
        <v>332682</v>
      </c>
      <c r="GB23" s="114">
        <v>605521</v>
      </c>
      <c r="GC23" s="114">
        <v>562058</v>
      </c>
      <c r="GD23" s="114">
        <v>426468</v>
      </c>
      <c r="GE23" s="114">
        <v>335069</v>
      </c>
      <c r="GF23" s="113">
        <v>2261798</v>
      </c>
      <c r="GG23" s="316">
        <v>2390948</v>
      </c>
      <c r="GH23" s="115">
        <v>14350</v>
      </c>
      <c r="GI23" s="114">
        <v>0</v>
      </c>
      <c r="GJ23" s="112">
        <v>14350</v>
      </c>
      <c r="GK23" s="111">
        <v>0</v>
      </c>
      <c r="GL23" s="114">
        <v>0</v>
      </c>
      <c r="GM23" s="114">
        <v>0</v>
      </c>
      <c r="GN23" s="114">
        <v>0</v>
      </c>
      <c r="GO23" s="114">
        <v>48048</v>
      </c>
      <c r="GP23" s="114">
        <v>0</v>
      </c>
      <c r="GQ23" s="113">
        <v>48048</v>
      </c>
      <c r="GR23" s="116">
        <v>62398</v>
      </c>
      <c r="GS23" s="110">
        <v>133182</v>
      </c>
      <c r="GT23" s="114">
        <v>0</v>
      </c>
      <c r="GU23" s="113">
        <v>133182</v>
      </c>
      <c r="GV23" s="110">
        <v>0</v>
      </c>
      <c r="GW23" s="114">
        <v>43400</v>
      </c>
      <c r="GX23" s="114">
        <v>0</v>
      </c>
      <c r="GY23" s="114">
        <v>43680</v>
      </c>
      <c r="GZ23" s="114">
        <v>37100</v>
      </c>
      <c r="HA23" s="114">
        <v>0</v>
      </c>
      <c r="HB23" s="112">
        <v>124180</v>
      </c>
      <c r="HC23" s="116">
        <v>257362</v>
      </c>
      <c r="HD23" s="110">
        <v>100123</v>
      </c>
      <c r="HE23" s="114">
        <v>163371</v>
      </c>
      <c r="HF23" s="112">
        <v>263494</v>
      </c>
      <c r="HG23" s="111">
        <v>0</v>
      </c>
      <c r="HH23" s="114">
        <v>1972370</v>
      </c>
      <c r="HI23" s="114">
        <v>2632128</v>
      </c>
      <c r="HJ23" s="114">
        <v>880813</v>
      </c>
      <c r="HK23" s="114">
        <v>1711728</v>
      </c>
      <c r="HL23" s="114">
        <v>2402192</v>
      </c>
      <c r="HM23" s="113">
        <v>9599231</v>
      </c>
      <c r="HN23" s="109">
        <v>9862725</v>
      </c>
      <c r="HO23" s="326"/>
      <c r="HP23" s="327"/>
      <c r="HQ23" s="328"/>
      <c r="HR23" s="329"/>
      <c r="HS23" s="327"/>
      <c r="HT23" s="327"/>
      <c r="HU23" s="327"/>
      <c r="HV23" s="327"/>
      <c r="HW23" s="327"/>
      <c r="HX23" s="330"/>
      <c r="HY23" s="331"/>
      <c r="HZ23" s="131">
        <v>0</v>
      </c>
      <c r="IA23" s="132">
        <v>0</v>
      </c>
      <c r="IB23" s="133">
        <v>0</v>
      </c>
      <c r="IC23" s="146">
        <v>0</v>
      </c>
      <c r="ID23" s="132">
        <v>1151604</v>
      </c>
      <c r="IE23" s="147">
        <v>1231627</v>
      </c>
      <c r="IF23" s="133">
        <v>1867782</v>
      </c>
      <c r="IG23" s="132">
        <v>1287771</v>
      </c>
      <c r="IH23" s="133">
        <v>1067008</v>
      </c>
      <c r="II23" s="148">
        <v>6605792</v>
      </c>
      <c r="IJ23" s="139">
        <v>6605792</v>
      </c>
      <c r="IK23" s="232">
        <v>0</v>
      </c>
      <c r="IL23" s="236">
        <v>0</v>
      </c>
      <c r="IM23" s="237">
        <v>0</v>
      </c>
      <c r="IN23" s="140"/>
      <c r="IO23" s="119">
        <v>0</v>
      </c>
      <c r="IP23" s="119">
        <v>0</v>
      </c>
      <c r="IQ23" s="119">
        <v>0</v>
      </c>
      <c r="IR23" s="119">
        <v>0</v>
      </c>
      <c r="IS23" s="119">
        <v>237450</v>
      </c>
      <c r="IT23" s="141">
        <v>237450</v>
      </c>
      <c r="IU23" s="318">
        <v>23745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681797</v>
      </c>
      <c r="JL23" s="119">
        <v>437837</v>
      </c>
      <c r="JM23" s="119">
        <v>581243</v>
      </c>
      <c r="JN23" s="119">
        <v>133922</v>
      </c>
      <c r="JO23" s="119">
        <v>0</v>
      </c>
      <c r="JP23" s="120">
        <v>1834799</v>
      </c>
      <c r="JQ23" s="318">
        <v>1834799</v>
      </c>
      <c r="JR23" s="142">
        <v>0</v>
      </c>
      <c r="JS23" s="119">
        <v>0</v>
      </c>
      <c r="JT23" s="141">
        <v>0</v>
      </c>
      <c r="JU23" s="118">
        <v>0</v>
      </c>
      <c r="JV23" s="119">
        <v>72180</v>
      </c>
      <c r="JW23" s="119">
        <v>0</v>
      </c>
      <c r="JX23" s="119">
        <v>166213</v>
      </c>
      <c r="JY23" s="119">
        <v>180710</v>
      </c>
      <c r="JZ23" s="119">
        <v>0</v>
      </c>
      <c r="KA23" s="120">
        <v>419103</v>
      </c>
      <c r="KB23" s="318">
        <v>419103</v>
      </c>
      <c r="KC23" s="234">
        <v>0</v>
      </c>
      <c r="KD23" s="230">
        <v>0</v>
      </c>
      <c r="KE23" s="120">
        <v>0</v>
      </c>
      <c r="KF23" s="118">
        <v>0</v>
      </c>
      <c r="KG23" s="119">
        <v>0</v>
      </c>
      <c r="KH23" s="119">
        <v>154907</v>
      </c>
      <c r="KI23" s="119">
        <v>0</v>
      </c>
      <c r="KJ23" s="119">
        <v>0</v>
      </c>
      <c r="KK23" s="119">
        <v>-210945</v>
      </c>
      <c r="KL23" s="120">
        <v>-56038</v>
      </c>
      <c r="KM23" s="143">
        <v>-56038</v>
      </c>
      <c r="KN23" s="232">
        <v>0</v>
      </c>
      <c r="KO23" s="236">
        <v>0</v>
      </c>
      <c r="KP23" s="237">
        <v>0</v>
      </c>
      <c r="KQ23" s="140"/>
      <c r="KR23" s="119">
        <v>397627</v>
      </c>
      <c r="KS23" s="119">
        <v>442036</v>
      </c>
      <c r="KT23" s="119">
        <v>1120326</v>
      </c>
      <c r="KU23" s="119">
        <v>457172</v>
      </c>
      <c r="KV23" s="119">
        <v>97493</v>
      </c>
      <c r="KW23" s="120">
        <v>2514654</v>
      </c>
      <c r="KX23" s="318">
        <v>2514654</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249982</v>
      </c>
      <c r="LR23" s="119">
        <v>0</v>
      </c>
      <c r="LS23" s="120">
        <v>249982</v>
      </c>
      <c r="LT23" s="318">
        <v>249982</v>
      </c>
      <c r="LU23" s="142">
        <v>0</v>
      </c>
      <c r="LV23" s="119">
        <v>0</v>
      </c>
      <c r="LW23" s="120">
        <v>0</v>
      </c>
      <c r="LX23" s="145"/>
      <c r="LY23" s="119">
        <v>0</v>
      </c>
      <c r="LZ23" s="119">
        <v>196847</v>
      </c>
      <c r="MA23" s="119">
        <v>0</v>
      </c>
      <c r="MB23" s="119">
        <v>265985</v>
      </c>
      <c r="MC23" s="119">
        <v>943010</v>
      </c>
      <c r="MD23" s="120">
        <v>1405842</v>
      </c>
      <c r="ME23" s="121">
        <v>1405842</v>
      </c>
      <c r="MF23" s="142">
        <v>0</v>
      </c>
      <c r="MG23" s="119">
        <v>0</v>
      </c>
      <c r="MH23" s="120">
        <v>0</v>
      </c>
      <c r="MI23" s="145"/>
      <c r="MJ23" s="119">
        <v>390357</v>
      </c>
      <c r="MK23" s="119">
        <v>711521</v>
      </c>
      <c r="ML23" s="119">
        <v>2529313</v>
      </c>
      <c r="MM23" s="119">
        <v>4662932</v>
      </c>
      <c r="MN23" s="119">
        <v>3303682</v>
      </c>
      <c r="MO23" s="120">
        <v>11597805</v>
      </c>
      <c r="MP23" s="143">
        <v>11597805</v>
      </c>
      <c r="MQ23" s="142">
        <v>0</v>
      </c>
      <c r="MR23" s="119">
        <v>0</v>
      </c>
      <c r="MS23" s="120">
        <v>0</v>
      </c>
      <c r="MT23" s="145"/>
      <c r="MU23" s="119">
        <v>0</v>
      </c>
      <c r="MV23" s="119">
        <v>198097</v>
      </c>
      <c r="MW23" s="119">
        <v>1286469</v>
      </c>
      <c r="MX23" s="119">
        <v>2896358</v>
      </c>
      <c r="MY23" s="119">
        <v>2188231</v>
      </c>
      <c r="MZ23" s="120">
        <v>6569155</v>
      </c>
      <c r="NA23" s="143">
        <v>6569155</v>
      </c>
      <c r="NB23" s="142">
        <v>0</v>
      </c>
      <c r="NC23" s="119">
        <v>0</v>
      </c>
      <c r="ND23" s="120">
        <v>0</v>
      </c>
      <c r="NE23" s="145"/>
      <c r="NF23" s="119">
        <v>390357</v>
      </c>
      <c r="NG23" s="119">
        <v>513424</v>
      </c>
      <c r="NH23" s="119">
        <v>1242844</v>
      </c>
      <c r="NI23" s="119">
        <v>1766574</v>
      </c>
      <c r="NJ23" s="119">
        <v>843189</v>
      </c>
      <c r="NK23" s="120">
        <v>4756388</v>
      </c>
      <c r="NL23" s="318">
        <v>4756388</v>
      </c>
      <c r="NM23" s="142">
        <v>0</v>
      </c>
      <c r="NN23" s="119">
        <v>0</v>
      </c>
      <c r="NO23" s="120">
        <v>0</v>
      </c>
      <c r="NP23" s="145"/>
      <c r="NQ23" s="119">
        <v>0</v>
      </c>
      <c r="NR23" s="119">
        <v>0</v>
      </c>
      <c r="NS23" s="119">
        <v>0</v>
      </c>
      <c r="NT23" s="119">
        <v>0</v>
      </c>
      <c r="NU23" s="119">
        <v>272262</v>
      </c>
      <c r="NV23" s="120">
        <v>272262</v>
      </c>
      <c r="NW23" s="121">
        <v>272262</v>
      </c>
      <c r="NX23" s="142">
        <v>0</v>
      </c>
      <c r="NY23" s="119">
        <v>0</v>
      </c>
      <c r="NZ23" s="120">
        <v>0</v>
      </c>
      <c r="OA23" s="145"/>
      <c r="OB23" s="119">
        <v>0</v>
      </c>
      <c r="OC23" s="119">
        <v>0</v>
      </c>
      <c r="OD23" s="119">
        <v>0</v>
      </c>
      <c r="OE23" s="119">
        <v>0</v>
      </c>
      <c r="OF23" s="119">
        <v>0</v>
      </c>
      <c r="OG23" s="120">
        <v>0</v>
      </c>
      <c r="OH23" s="121">
        <v>0</v>
      </c>
      <c r="OI23" s="142">
        <v>589802</v>
      </c>
      <c r="OJ23" s="119">
        <v>512075</v>
      </c>
      <c r="OK23" s="141">
        <v>1101877</v>
      </c>
      <c r="OL23" s="118">
        <v>0</v>
      </c>
      <c r="OM23" s="119">
        <v>7571302</v>
      </c>
      <c r="ON23" s="119">
        <v>11542100</v>
      </c>
      <c r="OO23" s="119">
        <v>11163573</v>
      </c>
      <c r="OP23" s="119">
        <v>12945342</v>
      </c>
      <c r="OQ23" s="119">
        <v>10224886</v>
      </c>
      <c r="OR23" s="120">
        <v>53447203</v>
      </c>
      <c r="OS23" s="143">
        <v>54549080</v>
      </c>
    </row>
    <row r="24" spans="2:409" ht="21" customHeight="1" x14ac:dyDescent="0.2">
      <c r="B24" s="126" t="s">
        <v>19</v>
      </c>
      <c r="C24" s="110">
        <v>234928</v>
      </c>
      <c r="D24" s="114">
        <v>517243</v>
      </c>
      <c r="E24" s="113">
        <v>752171</v>
      </c>
      <c r="F24" s="109">
        <v>0</v>
      </c>
      <c r="G24" s="114">
        <v>2703136</v>
      </c>
      <c r="H24" s="114">
        <v>4422413</v>
      </c>
      <c r="I24" s="114">
        <v>2065459</v>
      </c>
      <c r="J24" s="114">
        <v>2935754</v>
      </c>
      <c r="K24" s="114">
        <v>2046478</v>
      </c>
      <c r="L24" s="109">
        <v>14173240</v>
      </c>
      <c r="M24" s="116">
        <v>14925411</v>
      </c>
      <c r="N24" s="110">
        <v>59638</v>
      </c>
      <c r="O24" s="114">
        <v>68169</v>
      </c>
      <c r="P24" s="113">
        <v>127807</v>
      </c>
      <c r="Q24" s="110">
        <v>0</v>
      </c>
      <c r="R24" s="114">
        <v>855597</v>
      </c>
      <c r="S24" s="114">
        <v>915460</v>
      </c>
      <c r="T24" s="114">
        <v>525560</v>
      </c>
      <c r="U24" s="114">
        <v>1426926</v>
      </c>
      <c r="V24" s="114">
        <v>488982</v>
      </c>
      <c r="W24" s="113">
        <v>4212525</v>
      </c>
      <c r="X24" s="116">
        <v>4340332</v>
      </c>
      <c r="Y24" s="110">
        <v>0</v>
      </c>
      <c r="Z24" s="114">
        <v>0</v>
      </c>
      <c r="AA24" s="113">
        <v>0</v>
      </c>
      <c r="AB24" s="110">
        <v>0</v>
      </c>
      <c r="AC24" s="114">
        <v>137533</v>
      </c>
      <c r="AD24" s="114">
        <v>290646</v>
      </c>
      <c r="AE24" s="114">
        <v>193841</v>
      </c>
      <c r="AF24" s="114">
        <v>556243</v>
      </c>
      <c r="AG24" s="114">
        <v>96331</v>
      </c>
      <c r="AH24" s="113">
        <v>1274594</v>
      </c>
      <c r="AI24" s="116">
        <v>1274594</v>
      </c>
      <c r="AJ24" s="110">
        <v>0</v>
      </c>
      <c r="AK24" s="114">
        <v>0</v>
      </c>
      <c r="AL24" s="113">
        <v>0</v>
      </c>
      <c r="AM24" s="110">
        <v>0</v>
      </c>
      <c r="AN24" s="114">
        <v>0</v>
      </c>
      <c r="AO24" s="114">
        <v>51635</v>
      </c>
      <c r="AP24" s="114">
        <v>20051</v>
      </c>
      <c r="AQ24" s="114">
        <v>121136</v>
      </c>
      <c r="AR24" s="114">
        <v>167312</v>
      </c>
      <c r="AS24" s="113">
        <v>360134</v>
      </c>
      <c r="AT24" s="116">
        <v>360134</v>
      </c>
      <c r="AU24" s="110">
        <v>48228</v>
      </c>
      <c r="AV24" s="114">
        <v>39504</v>
      </c>
      <c r="AW24" s="113">
        <v>87732</v>
      </c>
      <c r="AX24" s="110">
        <v>0</v>
      </c>
      <c r="AY24" s="114">
        <v>467379</v>
      </c>
      <c r="AZ24" s="114">
        <v>301754</v>
      </c>
      <c r="BA24" s="114">
        <v>138680</v>
      </c>
      <c r="BB24" s="114">
        <v>517318</v>
      </c>
      <c r="BC24" s="114">
        <v>143376</v>
      </c>
      <c r="BD24" s="113">
        <v>1568507</v>
      </c>
      <c r="BE24" s="116">
        <v>1656239</v>
      </c>
      <c r="BF24" s="110">
        <v>0</v>
      </c>
      <c r="BG24" s="114">
        <v>0</v>
      </c>
      <c r="BH24" s="112">
        <v>0</v>
      </c>
      <c r="BI24" s="111">
        <v>0</v>
      </c>
      <c r="BJ24" s="114">
        <v>104847</v>
      </c>
      <c r="BK24" s="114">
        <v>0</v>
      </c>
      <c r="BL24" s="114">
        <v>34563</v>
      </c>
      <c r="BM24" s="114">
        <v>37720</v>
      </c>
      <c r="BN24" s="114">
        <v>0</v>
      </c>
      <c r="BO24" s="113">
        <v>177130</v>
      </c>
      <c r="BP24" s="116">
        <v>177130</v>
      </c>
      <c r="BQ24" s="110">
        <v>11410</v>
      </c>
      <c r="BR24" s="114">
        <v>28665</v>
      </c>
      <c r="BS24" s="113">
        <v>40075</v>
      </c>
      <c r="BT24" s="110">
        <v>0</v>
      </c>
      <c r="BU24" s="114">
        <v>145838</v>
      </c>
      <c r="BV24" s="114">
        <v>271425</v>
      </c>
      <c r="BW24" s="114">
        <v>138425</v>
      </c>
      <c r="BX24" s="114">
        <v>194509</v>
      </c>
      <c r="BY24" s="114">
        <v>81963</v>
      </c>
      <c r="BZ24" s="113">
        <v>832160</v>
      </c>
      <c r="CA24" s="116">
        <v>872235</v>
      </c>
      <c r="CB24" s="110">
        <v>0</v>
      </c>
      <c r="CC24" s="114">
        <v>139168</v>
      </c>
      <c r="CD24" s="113">
        <v>139168</v>
      </c>
      <c r="CE24" s="110">
        <v>0</v>
      </c>
      <c r="CF24" s="114">
        <v>806053</v>
      </c>
      <c r="CG24" s="114">
        <v>1101473</v>
      </c>
      <c r="CH24" s="114">
        <v>405840</v>
      </c>
      <c r="CI24" s="114">
        <v>464421</v>
      </c>
      <c r="CJ24" s="114">
        <v>550644</v>
      </c>
      <c r="CK24" s="113">
        <v>3328431</v>
      </c>
      <c r="CL24" s="116">
        <v>3467599</v>
      </c>
      <c r="CM24" s="110">
        <v>0</v>
      </c>
      <c r="CN24" s="114">
        <v>0</v>
      </c>
      <c r="CO24" s="113">
        <v>0</v>
      </c>
      <c r="CP24" s="111">
        <v>0</v>
      </c>
      <c r="CQ24" s="114">
        <v>487708</v>
      </c>
      <c r="CR24" s="114">
        <v>823831</v>
      </c>
      <c r="CS24" s="114">
        <v>167271</v>
      </c>
      <c r="CT24" s="114">
        <v>241765</v>
      </c>
      <c r="CU24" s="114">
        <v>395427</v>
      </c>
      <c r="CV24" s="113">
        <v>2116002</v>
      </c>
      <c r="CW24" s="116">
        <v>2116002</v>
      </c>
      <c r="CX24" s="110">
        <v>0</v>
      </c>
      <c r="CY24" s="114">
        <v>139168</v>
      </c>
      <c r="CZ24" s="113">
        <v>139168</v>
      </c>
      <c r="DA24" s="110">
        <v>0</v>
      </c>
      <c r="DB24" s="114">
        <v>318345</v>
      </c>
      <c r="DC24" s="114">
        <v>277642</v>
      </c>
      <c r="DD24" s="114">
        <v>238569</v>
      </c>
      <c r="DE24" s="114">
        <v>222656</v>
      </c>
      <c r="DF24" s="114">
        <v>155217</v>
      </c>
      <c r="DG24" s="113">
        <v>1212429</v>
      </c>
      <c r="DH24" s="116">
        <v>1351597</v>
      </c>
      <c r="DI24" s="110">
        <v>0</v>
      </c>
      <c r="DJ24" s="114">
        <v>16262</v>
      </c>
      <c r="DK24" s="112">
        <v>16262</v>
      </c>
      <c r="DL24" s="111">
        <v>0</v>
      </c>
      <c r="DM24" s="114">
        <v>27283</v>
      </c>
      <c r="DN24" s="114">
        <v>35891</v>
      </c>
      <c r="DO24" s="114">
        <v>209684</v>
      </c>
      <c r="DP24" s="114">
        <v>163721</v>
      </c>
      <c r="DQ24" s="114">
        <v>75828</v>
      </c>
      <c r="DR24" s="113">
        <v>512407</v>
      </c>
      <c r="DS24" s="116">
        <v>528669</v>
      </c>
      <c r="DT24" s="110">
        <v>0</v>
      </c>
      <c r="DU24" s="114">
        <v>16262</v>
      </c>
      <c r="DV24" s="113">
        <v>16262</v>
      </c>
      <c r="DW24" s="110">
        <v>0</v>
      </c>
      <c r="DX24" s="114">
        <v>27283</v>
      </c>
      <c r="DY24" s="114">
        <v>35891</v>
      </c>
      <c r="DZ24" s="114">
        <v>118291</v>
      </c>
      <c r="EA24" s="114">
        <v>33083</v>
      </c>
      <c r="EB24" s="114">
        <v>75828</v>
      </c>
      <c r="EC24" s="113">
        <v>290376</v>
      </c>
      <c r="ED24" s="116">
        <v>306638</v>
      </c>
      <c r="EE24" s="110">
        <v>0</v>
      </c>
      <c r="EF24" s="112">
        <v>0</v>
      </c>
      <c r="EG24" s="113">
        <v>0</v>
      </c>
      <c r="EH24" s="110">
        <v>0</v>
      </c>
      <c r="EI24" s="114">
        <v>0</v>
      </c>
      <c r="EJ24" s="114">
        <v>0</v>
      </c>
      <c r="EK24" s="114">
        <v>91393</v>
      </c>
      <c r="EL24" s="114">
        <v>130638</v>
      </c>
      <c r="EM24" s="114">
        <v>0</v>
      </c>
      <c r="EN24" s="112">
        <v>222031</v>
      </c>
      <c r="EO24" s="116">
        <v>222031</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5"/>
      <c r="FE24" s="114">
        <v>0</v>
      </c>
      <c r="FF24" s="114">
        <v>0</v>
      </c>
      <c r="FG24" s="114">
        <v>0</v>
      </c>
      <c r="FH24" s="114">
        <v>0</v>
      </c>
      <c r="FI24" s="114">
        <v>0</v>
      </c>
      <c r="FJ24" s="113">
        <v>0</v>
      </c>
      <c r="FK24" s="116">
        <v>0</v>
      </c>
      <c r="FL24" s="110">
        <v>175290</v>
      </c>
      <c r="FM24" s="114">
        <v>129892</v>
      </c>
      <c r="FN24" s="113">
        <v>305182</v>
      </c>
      <c r="FO24" s="110">
        <v>0</v>
      </c>
      <c r="FP24" s="114">
        <v>185486</v>
      </c>
      <c r="FQ24" s="114">
        <v>243054</v>
      </c>
      <c r="FR24" s="114">
        <v>223174</v>
      </c>
      <c r="FS24" s="114">
        <v>296877</v>
      </c>
      <c r="FT24" s="114">
        <v>164518</v>
      </c>
      <c r="FU24" s="113">
        <v>1113109</v>
      </c>
      <c r="FV24" s="116">
        <v>1418291</v>
      </c>
      <c r="FW24" s="115">
        <v>16810</v>
      </c>
      <c r="FX24" s="114">
        <v>34160</v>
      </c>
      <c r="FY24" s="112">
        <v>50970</v>
      </c>
      <c r="FZ24" s="111">
        <v>0</v>
      </c>
      <c r="GA24" s="114">
        <v>165158</v>
      </c>
      <c r="GB24" s="114">
        <v>243054</v>
      </c>
      <c r="GC24" s="114">
        <v>223174</v>
      </c>
      <c r="GD24" s="114">
        <v>296877</v>
      </c>
      <c r="GE24" s="114">
        <v>118188</v>
      </c>
      <c r="GF24" s="113">
        <v>1046451</v>
      </c>
      <c r="GG24" s="316">
        <v>1097421</v>
      </c>
      <c r="GH24" s="115">
        <v>18480</v>
      </c>
      <c r="GI24" s="114">
        <v>0</v>
      </c>
      <c r="GJ24" s="112">
        <v>18480</v>
      </c>
      <c r="GK24" s="111">
        <v>0</v>
      </c>
      <c r="GL24" s="114">
        <v>20328</v>
      </c>
      <c r="GM24" s="114">
        <v>0</v>
      </c>
      <c r="GN24" s="114">
        <v>0</v>
      </c>
      <c r="GO24" s="114">
        <v>0</v>
      </c>
      <c r="GP24" s="114">
        <v>0</v>
      </c>
      <c r="GQ24" s="113">
        <v>20328</v>
      </c>
      <c r="GR24" s="116">
        <v>38808</v>
      </c>
      <c r="GS24" s="110">
        <v>140000</v>
      </c>
      <c r="GT24" s="114">
        <v>95732</v>
      </c>
      <c r="GU24" s="113">
        <v>235732</v>
      </c>
      <c r="GV24" s="110">
        <v>0</v>
      </c>
      <c r="GW24" s="114">
        <v>0</v>
      </c>
      <c r="GX24" s="114">
        <v>0</v>
      </c>
      <c r="GY24" s="114">
        <v>0</v>
      </c>
      <c r="GZ24" s="114">
        <v>0</v>
      </c>
      <c r="HA24" s="114">
        <v>46330</v>
      </c>
      <c r="HB24" s="112">
        <v>46330</v>
      </c>
      <c r="HC24" s="116">
        <v>282062</v>
      </c>
      <c r="HD24" s="110">
        <v>0</v>
      </c>
      <c r="HE24" s="114">
        <v>163752</v>
      </c>
      <c r="HF24" s="112">
        <v>163752</v>
      </c>
      <c r="HG24" s="111">
        <v>0</v>
      </c>
      <c r="HH24" s="114">
        <v>828717</v>
      </c>
      <c r="HI24" s="114">
        <v>2126535</v>
      </c>
      <c r="HJ24" s="114">
        <v>701201</v>
      </c>
      <c r="HK24" s="114">
        <v>583809</v>
      </c>
      <c r="HL24" s="114">
        <v>766506</v>
      </c>
      <c r="HM24" s="113">
        <v>5006768</v>
      </c>
      <c r="HN24" s="109">
        <v>5170520</v>
      </c>
      <c r="HO24" s="326"/>
      <c r="HP24" s="327"/>
      <c r="HQ24" s="328"/>
      <c r="HR24" s="329"/>
      <c r="HS24" s="327"/>
      <c r="HT24" s="327"/>
      <c r="HU24" s="327"/>
      <c r="HV24" s="327"/>
      <c r="HW24" s="327"/>
      <c r="HX24" s="330"/>
      <c r="HY24" s="331"/>
      <c r="HZ24" s="150">
        <v>0</v>
      </c>
      <c r="IA24" s="135">
        <v>0</v>
      </c>
      <c r="IB24" s="150">
        <v>0</v>
      </c>
      <c r="IC24" s="134">
        <v>0</v>
      </c>
      <c r="ID24" s="135">
        <v>316125</v>
      </c>
      <c r="IE24" s="136">
        <v>465454</v>
      </c>
      <c r="IF24" s="137">
        <v>1143945</v>
      </c>
      <c r="IG24" s="135">
        <v>464014</v>
      </c>
      <c r="IH24" s="137">
        <v>227064</v>
      </c>
      <c r="II24" s="138">
        <v>2616602</v>
      </c>
      <c r="IJ24" s="150">
        <v>2616602</v>
      </c>
      <c r="IK24" s="232">
        <v>0</v>
      </c>
      <c r="IL24" s="236">
        <v>0</v>
      </c>
      <c r="IM24" s="237">
        <v>0</v>
      </c>
      <c r="IN24" s="140"/>
      <c r="IO24" s="119">
        <v>0</v>
      </c>
      <c r="IP24" s="119">
        <v>97115</v>
      </c>
      <c r="IQ24" s="119">
        <v>0</v>
      </c>
      <c r="IR24" s="119">
        <v>355939</v>
      </c>
      <c r="IS24" s="119">
        <v>0</v>
      </c>
      <c r="IT24" s="141">
        <v>453054</v>
      </c>
      <c r="IU24" s="318">
        <v>453054</v>
      </c>
      <c r="IV24" s="142">
        <v>0</v>
      </c>
      <c r="IW24" s="119">
        <v>0</v>
      </c>
      <c r="IX24" s="120">
        <v>0</v>
      </c>
      <c r="IY24" s="144"/>
      <c r="IZ24" s="119">
        <v>0</v>
      </c>
      <c r="JA24" s="119">
        <v>0</v>
      </c>
      <c r="JB24" s="119">
        <v>0</v>
      </c>
      <c r="JC24" s="119">
        <v>8913</v>
      </c>
      <c r="JD24" s="119">
        <v>0</v>
      </c>
      <c r="JE24" s="120">
        <v>8913</v>
      </c>
      <c r="JF24" s="121">
        <v>8913</v>
      </c>
      <c r="JG24" s="142">
        <v>0</v>
      </c>
      <c r="JH24" s="119">
        <v>0</v>
      </c>
      <c r="JI24" s="141">
        <v>0</v>
      </c>
      <c r="JJ24" s="118">
        <v>0</v>
      </c>
      <c r="JK24" s="119">
        <v>171277</v>
      </c>
      <c r="JL24" s="119">
        <v>255084</v>
      </c>
      <c r="JM24" s="119">
        <v>306514</v>
      </c>
      <c r="JN24" s="119">
        <v>99162</v>
      </c>
      <c r="JO24" s="119">
        <v>0</v>
      </c>
      <c r="JP24" s="120">
        <v>832037</v>
      </c>
      <c r="JQ24" s="318">
        <v>832037</v>
      </c>
      <c r="JR24" s="142">
        <v>0</v>
      </c>
      <c r="JS24" s="119">
        <v>0</v>
      </c>
      <c r="JT24" s="141">
        <v>0</v>
      </c>
      <c r="JU24" s="118">
        <v>0</v>
      </c>
      <c r="JV24" s="119">
        <v>35026</v>
      </c>
      <c r="JW24" s="119">
        <v>113255</v>
      </c>
      <c r="JX24" s="119">
        <v>0</v>
      </c>
      <c r="JY24" s="119">
        <v>0</v>
      </c>
      <c r="JZ24" s="119">
        <v>0</v>
      </c>
      <c r="KA24" s="120">
        <v>148281</v>
      </c>
      <c r="KB24" s="318">
        <v>148281</v>
      </c>
      <c r="KC24" s="234">
        <v>0</v>
      </c>
      <c r="KD24" s="230">
        <v>0</v>
      </c>
      <c r="KE24" s="120">
        <v>0</v>
      </c>
      <c r="KF24" s="118">
        <v>0</v>
      </c>
      <c r="KG24" s="119">
        <v>109822</v>
      </c>
      <c r="KH24" s="119">
        <v>0</v>
      </c>
      <c r="KI24" s="119">
        <v>614083</v>
      </c>
      <c r="KJ24" s="119">
        <v>0</v>
      </c>
      <c r="KK24" s="119">
        <v>0</v>
      </c>
      <c r="KL24" s="120">
        <v>723905</v>
      </c>
      <c r="KM24" s="143">
        <v>723905</v>
      </c>
      <c r="KN24" s="232">
        <v>0</v>
      </c>
      <c r="KO24" s="236">
        <v>0</v>
      </c>
      <c r="KP24" s="237">
        <v>0</v>
      </c>
      <c r="KQ24" s="140"/>
      <c r="KR24" s="119">
        <v>0</v>
      </c>
      <c r="KS24" s="119">
        <v>0</v>
      </c>
      <c r="KT24" s="119">
        <v>223348</v>
      </c>
      <c r="KU24" s="119">
        <v>0</v>
      </c>
      <c r="KV24" s="119">
        <v>227064</v>
      </c>
      <c r="KW24" s="120">
        <v>450412</v>
      </c>
      <c r="KX24" s="318">
        <v>450412</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18">
        <v>0</v>
      </c>
      <c r="LU24" s="142">
        <v>0</v>
      </c>
      <c r="LV24" s="119">
        <v>0</v>
      </c>
      <c r="LW24" s="120">
        <v>0</v>
      </c>
      <c r="LX24" s="145"/>
      <c r="LY24" s="119">
        <v>0</v>
      </c>
      <c r="LZ24" s="119">
        <v>0</v>
      </c>
      <c r="MA24" s="119">
        <v>0</v>
      </c>
      <c r="MB24" s="119">
        <v>0</v>
      </c>
      <c r="MC24" s="119">
        <v>0</v>
      </c>
      <c r="MD24" s="120">
        <v>0</v>
      </c>
      <c r="ME24" s="121">
        <v>0</v>
      </c>
      <c r="MF24" s="142">
        <v>0</v>
      </c>
      <c r="MG24" s="119">
        <v>0</v>
      </c>
      <c r="MH24" s="120">
        <v>0</v>
      </c>
      <c r="MI24" s="145"/>
      <c r="MJ24" s="119">
        <v>0</v>
      </c>
      <c r="MK24" s="119">
        <v>878837</v>
      </c>
      <c r="ML24" s="119">
        <v>1243040</v>
      </c>
      <c r="MM24" s="119">
        <v>797252</v>
      </c>
      <c r="MN24" s="119">
        <v>779661</v>
      </c>
      <c r="MO24" s="120">
        <v>3698790</v>
      </c>
      <c r="MP24" s="143">
        <v>3698790</v>
      </c>
      <c r="MQ24" s="142">
        <v>0</v>
      </c>
      <c r="MR24" s="119">
        <v>0</v>
      </c>
      <c r="MS24" s="120">
        <v>0</v>
      </c>
      <c r="MT24" s="145"/>
      <c r="MU24" s="119">
        <v>0</v>
      </c>
      <c r="MV24" s="119">
        <v>0</v>
      </c>
      <c r="MW24" s="119">
        <v>510182</v>
      </c>
      <c r="MX24" s="119">
        <v>298399</v>
      </c>
      <c r="MY24" s="119">
        <v>492423</v>
      </c>
      <c r="MZ24" s="120">
        <v>1301004</v>
      </c>
      <c r="NA24" s="143">
        <v>1301004</v>
      </c>
      <c r="NB24" s="142">
        <v>0</v>
      </c>
      <c r="NC24" s="119">
        <v>0</v>
      </c>
      <c r="ND24" s="120">
        <v>0</v>
      </c>
      <c r="NE24" s="145"/>
      <c r="NF24" s="119">
        <v>0</v>
      </c>
      <c r="NG24" s="119">
        <v>878837</v>
      </c>
      <c r="NH24" s="119">
        <v>732858</v>
      </c>
      <c r="NI24" s="119">
        <v>498853</v>
      </c>
      <c r="NJ24" s="119">
        <v>287238</v>
      </c>
      <c r="NK24" s="120">
        <v>2397786</v>
      </c>
      <c r="NL24" s="318">
        <v>2397786</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234928</v>
      </c>
      <c r="OJ24" s="119">
        <v>517243</v>
      </c>
      <c r="OK24" s="141">
        <v>752171</v>
      </c>
      <c r="OL24" s="118">
        <v>0</v>
      </c>
      <c r="OM24" s="119">
        <v>3019261</v>
      </c>
      <c r="ON24" s="119">
        <v>5766704</v>
      </c>
      <c r="OO24" s="119">
        <v>4452444</v>
      </c>
      <c r="OP24" s="119">
        <v>4197020</v>
      </c>
      <c r="OQ24" s="119">
        <v>3053203</v>
      </c>
      <c r="OR24" s="120">
        <v>20488632</v>
      </c>
      <c r="OS24" s="143">
        <v>21240803</v>
      </c>
    </row>
    <row r="25" spans="2:409" ht="21" customHeight="1" x14ac:dyDescent="0.2">
      <c r="B25" s="126" t="s">
        <v>20</v>
      </c>
      <c r="C25" s="110">
        <v>333937</v>
      </c>
      <c r="D25" s="114">
        <v>462676</v>
      </c>
      <c r="E25" s="113">
        <v>796613</v>
      </c>
      <c r="F25" s="110">
        <v>0</v>
      </c>
      <c r="G25" s="114">
        <v>2643267</v>
      </c>
      <c r="H25" s="114">
        <v>4120183</v>
      </c>
      <c r="I25" s="114">
        <v>3562243</v>
      </c>
      <c r="J25" s="114">
        <v>3558045</v>
      </c>
      <c r="K25" s="114">
        <v>2967354</v>
      </c>
      <c r="L25" s="173">
        <v>16851092</v>
      </c>
      <c r="M25" s="116">
        <v>17647705</v>
      </c>
      <c r="N25" s="110">
        <v>68880</v>
      </c>
      <c r="O25" s="114">
        <v>146394</v>
      </c>
      <c r="P25" s="113">
        <v>215274</v>
      </c>
      <c r="Q25" s="110">
        <v>0</v>
      </c>
      <c r="R25" s="114">
        <v>1115980</v>
      </c>
      <c r="S25" s="114">
        <v>1428680</v>
      </c>
      <c r="T25" s="114">
        <v>1117782</v>
      </c>
      <c r="U25" s="114">
        <v>992546</v>
      </c>
      <c r="V25" s="114">
        <v>1201306</v>
      </c>
      <c r="W25" s="113">
        <v>5856294</v>
      </c>
      <c r="X25" s="116">
        <v>6071568</v>
      </c>
      <c r="Y25" s="110">
        <v>0</v>
      </c>
      <c r="Z25" s="114">
        <v>0</v>
      </c>
      <c r="AA25" s="113">
        <v>0</v>
      </c>
      <c r="AB25" s="110">
        <v>0</v>
      </c>
      <c r="AC25" s="114">
        <v>329229</v>
      </c>
      <c r="AD25" s="114">
        <v>496046</v>
      </c>
      <c r="AE25" s="114">
        <v>446458</v>
      </c>
      <c r="AF25" s="114">
        <v>459411</v>
      </c>
      <c r="AG25" s="114">
        <v>371564</v>
      </c>
      <c r="AH25" s="113">
        <v>2102708</v>
      </c>
      <c r="AI25" s="116">
        <v>2102708</v>
      </c>
      <c r="AJ25" s="110">
        <v>0</v>
      </c>
      <c r="AK25" s="114">
        <v>0</v>
      </c>
      <c r="AL25" s="113">
        <v>0</v>
      </c>
      <c r="AM25" s="110">
        <v>0</v>
      </c>
      <c r="AN25" s="114">
        <v>63836</v>
      </c>
      <c r="AO25" s="114">
        <v>41452</v>
      </c>
      <c r="AP25" s="114">
        <v>0</v>
      </c>
      <c r="AQ25" s="114">
        <v>123084</v>
      </c>
      <c r="AR25" s="114">
        <v>247596</v>
      </c>
      <c r="AS25" s="113">
        <v>475968</v>
      </c>
      <c r="AT25" s="116">
        <v>475968</v>
      </c>
      <c r="AU25" s="110">
        <v>33026</v>
      </c>
      <c r="AV25" s="114">
        <v>93346</v>
      </c>
      <c r="AW25" s="113">
        <v>126372</v>
      </c>
      <c r="AX25" s="110">
        <v>0</v>
      </c>
      <c r="AY25" s="114">
        <v>453987</v>
      </c>
      <c r="AZ25" s="114">
        <v>538921</v>
      </c>
      <c r="BA25" s="114">
        <v>409560</v>
      </c>
      <c r="BB25" s="114">
        <v>225716</v>
      </c>
      <c r="BC25" s="114">
        <v>413542</v>
      </c>
      <c r="BD25" s="113">
        <v>2041726</v>
      </c>
      <c r="BE25" s="116">
        <v>2168098</v>
      </c>
      <c r="BF25" s="110">
        <v>0</v>
      </c>
      <c r="BG25" s="114">
        <v>43381</v>
      </c>
      <c r="BH25" s="112">
        <v>43381</v>
      </c>
      <c r="BI25" s="111">
        <v>0</v>
      </c>
      <c r="BJ25" s="114">
        <v>157138</v>
      </c>
      <c r="BK25" s="114">
        <v>219107</v>
      </c>
      <c r="BL25" s="114">
        <v>111292</v>
      </c>
      <c r="BM25" s="114">
        <v>62052</v>
      </c>
      <c r="BN25" s="114">
        <v>28107</v>
      </c>
      <c r="BO25" s="113">
        <v>577696</v>
      </c>
      <c r="BP25" s="116">
        <v>621077</v>
      </c>
      <c r="BQ25" s="110">
        <v>35854</v>
      </c>
      <c r="BR25" s="114">
        <v>9667</v>
      </c>
      <c r="BS25" s="113">
        <v>45521</v>
      </c>
      <c r="BT25" s="110">
        <v>0</v>
      </c>
      <c r="BU25" s="114">
        <v>111790</v>
      </c>
      <c r="BV25" s="114">
        <v>133154</v>
      </c>
      <c r="BW25" s="114">
        <v>150472</v>
      </c>
      <c r="BX25" s="114">
        <v>122283</v>
      </c>
      <c r="BY25" s="114">
        <v>140497</v>
      </c>
      <c r="BZ25" s="113">
        <v>658196</v>
      </c>
      <c r="CA25" s="116">
        <v>703717</v>
      </c>
      <c r="CB25" s="110">
        <v>0</v>
      </c>
      <c r="CC25" s="114">
        <v>103478</v>
      </c>
      <c r="CD25" s="113">
        <v>103478</v>
      </c>
      <c r="CE25" s="110">
        <v>0</v>
      </c>
      <c r="CF25" s="114">
        <v>731227</v>
      </c>
      <c r="CG25" s="114">
        <v>1453596</v>
      </c>
      <c r="CH25" s="114">
        <v>1245441</v>
      </c>
      <c r="CI25" s="114">
        <v>626368</v>
      </c>
      <c r="CJ25" s="114">
        <v>704084</v>
      </c>
      <c r="CK25" s="113">
        <v>4760716</v>
      </c>
      <c r="CL25" s="116">
        <v>4864194</v>
      </c>
      <c r="CM25" s="110">
        <v>0</v>
      </c>
      <c r="CN25" s="114">
        <v>0</v>
      </c>
      <c r="CO25" s="113">
        <v>0</v>
      </c>
      <c r="CP25" s="111">
        <v>0</v>
      </c>
      <c r="CQ25" s="114">
        <v>488599</v>
      </c>
      <c r="CR25" s="114">
        <v>1080489</v>
      </c>
      <c r="CS25" s="114">
        <v>862040</v>
      </c>
      <c r="CT25" s="114">
        <v>369956</v>
      </c>
      <c r="CU25" s="114">
        <v>453924</v>
      </c>
      <c r="CV25" s="113">
        <v>3255008</v>
      </c>
      <c r="CW25" s="116">
        <v>3255008</v>
      </c>
      <c r="CX25" s="110">
        <v>0</v>
      </c>
      <c r="CY25" s="114">
        <v>103478</v>
      </c>
      <c r="CZ25" s="113">
        <v>103478</v>
      </c>
      <c r="DA25" s="110">
        <v>0</v>
      </c>
      <c r="DB25" s="114">
        <v>242628</v>
      </c>
      <c r="DC25" s="114">
        <v>373107</v>
      </c>
      <c r="DD25" s="114">
        <v>383401</v>
      </c>
      <c r="DE25" s="114">
        <v>256412</v>
      </c>
      <c r="DF25" s="114">
        <v>250160</v>
      </c>
      <c r="DG25" s="113">
        <v>1505708</v>
      </c>
      <c r="DH25" s="116">
        <v>1609186</v>
      </c>
      <c r="DI25" s="110">
        <v>0</v>
      </c>
      <c r="DJ25" s="114">
        <v>34951</v>
      </c>
      <c r="DK25" s="112">
        <v>34951</v>
      </c>
      <c r="DL25" s="111">
        <v>0</v>
      </c>
      <c r="DM25" s="114">
        <v>201441</v>
      </c>
      <c r="DN25" s="114">
        <v>138157</v>
      </c>
      <c r="DO25" s="114">
        <v>222890</v>
      </c>
      <c r="DP25" s="114">
        <v>741355</v>
      </c>
      <c r="DQ25" s="114">
        <v>77087</v>
      </c>
      <c r="DR25" s="113">
        <v>1380930</v>
      </c>
      <c r="DS25" s="116">
        <v>1415881</v>
      </c>
      <c r="DT25" s="110">
        <v>0</v>
      </c>
      <c r="DU25" s="114">
        <v>34951</v>
      </c>
      <c r="DV25" s="113">
        <v>34951</v>
      </c>
      <c r="DW25" s="110">
        <v>0</v>
      </c>
      <c r="DX25" s="114">
        <v>201441</v>
      </c>
      <c r="DY25" s="114">
        <v>138157</v>
      </c>
      <c r="DZ25" s="114">
        <v>180652</v>
      </c>
      <c r="EA25" s="114">
        <v>654215</v>
      </c>
      <c r="EB25" s="114">
        <v>77087</v>
      </c>
      <c r="EC25" s="113">
        <v>1251552</v>
      </c>
      <c r="ED25" s="116">
        <v>1286503</v>
      </c>
      <c r="EE25" s="110">
        <v>0</v>
      </c>
      <c r="EF25" s="112">
        <v>0</v>
      </c>
      <c r="EG25" s="113">
        <v>0</v>
      </c>
      <c r="EH25" s="110">
        <v>0</v>
      </c>
      <c r="EI25" s="114">
        <v>0</v>
      </c>
      <c r="EJ25" s="114">
        <v>0</v>
      </c>
      <c r="EK25" s="114">
        <v>42238</v>
      </c>
      <c r="EL25" s="114">
        <v>87140</v>
      </c>
      <c r="EM25" s="114">
        <v>0</v>
      </c>
      <c r="EN25" s="112">
        <v>129378</v>
      </c>
      <c r="EO25" s="116">
        <v>129378</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5"/>
      <c r="FE25" s="114">
        <v>0</v>
      </c>
      <c r="FF25" s="114">
        <v>0</v>
      </c>
      <c r="FG25" s="114">
        <v>0</v>
      </c>
      <c r="FH25" s="114">
        <v>0</v>
      </c>
      <c r="FI25" s="114">
        <v>0</v>
      </c>
      <c r="FJ25" s="113">
        <v>0</v>
      </c>
      <c r="FK25" s="116">
        <v>0</v>
      </c>
      <c r="FL25" s="110">
        <v>110691</v>
      </c>
      <c r="FM25" s="114">
        <v>98868</v>
      </c>
      <c r="FN25" s="113">
        <v>209559</v>
      </c>
      <c r="FO25" s="110">
        <v>0</v>
      </c>
      <c r="FP25" s="114">
        <v>316344</v>
      </c>
      <c r="FQ25" s="114">
        <v>348939</v>
      </c>
      <c r="FR25" s="114">
        <v>264936</v>
      </c>
      <c r="FS25" s="114">
        <v>386346</v>
      </c>
      <c r="FT25" s="114">
        <v>347767</v>
      </c>
      <c r="FU25" s="113">
        <v>1664332</v>
      </c>
      <c r="FV25" s="116">
        <v>1873891</v>
      </c>
      <c r="FW25" s="115">
        <v>35791</v>
      </c>
      <c r="FX25" s="114">
        <v>98868</v>
      </c>
      <c r="FY25" s="112">
        <v>134659</v>
      </c>
      <c r="FZ25" s="111">
        <v>0</v>
      </c>
      <c r="GA25" s="114">
        <v>141344</v>
      </c>
      <c r="GB25" s="114">
        <v>312347</v>
      </c>
      <c r="GC25" s="114">
        <v>243236</v>
      </c>
      <c r="GD25" s="114">
        <v>288050</v>
      </c>
      <c r="GE25" s="114">
        <v>347767</v>
      </c>
      <c r="GF25" s="113">
        <v>1332744</v>
      </c>
      <c r="GG25" s="316">
        <v>1467403</v>
      </c>
      <c r="GH25" s="115">
        <v>0</v>
      </c>
      <c r="GI25" s="114">
        <v>0</v>
      </c>
      <c r="GJ25" s="112">
        <v>0</v>
      </c>
      <c r="GK25" s="111">
        <v>0</v>
      </c>
      <c r="GL25" s="114">
        <v>35000</v>
      </c>
      <c r="GM25" s="114">
        <v>36592</v>
      </c>
      <c r="GN25" s="114">
        <v>0</v>
      </c>
      <c r="GO25" s="114">
        <v>18356</v>
      </c>
      <c r="GP25" s="114">
        <v>0</v>
      </c>
      <c r="GQ25" s="113">
        <v>89948</v>
      </c>
      <c r="GR25" s="116">
        <v>89948</v>
      </c>
      <c r="GS25" s="110">
        <v>74900</v>
      </c>
      <c r="GT25" s="114">
        <v>0</v>
      </c>
      <c r="GU25" s="113">
        <v>74900</v>
      </c>
      <c r="GV25" s="110">
        <v>0</v>
      </c>
      <c r="GW25" s="114">
        <v>140000</v>
      </c>
      <c r="GX25" s="114">
        <v>0</v>
      </c>
      <c r="GY25" s="114">
        <v>21700</v>
      </c>
      <c r="GZ25" s="114">
        <v>79940</v>
      </c>
      <c r="HA25" s="114">
        <v>0</v>
      </c>
      <c r="HB25" s="112">
        <v>241640</v>
      </c>
      <c r="HC25" s="116">
        <v>316540</v>
      </c>
      <c r="HD25" s="110">
        <v>154366</v>
      </c>
      <c r="HE25" s="114">
        <v>78985</v>
      </c>
      <c r="HF25" s="112">
        <v>233351</v>
      </c>
      <c r="HG25" s="111">
        <v>0</v>
      </c>
      <c r="HH25" s="114">
        <v>278275</v>
      </c>
      <c r="HI25" s="114">
        <v>750811</v>
      </c>
      <c r="HJ25" s="114">
        <v>711194</v>
      </c>
      <c r="HK25" s="114">
        <v>811430</v>
      </c>
      <c r="HL25" s="114">
        <v>637110</v>
      </c>
      <c r="HM25" s="113">
        <v>3188820</v>
      </c>
      <c r="HN25" s="109">
        <v>3422171</v>
      </c>
      <c r="HO25" s="326"/>
      <c r="HP25" s="327"/>
      <c r="HQ25" s="328"/>
      <c r="HR25" s="329"/>
      <c r="HS25" s="327"/>
      <c r="HT25" s="327"/>
      <c r="HU25" s="327"/>
      <c r="HV25" s="327"/>
      <c r="HW25" s="327"/>
      <c r="HX25" s="330"/>
      <c r="HY25" s="331"/>
      <c r="HZ25" s="131">
        <v>0</v>
      </c>
      <c r="IA25" s="132">
        <v>66113</v>
      </c>
      <c r="IB25" s="133">
        <v>66113</v>
      </c>
      <c r="IC25" s="146">
        <v>0</v>
      </c>
      <c r="ID25" s="132">
        <v>841399</v>
      </c>
      <c r="IE25" s="147">
        <v>691949</v>
      </c>
      <c r="IF25" s="133">
        <v>600990</v>
      </c>
      <c r="IG25" s="132">
        <v>0</v>
      </c>
      <c r="IH25" s="133">
        <v>477281</v>
      </c>
      <c r="II25" s="148">
        <v>2611619</v>
      </c>
      <c r="IJ25" s="139">
        <v>2677732</v>
      </c>
      <c r="IK25" s="232">
        <v>0</v>
      </c>
      <c r="IL25" s="236">
        <v>0</v>
      </c>
      <c r="IM25" s="237">
        <v>0</v>
      </c>
      <c r="IN25" s="140"/>
      <c r="IO25" s="119">
        <v>0</v>
      </c>
      <c r="IP25" s="119">
        <v>174690</v>
      </c>
      <c r="IQ25" s="119">
        <v>0</v>
      </c>
      <c r="IR25" s="119">
        <v>0</v>
      </c>
      <c r="IS25" s="119">
        <v>0</v>
      </c>
      <c r="IT25" s="141">
        <v>174690</v>
      </c>
      <c r="IU25" s="318">
        <v>17469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160571</v>
      </c>
      <c r="JL25" s="119">
        <v>298332</v>
      </c>
      <c r="JM25" s="119">
        <v>10425</v>
      </c>
      <c r="JN25" s="119">
        <v>0</v>
      </c>
      <c r="JO25" s="119">
        <v>0</v>
      </c>
      <c r="JP25" s="120">
        <v>469328</v>
      </c>
      <c r="JQ25" s="318">
        <v>469328</v>
      </c>
      <c r="JR25" s="142">
        <v>0</v>
      </c>
      <c r="JS25" s="119">
        <v>0</v>
      </c>
      <c r="JT25" s="141">
        <v>0</v>
      </c>
      <c r="JU25" s="118">
        <v>0</v>
      </c>
      <c r="JV25" s="119">
        <v>0</v>
      </c>
      <c r="JW25" s="119">
        <v>0</v>
      </c>
      <c r="JX25" s="119">
        <v>0</v>
      </c>
      <c r="JY25" s="119">
        <v>0</v>
      </c>
      <c r="JZ25" s="119">
        <v>0</v>
      </c>
      <c r="KA25" s="120">
        <v>0</v>
      </c>
      <c r="KB25" s="318">
        <v>0</v>
      </c>
      <c r="KC25" s="234">
        <v>0</v>
      </c>
      <c r="KD25" s="230">
        <v>66113</v>
      </c>
      <c r="KE25" s="120">
        <v>66113</v>
      </c>
      <c r="KF25" s="118">
        <v>0</v>
      </c>
      <c r="KG25" s="119">
        <v>261243</v>
      </c>
      <c r="KH25" s="119">
        <v>0</v>
      </c>
      <c r="KI25" s="119">
        <v>137815</v>
      </c>
      <c r="KJ25" s="119">
        <v>0</v>
      </c>
      <c r="KK25" s="119">
        <v>0</v>
      </c>
      <c r="KL25" s="120">
        <v>399058</v>
      </c>
      <c r="KM25" s="143">
        <v>465171</v>
      </c>
      <c r="KN25" s="232">
        <v>0</v>
      </c>
      <c r="KO25" s="236">
        <v>0</v>
      </c>
      <c r="KP25" s="237">
        <v>0</v>
      </c>
      <c r="KQ25" s="140"/>
      <c r="KR25" s="119">
        <v>419585</v>
      </c>
      <c r="KS25" s="119">
        <v>218927</v>
      </c>
      <c r="KT25" s="119">
        <v>452750</v>
      </c>
      <c r="KU25" s="119">
        <v>0</v>
      </c>
      <c r="KV25" s="119">
        <v>477281</v>
      </c>
      <c r="KW25" s="120">
        <v>1568543</v>
      </c>
      <c r="KX25" s="318">
        <v>1568543</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18">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410333</v>
      </c>
      <c r="MK25" s="119">
        <v>468899</v>
      </c>
      <c r="ML25" s="119">
        <v>108474</v>
      </c>
      <c r="MM25" s="119">
        <v>2448726</v>
      </c>
      <c r="MN25" s="119">
        <v>1439131</v>
      </c>
      <c r="MO25" s="120">
        <v>4875563</v>
      </c>
      <c r="MP25" s="143">
        <v>4875563</v>
      </c>
      <c r="MQ25" s="142">
        <v>0</v>
      </c>
      <c r="MR25" s="119">
        <v>0</v>
      </c>
      <c r="MS25" s="120">
        <v>0</v>
      </c>
      <c r="MT25" s="145"/>
      <c r="MU25" s="119">
        <v>0</v>
      </c>
      <c r="MV25" s="119">
        <v>219900</v>
      </c>
      <c r="MW25" s="119">
        <v>0</v>
      </c>
      <c r="MX25" s="119">
        <v>1693273</v>
      </c>
      <c r="MY25" s="119">
        <v>1439131</v>
      </c>
      <c r="MZ25" s="120">
        <v>3352304</v>
      </c>
      <c r="NA25" s="143">
        <v>3352304</v>
      </c>
      <c r="NB25" s="142">
        <v>0</v>
      </c>
      <c r="NC25" s="119">
        <v>0</v>
      </c>
      <c r="ND25" s="120">
        <v>0</v>
      </c>
      <c r="NE25" s="145"/>
      <c r="NF25" s="119">
        <v>410333</v>
      </c>
      <c r="NG25" s="119">
        <v>248999</v>
      </c>
      <c r="NH25" s="119">
        <v>108474</v>
      </c>
      <c r="NI25" s="119">
        <v>755453</v>
      </c>
      <c r="NJ25" s="119">
        <v>0</v>
      </c>
      <c r="NK25" s="120">
        <v>1523259</v>
      </c>
      <c r="NL25" s="318">
        <v>1523259</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333937</v>
      </c>
      <c r="OJ25" s="119">
        <v>528789</v>
      </c>
      <c r="OK25" s="141">
        <v>862726</v>
      </c>
      <c r="OL25" s="118">
        <v>0</v>
      </c>
      <c r="OM25" s="119">
        <v>3894999</v>
      </c>
      <c r="ON25" s="119">
        <v>5281031</v>
      </c>
      <c r="OO25" s="119">
        <v>4271707</v>
      </c>
      <c r="OP25" s="119">
        <v>6006771</v>
      </c>
      <c r="OQ25" s="119">
        <v>4883766</v>
      </c>
      <c r="OR25" s="120">
        <v>24338274</v>
      </c>
      <c r="OS25" s="143">
        <v>25201000</v>
      </c>
    </row>
    <row r="26" spans="2:409" ht="21" customHeight="1" x14ac:dyDescent="0.2">
      <c r="B26" s="126" t="s">
        <v>21</v>
      </c>
      <c r="C26" s="110">
        <v>215677</v>
      </c>
      <c r="D26" s="114">
        <v>278803</v>
      </c>
      <c r="E26" s="113">
        <v>494480</v>
      </c>
      <c r="F26" s="109">
        <v>0</v>
      </c>
      <c r="G26" s="114">
        <v>3454557</v>
      </c>
      <c r="H26" s="114">
        <v>3014282</v>
      </c>
      <c r="I26" s="114">
        <v>2893758</v>
      </c>
      <c r="J26" s="114">
        <v>1784064</v>
      </c>
      <c r="K26" s="114">
        <v>2077895</v>
      </c>
      <c r="L26" s="173">
        <v>13224556</v>
      </c>
      <c r="M26" s="116">
        <v>13719036</v>
      </c>
      <c r="N26" s="110">
        <v>85250</v>
      </c>
      <c r="O26" s="114">
        <v>58863</v>
      </c>
      <c r="P26" s="113">
        <v>144113</v>
      </c>
      <c r="Q26" s="110">
        <v>0</v>
      </c>
      <c r="R26" s="114">
        <v>1314254</v>
      </c>
      <c r="S26" s="114">
        <v>1046008</v>
      </c>
      <c r="T26" s="114">
        <v>821464</v>
      </c>
      <c r="U26" s="114">
        <v>692036</v>
      </c>
      <c r="V26" s="114">
        <v>1499433</v>
      </c>
      <c r="W26" s="113">
        <v>5373195</v>
      </c>
      <c r="X26" s="116">
        <v>5517308</v>
      </c>
      <c r="Y26" s="110">
        <v>0</v>
      </c>
      <c r="Z26" s="114">
        <v>0</v>
      </c>
      <c r="AA26" s="113">
        <v>0</v>
      </c>
      <c r="AB26" s="110">
        <v>0</v>
      </c>
      <c r="AC26" s="114">
        <v>560398</v>
      </c>
      <c r="AD26" s="114">
        <v>543181</v>
      </c>
      <c r="AE26" s="114">
        <v>272613</v>
      </c>
      <c r="AF26" s="114">
        <v>505961</v>
      </c>
      <c r="AG26" s="114">
        <v>931223</v>
      </c>
      <c r="AH26" s="113">
        <v>2813376</v>
      </c>
      <c r="AI26" s="116">
        <v>2813376</v>
      </c>
      <c r="AJ26" s="110">
        <v>0</v>
      </c>
      <c r="AK26" s="114">
        <v>0</v>
      </c>
      <c r="AL26" s="113">
        <v>0</v>
      </c>
      <c r="AM26" s="110">
        <v>0</v>
      </c>
      <c r="AN26" s="114">
        <v>0</v>
      </c>
      <c r="AO26" s="114">
        <v>0</v>
      </c>
      <c r="AP26" s="114">
        <v>0</v>
      </c>
      <c r="AQ26" s="114">
        <v>0</v>
      </c>
      <c r="AR26" s="114">
        <v>163659</v>
      </c>
      <c r="AS26" s="113">
        <v>163659</v>
      </c>
      <c r="AT26" s="116">
        <v>163659</v>
      </c>
      <c r="AU26" s="110">
        <v>37216</v>
      </c>
      <c r="AV26" s="114">
        <v>41524</v>
      </c>
      <c r="AW26" s="113">
        <v>78740</v>
      </c>
      <c r="AX26" s="110">
        <v>0</v>
      </c>
      <c r="AY26" s="114">
        <v>452369</v>
      </c>
      <c r="AZ26" s="114">
        <v>251560</v>
      </c>
      <c r="BA26" s="114">
        <v>251482</v>
      </c>
      <c r="BB26" s="114">
        <v>52998</v>
      </c>
      <c r="BC26" s="114">
        <v>287121</v>
      </c>
      <c r="BD26" s="113">
        <v>1295530</v>
      </c>
      <c r="BE26" s="116">
        <v>1374270</v>
      </c>
      <c r="BF26" s="110">
        <v>0</v>
      </c>
      <c r="BG26" s="114">
        <v>0</v>
      </c>
      <c r="BH26" s="112">
        <v>0</v>
      </c>
      <c r="BI26" s="111">
        <v>0</v>
      </c>
      <c r="BJ26" s="114">
        <v>123085</v>
      </c>
      <c r="BK26" s="114">
        <v>18314</v>
      </c>
      <c r="BL26" s="114">
        <v>112604</v>
      </c>
      <c r="BM26" s="114">
        <v>0</v>
      </c>
      <c r="BN26" s="114">
        <v>35033</v>
      </c>
      <c r="BO26" s="113">
        <v>289036</v>
      </c>
      <c r="BP26" s="116">
        <v>289036</v>
      </c>
      <c r="BQ26" s="110">
        <v>48034</v>
      </c>
      <c r="BR26" s="114">
        <v>17339</v>
      </c>
      <c r="BS26" s="113">
        <v>65373</v>
      </c>
      <c r="BT26" s="110">
        <v>0</v>
      </c>
      <c r="BU26" s="114">
        <v>178402</v>
      </c>
      <c r="BV26" s="114">
        <v>232953</v>
      </c>
      <c r="BW26" s="114">
        <v>184765</v>
      </c>
      <c r="BX26" s="114">
        <v>133077</v>
      </c>
      <c r="BY26" s="114">
        <v>82397</v>
      </c>
      <c r="BZ26" s="113">
        <v>811594</v>
      </c>
      <c r="CA26" s="116">
        <v>876967</v>
      </c>
      <c r="CB26" s="110">
        <v>0</v>
      </c>
      <c r="CC26" s="114">
        <v>33187</v>
      </c>
      <c r="CD26" s="113">
        <v>33187</v>
      </c>
      <c r="CE26" s="110">
        <v>0</v>
      </c>
      <c r="CF26" s="114">
        <v>945190</v>
      </c>
      <c r="CG26" s="114">
        <v>730920</v>
      </c>
      <c r="CH26" s="114">
        <v>375758</v>
      </c>
      <c r="CI26" s="114">
        <v>318876</v>
      </c>
      <c r="CJ26" s="114">
        <v>283093</v>
      </c>
      <c r="CK26" s="113">
        <v>2653837</v>
      </c>
      <c r="CL26" s="116">
        <v>2687024</v>
      </c>
      <c r="CM26" s="110">
        <v>0</v>
      </c>
      <c r="CN26" s="114">
        <v>0</v>
      </c>
      <c r="CO26" s="113">
        <v>0</v>
      </c>
      <c r="CP26" s="111">
        <v>0</v>
      </c>
      <c r="CQ26" s="114">
        <v>829572</v>
      </c>
      <c r="CR26" s="114">
        <v>564086</v>
      </c>
      <c r="CS26" s="114">
        <v>375758</v>
      </c>
      <c r="CT26" s="114">
        <v>282188</v>
      </c>
      <c r="CU26" s="114">
        <v>149919</v>
      </c>
      <c r="CV26" s="113">
        <v>2201523</v>
      </c>
      <c r="CW26" s="116">
        <v>2201523</v>
      </c>
      <c r="CX26" s="110">
        <v>0</v>
      </c>
      <c r="CY26" s="114">
        <v>33187</v>
      </c>
      <c r="CZ26" s="113">
        <v>33187</v>
      </c>
      <c r="DA26" s="110">
        <v>0</v>
      </c>
      <c r="DB26" s="114">
        <v>115618</v>
      </c>
      <c r="DC26" s="114">
        <v>166834</v>
      </c>
      <c r="DD26" s="114">
        <v>0</v>
      </c>
      <c r="DE26" s="114">
        <v>36688</v>
      </c>
      <c r="DF26" s="114">
        <v>133174</v>
      </c>
      <c r="DG26" s="113">
        <v>452314</v>
      </c>
      <c r="DH26" s="116">
        <v>485501</v>
      </c>
      <c r="DI26" s="110">
        <v>0</v>
      </c>
      <c r="DJ26" s="114">
        <v>64640</v>
      </c>
      <c r="DK26" s="112">
        <v>64640</v>
      </c>
      <c r="DL26" s="111">
        <v>0</v>
      </c>
      <c r="DM26" s="114">
        <v>125709</v>
      </c>
      <c r="DN26" s="114">
        <v>283294</v>
      </c>
      <c r="DO26" s="114">
        <v>192068</v>
      </c>
      <c r="DP26" s="114">
        <v>32619</v>
      </c>
      <c r="DQ26" s="114">
        <v>138814</v>
      </c>
      <c r="DR26" s="113">
        <v>772504</v>
      </c>
      <c r="DS26" s="116">
        <v>837144</v>
      </c>
      <c r="DT26" s="110">
        <v>0</v>
      </c>
      <c r="DU26" s="114">
        <v>64640</v>
      </c>
      <c r="DV26" s="113">
        <v>64640</v>
      </c>
      <c r="DW26" s="110">
        <v>0</v>
      </c>
      <c r="DX26" s="114">
        <v>110809</v>
      </c>
      <c r="DY26" s="114">
        <v>283294</v>
      </c>
      <c r="DZ26" s="114">
        <v>192068</v>
      </c>
      <c r="EA26" s="114">
        <v>32619</v>
      </c>
      <c r="EB26" s="114">
        <v>138814</v>
      </c>
      <c r="EC26" s="113">
        <v>757604</v>
      </c>
      <c r="ED26" s="116">
        <v>822244</v>
      </c>
      <c r="EE26" s="110">
        <v>0</v>
      </c>
      <c r="EF26" s="112">
        <v>0</v>
      </c>
      <c r="EG26" s="113">
        <v>0</v>
      </c>
      <c r="EH26" s="110">
        <v>0</v>
      </c>
      <c r="EI26" s="114">
        <v>14900</v>
      </c>
      <c r="EJ26" s="114">
        <v>0</v>
      </c>
      <c r="EK26" s="114">
        <v>0</v>
      </c>
      <c r="EL26" s="114">
        <v>0</v>
      </c>
      <c r="EM26" s="114">
        <v>0</v>
      </c>
      <c r="EN26" s="112">
        <v>14900</v>
      </c>
      <c r="EO26" s="116">
        <v>14900</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5"/>
      <c r="FE26" s="114">
        <v>0</v>
      </c>
      <c r="FF26" s="114">
        <v>0</v>
      </c>
      <c r="FG26" s="114">
        <v>0</v>
      </c>
      <c r="FH26" s="114">
        <v>0</v>
      </c>
      <c r="FI26" s="114">
        <v>0</v>
      </c>
      <c r="FJ26" s="113">
        <v>0</v>
      </c>
      <c r="FK26" s="116">
        <v>0</v>
      </c>
      <c r="FL26" s="110">
        <v>32690</v>
      </c>
      <c r="FM26" s="114">
        <v>38962</v>
      </c>
      <c r="FN26" s="113">
        <v>71652</v>
      </c>
      <c r="FO26" s="110">
        <v>0</v>
      </c>
      <c r="FP26" s="114">
        <v>63070</v>
      </c>
      <c r="FQ26" s="114">
        <v>264495</v>
      </c>
      <c r="FR26" s="114">
        <v>86730</v>
      </c>
      <c r="FS26" s="114">
        <v>95613</v>
      </c>
      <c r="FT26" s="114">
        <v>156555</v>
      </c>
      <c r="FU26" s="113">
        <v>666463</v>
      </c>
      <c r="FV26" s="116">
        <v>738115</v>
      </c>
      <c r="FW26" s="115">
        <v>32690</v>
      </c>
      <c r="FX26" s="114">
        <v>38962</v>
      </c>
      <c r="FY26" s="112">
        <v>71652</v>
      </c>
      <c r="FZ26" s="111">
        <v>0</v>
      </c>
      <c r="GA26" s="114">
        <v>63070</v>
      </c>
      <c r="GB26" s="114">
        <v>264495</v>
      </c>
      <c r="GC26" s="114">
        <v>86730</v>
      </c>
      <c r="GD26" s="114">
        <v>95613</v>
      </c>
      <c r="GE26" s="114">
        <v>156555</v>
      </c>
      <c r="GF26" s="113">
        <v>666463</v>
      </c>
      <c r="GG26" s="316">
        <v>738115</v>
      </c>
      <c r="GH26" s="115">
        <v>0</v>
      </c>
      <c r="GI26" s="114">
        <v>0</v>
      </c>
      <c r="GJ26" s="112">
        <v>0</v>
      </c>
      <c r="GK26" s="111">
        <v>0</v>
      </c>
      <c r="GL26" s="114">
        <v>0</v>
      </c>
      <c r="GM26" s="114">
        <v>0</v>
      </c>
      <c r="GN26" s="114">
        <v>0</v>
      </c>
      <c r="GO26" s="114">
        <v>0</v>
      </c>
      <c r="GP26" s="114">
        <v>0</v>
      </c>
      <c r="GQ26" s="113">
        <v>0</v>
      </c>
      <c r="GR26" s="116">
        <v>0</v>
      </c>
      <c r="GS26" s="110">
        <v>0</v>
      </c>
      <c r="GT26" s="114">
        <v>0</v>
      </c>
      <c r="GU26" s="113">
        <v>0</v>
      </c>
      <c r="GV26" s="110">
        <v>0</v>
      </c>
      <c r="GW26" s="114">
        <v>0</v>
      </c>
      <c r="GX26" s="114">
        <v>0</v>
      </c>
      <c r="GY26" s="114">
        <v>0</v>
      </c>
      <c r="GZ26" s="114">
        <v>0</v>
      </c>
      <c r="HA26" s="114">
        <v>0</v>
      </c>
      <c r="HB26" s="112">
        <v>0</v>
      </c>
      <c r="HC26" s="116">
        <v>0</v>
      </c>
      <c r="HD26" s="110">
        <v>97737</v>
      </c>
      <c r="HE26" s="114">
        <v>83151</v>
      </c>
      <c r="HF26" s="112">
        <v>180888</v>
      </c>
      <c r="HG26" s="111">
        <v>0</v>
      </c>
      <c r="HH26" s="114">
        <v>1006334</v>
      </c>
      <c r="HI26" s="114">
        <v>689565</v>
      </c>
      <c r="HJ26" s="114">
        <v>1417738</v>
      </c>
      <c r="HK26" s="114">
        <v>644920</v>
      </c>
      <c r="HL26" s="114">
        <v>0</v>
      </c>
      <c r="HM26" s="113">
        <v>3758557</v>
      </c>
      <c r="HN26" s="109">
        <v>3939445</v>
      </c>
      <c r="HO26" s="326"/>
      <c r="HP26" s="327"/>
      <c r="HQ26" s="328"/>
      <c r="HR26" s="329"/>
      <c r="HS26" s="327"/>
      <c r="HT26" s="327"/>
      <c r="HU26" s="327"/>
      <c r="HV26" s="327"/>
      <c r="HW26" s="327"/>
      <c r="HX26" s="330"/>
      <c r="HY26" s="331"/>
      <c r="HZ26" s="150">
        <v>0</v>
      </c>
      <c r="IA26" s="135">
        <v>0</v>
      </c>
      <c r="IB26" s="150">
        <v>0</v>
      </c>
      <c r="IC26" s="134">
        <v>0</v>
      </c>
      <c r="ID26" s="135">
        <v>519201</v>
      </c>
      <c r="IE26" s="136">
        <v>1032260</v>
      </c>
      <c r="IF26" s="137">
        <v>609659</v>
      </c>
      <c r="IG26" s="135">
        <v>1029964</v>
      </c>
      <c r="IH26" s="137">
        <v>0</v>
      </c>
      <c r="II26" s="138">
        <v>3191084</v>
      </c>
      <c r="IJ26" s="150">
        <v>3191084</v>
      </c>
      <c r="IK26" s="232">
        <v>0</v>
      </c>
      <c r="IL26" s="236">
        <v>0</v>
      </c>
      <c r="IM26" s="237">
        <v>0</v>
      </c>
      <c r="IN26" s="140"/>
      <c r="IO26" s="119">
        <v>63627</v>
      </c>
      <c r="IP26" s="119">
        <v>0</v>
      </c>
      <c r="IQ26" s="119">
        <v>0</v>
      </c>
      <c r="IR26" s="119">
        <v>0</v>
      </c>
      <c r="IS26" s="119">
        <v>0</v>
      </c>
      <c r="IT26" s="141">
        <v>63627</v>
      </c>
      <c r="IU26" s="318">
        <v>63627</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362531</v>
      </c>
      <c r="JL26" s="119">
        <v>151588</v>
      </c>
      <c r="JM26" s="119">
        <v>162860</v>
      </c>
      <c r="JN26" s="119">
        <v>119365</v>
      </c>
      <c r="JO26" s="119">
        <v>0</v>
      </c>
      <c r="JP26" s="120">
        <v>796344</v>
      </c>
      <c r="JQ26" s="318">
        <v>796344</v>
      </c>
      <c r="JR26" s="142">
        <v>0</v>
      </c>
      <c r="JS26" s="119">
        <v>0</v>
      </c>
      <c r="JT26" s="141">
        <v>0</v>
      </c>
      <c r="JU26" s="118">
        <v>0</v>
      </c>
      <c r="JV26" s="119">
        <v>0</v>
      </c>
      <c r="JW26" s="119">
        <v>0</v>
      </c>
      <c r="JX26" s="119">
        <v>0</v>
      </c>
      <c r="JY26" s="119">
        <v>0</v>
      </c>
      <c r="JZ26" s="119">
        <v>0</v>
      </c>
      <c r="KA26" s="120">
        <v>0</v>
      </c>
      <c r="KB26" s="318">
        <v>0</v>
      </c>
      <c r="KC26" s="234">
        <v>0</v>
      </c>
      <c r="KD26" s="230">
        <v>0</v>
      </c>
      <c r="KE26" s="120">
        <v>0</v>
      </c>
      <c r="KF26" s="118">
        <v>0</v>
      </c>
      <c r="KG26" s="119">
        <v>93043</v>
      </c>
      <c r="KH26" s="119">
        <v>0</v>
      </c>
      <c r="KI26" s="119">
        <v>0</v>
      </c>
      <c r="KJ26" s="119">
        <v>223137</v>
      </c>
      <c r="KK26" s="119">
        <v>0</v>
      </c>
      <c r="KL26" s="120">
        <v>316180</v>
      </c>
      <c r="KM26" s="143">
        <v>316180</v>
      </c>
      <c r="KN26" s="232">
        <v>0</v>
      </c>
      <c r="KO26" s="236">
        <v>0</v>
      </c>
      <c r="KP26" s="237">
        <v>0</v>
      </c>
      <c r="KQ26" s="140"/>
      <c r="KR26" s="119">
        <v>0</v>
      </c>
      <c r="KS26" s="119">
        <v>880672</v>
      </c>
      <c r="KT26" s="119">
        <v>446799</v>
      </c>
      <c r="KU26" s="119">
        <v>687462</v>
      </c>
      <c r="KV26" s="119">
        <v>0</v>
      </c>
      <c r="KW26" s="120">
        <v>2014933</v>
      </c>
      <c r="KX26" s="318">
        <v>2014933</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18">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979789</v>
      </c>
      <c r="ML26" s="119">
        <v>1324444</v>
      </c>
      <c r="MM26" s="119">
        <v>1603038</v>
      </c>
      <c r="MN26" s="119">
        <v>2439251</v>
      </c>
      <c r="MO26" s="120">
        <v>6346522</v>
      </c>
      <c r="MP26" s="143">
        <v>6346522</v>
      </c>
      <c r="MQ26" s="142">
        <v>0</v>
      </c>
      <c r="MR26" s="119">
        <v>0</v>
      </c>
      <c r="MS26" s="120">
        <v>0</v>
      </c>
      <c r="MT26" s="145"/>
      <c r="MU26" s="119">
        <v>0</v>
      </c>
      <c r="MV26" s="119">
        <v>0</v>
      </c>
      <c r="MW26" s="119">
        <v>1090430</v>
      </c>
      <c r="MX26" s="119">
        <v>1263756</v>
      </c>
      <c r="MY26" s="119">
        <v>1305556</v>
      </c>
      <c r="MZ26" s="120">
        <v>3659742</v>
      </c>
      <c r="NA26" s="143">
        <v>3659742</v>
      </c>
      <c r="NB26" s="142">
        <v>0</v>
      </c>
      <c r="NC26" s="119">
        <v>0</v>
      </c>
      <c r="ND26" s="120">
        <v>0</v>
      </c>
      <c r="NE26" s="145"/>
      <c r="NF26" s="119">
        <v>0</v>
      </c>
      <c r="NG26" s="119">
        <v>979789</v>
      </c>
      <c r="NH26" s="119">
        <v>234014</v>
      </c>
      <c r="NI26" s="119">
        <v>339282</v>
      </c>
      <c r="NJ26" s="119">
        <v>264567</v>
      </c>
      <c r="NK26" s="120">
        <v>1817652</v>
      </c>
      <c r="NL26" s="318">
        <v>1817652</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869128</v>
      </c>
      <c r="OG26" s="120">
        <v>869128</v>
      </c>
      <c r="OH26" s="121">
        <v>869128</v>
      </c>
      <c r="OI26" s="142">
        <v>215677</v>
      </c>
      <c r="OJ26" s="119">
        <v>278803</v>
      </c>
      <c r="OK26" s="141">
        <v>494480</v>
      </c>
      <c r="OL26" s="118">
        <v>0</v>
      </c>
      <c r="OM26" s="119">
        <v>3973758</v>
      </c>
      <c r="ON26" s="119">
        <v>5026331</v>
      </c>
      <c r="OO26" s="119">
        <v>4827861</v>
      </c>
      <c r="OP26" s="119">
        <v>4417066</v>
      </c>
      <c r="OQ26" s="119">
        <v>4517146</v>
      </c>
      <c r="OR26" s="120">
        <v>22762162</v>
      </c>
      <c r="OS26" s="143">
        <v>23256642</v>
      </c>
    </row>
    <row r="27" spans="2:409" ht="21" customHeight="1" x14ac:dyDescent="0.2">
      <c r="B27" s="126" t="s">
        <v>22</v>
      </c>
      <c r="C27" s="110">
        <v>2912</v>
      </c>
      <c r="D27" s="114">
        <v>11179</v>
      </c>
      <c r="E27" s="113">
        <v>14091</v>
      </c>
      <c r="F27" s="109">
        <v>0</v>
      </c>
      <c r="G27" s="114">
        <v>1055440</v>
      </c>
      <c r="H27" s="114">
        <v>1144072</v>
      </c>
      <c r="I27" s="114">
        <v>830840</v>
      </c>
      <c r="J27" s="114">
        <v>1404400</v>
      </c>
      <c r="K27" s="114">
        <v>1552973</v>
      </c>
      <c r="L27" s="173">
        <v>5987725</v>
      </c>
      <c r="M27" s="116">
        <v>6001816</v>
      </c>
      <c r="N27" s="110">
        <v>0</v>
      </c>
      <c r="O27" s="114">
        <v>3619</v>
      </c>
      <c r="P27" s="113">
        <v>3619</v>
      </c>
      <c r="Q27" s="110">
        <v>0</v>
      </c>
      <c r="R27" s="114">
        <v>295393</v>
      </c>
      <c r="S27" s="114">
        <v>203950</v>
      </c>
      <c r="T27" s="114">
        <v>242137</v>
      </c>
      <c r="U27" s="114">
        <v>212800</v>
      </c>
      <c r="V27" s="114">
        <v>1011890</v>
      </c>
      <c r="W27" s="113">
        <v>1966170</v>
      </c>
      <c r="X27" s="116">
        <v>1969789</v>
      </c>
      <c r="Y27" s="110">
        <v>0</v>
      </c>
      <c r="Z27" s="114">
        <v>0</v>
      </c>
      <c r="AA27" s="113">
        <v>0</v>
      </c>
      <c r="AB27" s="110">
        <v>0</v>
      </c>
      <c r="AC27" s="114">
        <v>65324</v>
      </c>
      <c r="AD27" s="114">
        <v>0</v>
      </c>
      <c r="AE27" s="114">
        <v>159627</v>
      </c>
      <c r="AF27" s="114">
        <v>8421</v>
      </c>
      <c r="AG27" s="114">
        <v>363720</v>
      </c>
      <c r="AH27" s="113">
        <v>597092</v>
      </c>
      <c r="AI27" s="116">
        <v>597092</v>
      </c>
      <c r="AJ27" s="110">
        <v>0</v>
      </c>
      <c r="AK27" s="114">
        <v>0</v>
      </c>
      <c r="AL27" s="113">
        <v>0</v>
      </c>
      <c r="AM27" s="110">
        <v>0</v>
      </c>
      <c r="AN27" s="114">
        <v>0</v>
      </c>
      <c r="AO27" s="114">
        <v>0</v>
      </c>
      <c r="AP27" s="114">
        <v>0</v>
      </c>
      <c r="AQ27" s="114">
        <v>0</v>
      </c>
      <c r="AR27" s="114">
        <v>338215</v>
      </c>
      <c r="AS27" s="113">
        <v>338215</v>
      </c>
      <c r="AT27" s="116">
        <v>338215</v>
      </c>
      <c r="AU27" s="110">
        <v>0</v>
      </c>
      <c r="AV27" s="114">
        <v>0</v>
      </c>
      <c r="AW27" s="113">
        <v>0</v>
      </c>
      <c r="AX27" s="110">
        <v>0</v>
      </c>
      <c r="AY27" s="114">
        <v>133021</v>
      </c>
      <c r="AZ27" s="114">
        <v>156504</v>
      </c>
      <c r="BA27" s="114">
        <v>65710</v>
      </c>
      <c r="BB27" s="114">
        <v>83608</v>
      </c>
      <c r="BC27" s="114">
        <v>301555</v>
      </c>
      <c r="BD27" s="113">
        <v>740398</v>
      </c>
      <c r="BE27" s="116">
        <v>740398</v>
      </c>
      <c r="BF27" s="110">
        <v>0</v>
      </c>
      <c r="BG27" s="114">
        <v>0</v>
      </c>
      <c r="BH27" s="112">
        <v>0</v>
      </c>
      <c r="BI27" s="111">
        <v>0</v>
      </c>
      <c r="BJ27" s="114">
        <v>53536</v>
      </c>
      <c r="BK27" s="114">
        <v>26768</v>
      </c>
      <c r="BL27" s="114">
        <v>0</v>
      </c>
      <c r="BM27" s="114">
        <v>66920</v>
      </c>
      <c r="BN27" s="114">
        <v>0</v>
      </c>
      <c r="BO27" s="113">
        <v>147224</v>
      </c>
      <c r="BP27" s="116">
        <v>147224</v>
      </c>
      <c r="BQ27" s="110">
        <v>0</v>
      </c>
      <c r="BR27" s="114">
        <v>3619</v>
      </c>
      <c r="BS27" s="113">
        <v>3619</v>
      </c>
      <c r="BT27" s="110">
        <v>0</v>
      </c>
      <c r="BU27" s="114">
        <v>43512</v>
      </c>
      <c r="BV27" s="114">
        <v>20678</v>
      </c>
      <c r="BW27" s="114">
        <v>16800</v>
      </c>
      <c r="BX27" s="114">
        <v>53851</v>
      </c>
      <c r="BY27" s="114">
        <v>8400</v>
      </c>
      <c r="BZ27" s="113">
        <v>143241</v>
      </c>
      <c r="CA27" s="116">
        <v>146860</v>
      </c>
      <c r="CB27" s="110">
        <v>0</v>
      </c>
      <c r="CC27" s="114">
        <v>0</v>
      </c>
      <c r="CD27" s="113">
        <v>0</v>
      </c>
      <c r="CE27" s="110">
        <v>0</v>
      </c>
      <c r="CF27" s="114">
        <v>285370</v>
      </c>
      <c r="CG27" s="114">
        <v>236545</v>
      </c>
      <c r="CH27" s="114">
        <v>223710</v>
      </c>
      <c r="CI27" s="114">
        <v>389305</v>
      </c>
      <c r="CJ27" s="114">
        <v>154672</v>
      </c>
      <c r="CK27" s="113">
        <v>1289602</v>
      </c>
      <c r="CL27" s="116">
        <v>1289602</v>
      </c>
      <c r="CM27" s="110">
        <v>0</v>
      </c>
      <c r="CN27" s="114">
        <v>0</v>
      </c>
      <c r="CO27" s="113">
        <v>0</v>
      </c>
      <c r="CP27" s="111">
        <v>0</v>
      </c>
      <c r="CQ27" s="114">
        <v>207218</v>
      </c>
      <c r="CR27" s="114">
        <v>98217</v>
      </c>
      <c r="CS27" s="114">
        <v>136236</v>
      </c>
      <c r="CT27" s="114">
        <v>303982</v>
      </c>
      <c r="CU27" s="114">
        <v>133616</v>
      </c>
      <c r="CV27" s="113">
        <v>879269</v>
      </c>
      <c r="CW27" s="116">
        <v>879269</v>
      </c>
      <c r="CX27" s="110">
        <v>0</v>
      </c>
      <c r="CY27" s="114">
        <v>0</v>
      </c>
      <c r="CZ27" s="113">
        <v>0</v>
      </c>
      <c r="DA27" s="110">
        <v>0</v>
      </c>
      <c r="DB27" s="114">
        <v>78152</v>
      </c>
      <c r="DC27" s="114">
        <v>138328</v>
      </c>
      <c r="DD27" s="114">
        <v>87474</v>
      </c>
      <c r="DE27" s="114">
        <v>85323</v>
      </c>
      <c r="DF27" s="114">
        <v>21056</v>
      </c>
      <c r="DG27" s="113">
        <v>410333</v>
      </c>
      <c r="DH27" s="116">
        <v>410333</v>
      </c>
      <c r="DI27" s="110">
        <v>0</v>
      </c>
      <c r="DJ27" s="114">
        <v>0</v>
      </c>
      <c r="DK27" s="112">
        <v>0</v>
      </c>
      <c r="DL27" s="111">
        <v>0</v>
      </c>
      <c r="DM27" s="114">
        <v>0</v>
      </c>
      <c r="DN27" s="114">
        <v>130387</v>
      </c>
      <c r="DO27" s="114">
        <v>114085</v>
      </c>
      <c r="DP27" s="114">
        <v>84122</v>
      </c>
      <c r="DQ27" s="114">
        <v>0</v>
      </c>
      <c r="DR27" s="113">
        <v>328594</v>
      </c>
      <c r="DS27" s="116">
        <v>328594</v>
      </c>
      <c r="DT27" s="110">
        <v>0</v>
      </c>
      <c r="DU27" s="114">
        <v>0</v>
      </c>
      <c r="DV27" s="113">
        <v>0</v>
      </c>
      <c r="DW27" s="110">
        <v>0</v>
      </c>
      <c r="DX27" s="114">
        <v>0</v>
      </c>
      <c r="DY27" s="114">
        <v>103249</v>
      </c>
      <c r="DZ27" s="114">
        <v>73324</v>
      </c>
      <c r="EA27" s="114">
        <v>84122</v>
      </c>
      <c r="EB27" s="114">
        <v>0</v>
      </c>
      <c r="EC27" s="113">
        <v>260695</v>
      </c>
      <c r="ED27" s="116">
        <v>260695</v>
      </c>
      <c r="EE27" s="110">
        <v>0</v>
      </c>
      <c r="EF27" s="112">
        <v>0</v>
      </c>
      <c r="EG27" s="113">
        <v>0</v>
      </c>
      <c r="EH27" s="110">
        <v>0</v>
      </c>
      <c r="EI27" s="114">
        <v>0</v>
      </c>
      <c r="EJ27" s="114">
        <v>27138</v>
      </c>
      <c r="EK27" s="114">
        <v>40761</v>
      </c>
      <c r="EL27" s="114">
        <v>0</v>
      </c>
      <c r="EM27" s="114">
        <v>0</v>
      </c>
      <c r="EN27" s="112">
        <v>67899</v>
      </c>
      <c r="EO27" s="116">
        <v>67899</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5"/>
      <c r="FE27" s="114">
        <v>0</v>
      </c>
      <c r="FF27" s="114">
        <v>0</v>
      </c>
      <c r="FG27" s="114">
        <v>0</v>
      </c>
      <c r="FH27" s="114">
        <v>0</v>
      </c>
      <c r="FI27" s="114">
        <v>0</v>
      </c>
      <c r="FJ27" s="113">
        <v>0</v>
      </c>
      <c r="FK27" s="116">
        <v>0</v>
      </c>
      <c r="FL27" s="110">
        <v>2912</v>
      </c>
      <c r="FM27" s="114">
        <v>7560</v>
      </c>
      <c r="FN27" s="113">
        <v>10472</v>
      </c>
      <c r="FO27" s="110">
        <v>0</v>
      </c>
      <c r="FP27" s="114">
        <v>62146</v>
      </c>
      <c r="FQ27" s="114">
        <v>22603</v>
      </c>
      <c r="FR27" s="114">
        <v>70938</v>
      </c>
      <c r="FS27" s="114">
        <v>66227</v>
      </c>
      <c r="FT27" s="114">
        <v>178556</v>
      </c>
      <c r="FU27" s="113">
        <v>400470</v>
      </c>
      <c r="FV27" s="116">
        <v>410942</v>
      </c>
      <c r="FW27" s="115">
        <v>2912</v>
      </c>
      <c r="FX27" s="114">
        <v>7560</v>
      </c>
      <c r="FY27" s="112">
        <v>10472</v>
      </c>
      <c r="FZ27" s="111">
        <v>0</v>
      </c>
      <c r="GA27" s="114">
        <v>62146</v>
      </c>
      <c r="GB27" s="114">
        <v>22603</v>
      </c>
      <c r="GC27" s="114">
        <v>70938</v>
      </c>
      <c r="GD27" s="114">
        <v>66227</v>
      </c>
      <c r="GE27" s="114">
        <v>146356</v>
      </c>
      <c r="GF27" s="113">
        <v>368270</v>
      </c>
      <c r="GG27" s="316">
        <v>378742</v>
      </c>
      <c r="GH27" s="115">
        <v>0</v>
      </c>
      <c r="GI27" s="114">
        <v>0</v>
      </c>
      <c r="GJ27" s="112">
        <v>0</v>
      </c>
      <c r="GK27" s="111">
        <v>0</v>
      </c>
      <c r="GL27" s="114">
        <v>0</v>
      </c>
      <c r="GM27" s="114">
        <v>0</v>
      </c>
      <c r="GN27" s="114">
        <v>0</v>
      </c>
      <c r="GO27" s="114">
        <v>0</v>
      </c>
      <c r="GP27" s="114">
        <v>32200</v>
      </c>
      <c r="GQ27" s="113">
        <v>32200</v>
      </c>
      <c r="GR27" s="116">
        <v>32200</v>
      </c>
      <c r="GS27" s="110">
        <v>0</v>
      </c>
      <c r="GT27" s="114">
        <v>0</v>
      </c>
      <c r="GU27" s="113">
        <v>0</v>
      </c>
      <c r="GV27" s="110">
        <v>0</v>
      </c>
      <c r="GW27" s="114">
        <v>0</v>
      </c>
      <c r="GX27" s="114">
        <v>0</v>
      </c>
      <c r="GY27" s="114">
        <v>0</v>
      </c>
      <c r="GZ27" s="114">
        <v>0</v>
      </c>
      <c r="HA27" s="114">
        <v>0</v>
      </c>
      <c r="HB27" s="112">
        <v>0</v>
      </c>
      <c r="HC27" s="116">
        <v>0</v>
      </c>
      <c r="HD27" s="110">
        <v>0</v>
      </c>
      <c r="HE27" s="114">
        <v>0</v>
      </c>
      <c r="HF27" s="112">
        <v>0</v>
      </c>
      <c r="HG27" s="111">
        <v>0</v>
      </c>
      <c r="HH27" s="114">
        <v>412531</v>
      </c>
      <c r="HI27" s="114">
        <v>550587</v>
      </c>
      <c r="HJ27" s="114">
        <v>179970</v>
      </c>
      <c r="HK27" s="114">
        <v>651946</v>
      </c>
      <c r="HL27" s="114">
        <v>207855</v>
      </c>
      <c r="HM27" s="113">
        <v>2002889</v>
      </c>
      <c r="HN27" s="109">
        <v>2002889</v>
      </c>
      <c r="HO27" s="326"/>
      <c r="HP27" s="327"/>
      <c r="HQ27" s="328"/>
      <c r="HR27" s="329"/>
      <c r="HS27" s="327"/>
      <c r="HT27" s="327"/>
      <c r="HU27" s="327"/>
      <c r="HV27" s="327"/>
      <c r="HW27" s="327"/>
      <c r="HX27" s="330"/>
      <c r="HY27" s="331"/>
      <c r="HZ27" s="131">
        <v>0</v>
      </c>
      <c r="IA27" s="132">
        <v>0</v>
      </c>
      <c r="IB27" s="133">
        <v>0</v>
      </c>
      <c r="IC27" s="146">
        <v>0</v>
      </c>
      <c r="ID27" s="132">
        <v>449393</v>
      </c>
      <c r="IE27" s="147">
        <v>334376</v>
      </c>
      <c r="IF27" s="133">
        <v>219548</v>
      </c>
      <c r="IG27" s="132">
        <v>152530</v>
      </c>
      <c r="IH27" s="133">
        <v>0</v>
      </c>
      <c r="II27" s="148">
        <v>1155847</v>
      </c>
      <c r="IJ27" s="139">
        <v>1155847</v>
      </c>
      <c r="IK27" s="232">
        <v>0</v>
      </c>
      <c r="IL27" s="236">
        <v>0</v>
      </c>
      <c r="IM27" s="237">
        <v>0</v>
      </c>
      <c r="IN27" s="140"/>
      <c r="IO27" s="119">
        <v>100576</v>
      </c>
      <c r="IP27" s="119">
        <v>0</v>
      </c>
      <c r="IQ27" s="119">
        <v>142527</v>
      </c>
      <c r="IR27" s="119">
        <v>0</v>
      </c>
      <c r="IS27" s="119">
        <v>0</v>
      </c>
      <c r="IT27" s="141">
        <v>243103</v>
      </c>
      <c r="IU27" s="318">
        <v>243103</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268345</v>
      </c>
      <c r="JL27" s="119">
        <v>70294</v>
      </c>
      <c r="JM27" s="119">
        <v>0</v>
      </c>
      <c r="JN27" s="119">
        <v>152530</v>
      </c>
      <c r="JO27" s="119">
        <v>0</v>
      </c>
      <c r="JP27" s="120">
        <v>491169</v>
      </c>
      <c r="JQ27" s="318">
        <v>491169</v>
      </c>
      <c r="JR27" s="142">
        <v>0</v>
      </c>
      <c r="JS27" s="119">
        <v>0</v>
      </c>
      <c r="JT27" s="141">
        <v>0</v>
      </c>
      <c r="JU27" s="118">
        <v>0</v>
      </c>
      <c r="JV27" s="119">
        <v>0</v>
      </c>
      <c r="JW27" s="119">
        <v>0</v>
      </c>
      <c r="JX27" s="119">
        <v>77021</v>
      </c>
      <c r="JY27" s="119">
        <v>0</v>
      </c>
      <c r="JZ27" s="119">
        <v>0</v>
      </c>
      <c r="KA27" s="120">
        <v>77021</v>
      </c>
      <c r="KB27" s="318">
        <v>77021</v>
      </c>
      <c r="KC27" s="234">
        <v>0</v>
      </c>
      <c r="KD27" s="230">
        <v>0</v>
      </c>
      <c r="KE27" s="120">
        <v>0</v>
      </c>
      <c r="KF27" s="118">
        <v>0</v>
      </c>
      <c r="KG27" s="119">
        <v>80472</v>
      </c>
      <c r="KH27" s="119">
        <v>264082</v>
      </c>
      <c r="KI27" s="119">
        <v>0</v>
      </c>
      <c r="KJ27" s="119">
        <v>0</v>
      </c>
      <c r="KK27" s="119">
        <v>0</v>
      </c>
      <c r="KL27" s="120">
        <v>344554</v>
      </c>
      <c r="KM27" s="143">
        <v>344554</v>
      </c>
      <c r="KN27" s="232">
        <v>0</v>
      </c>
      <c r="KO27" s="236">
        <v>0</v>
      </c>
      <c r="KP27" s="237">
        <v>0</v>
      </c>
      <c r="KQ27" s="140"/>
      <c r="KR27" s="119">
        <v>0</v>
      </c>
      <c r="KS27" s="119">
        <v>0</v>
      </c>
      <c r="KT27" s="119">
        <v>0</v>
      </c>
      <c r="KU27" s="119">
        <v>0</v>
      </c>
      <c r="KV27" s="119">
        <v>0</v>
      </c>
      <c r="KW27" s="120">
        <v>0</v>
      </c>
      <c r="KX27" s="318">
        <v>0</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0</v>
      </c>
      <c r="LR27" s="119">
        <v>0</v>
      </c>
      <c r="LS27" s="120">
        <v>0</v>
      </c>
      <c r="LT27" s="318">
        <v>0</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201008</v>
      </c>
      <c r="MK27" s="119">
        <v>0</v>
      </c>
      <c r="ML27" s="119">
        <v>815581</v>
      </c>
      <c r="MM27" s="119">
        <v>459858</v>
      </c>
      <c r="MN27" s="119">
        <v>246302</v>
      </c>
      <c r="MO27" s="120">
        <v>1722749</v>
      </c>
      <c r="MP27" s="143">
        <v>1722749</v>
      </c>
      <c r="MQ27" s="142">
        <v>0</v>
      </c>
      <c r="MR27" s="119">
        <v>0</v>
      </c>
      <c r="MS27" s="120">
        <v>0</v>
      </c>
      <c r="MT27" s="145"/>
      <c r="MU27" s="119">
        <v>0</v>
      </c>
      <c r="MV27" s="119">
        <v>0</v>
      </c>
      <c r="MW27" s="119">
        <v>360283</v>
      </c>
      <c r="MX27" s="119">
        <v>459858</v>
      </c>
      <c r="MY27" s="119">
        <v>246302</v>
      </c>
      <c r="MZ27" s="120">
        <v>1066443</v>
      </c>
      <c r="NA27" s="143">
        <v>1066443</v>
      </c>
      <c r="NB27" s="142">
        <v>0</v>
      </c>
      <c r="NC27" s="119">
        <v>0</v>
      </c>
      <c r="ND27" s="120">
        <v>0</v>
      </c>
      <c r="NE27" s="145"/>
      <c r="NF27" s="119">
        <v>201008</v>
      </c>
      <c r="NG27" s="119">
        <v>0</v>
      </c>
      <c r="NH27" s="119">
        <v>455298</v>
      </c>
      <c r="NI27" s="119">
        <v>0</v>
      </c>
      <c r="NJ27" s="119">
        <v>0</v>
      </c>
      <c r="NK27" s="120">
        <v>656306</v>
      </c>
      <c r="NL27" s="318">
        <v>656306</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2912</v>
      </c>
      <c r="OJ27" s="119">
        <v>11179</v>
      </c>
      <c r="OK27" s="141">
        <v>14091</v>
      </c>
      <c r="OL27" s="118">
        <v>0</v>
      </c>
      <c r="OM27" s="119">
        <v>1705841</v>
      </c>
      <c r="ON27" s="119">
        <v>1478448</v>
      </c>
      <c r="OO27" s="119">
        <v>1865969</v>
      </c>
      <c r="OP27" s="119">
        <v>2016788</v>
      </c>
      <c r="OQ27" s="119">
        <v>1799275</v>
      </c>
      <c r="OR27" s="120">
        <v>8866321</v>
      </c>
      <c r="OS27" s="143">
        <v>8880412</v>
      </c>
    </row>
    <row r="28" spans="2:409" ht="21" customHeight="1" x14ac:dyDescent="0.2">
      <c r="B28" s="126" t="s">
        <v>23</v>
      </c>
      <c r="C28" s="110">
        <v>210789</v>
      </c>
      <c r="D28" s="114">
        <v>86688</v>
      </c>
      <c r="E28" s="113">
        <v>297477</v>
      </c>
      <c r="F28" s="109">
        <v>0</v>
      </c>
      <c r="G28" s="114">
        <v>1434425</v>
      </c>
      <c r="H28" s="114">
        <v>2073963</v>
      </c>
      <c r="I28" s="114">
        <v>1899048</v>
      </c>
      <c r="J28" s="114">
        <v>3582615</v>
      </c>
      <c r="K28" s="114">
        <v>1488228</v>
      </c>
      <c r="L28" s="173">
        <v>10478279</v>
      </c>
      <c r="M28" s="116">
        <v>10775756</v>
      </c>
      <c r="N28" s="110">
        <v>55011</v>
      </c>
      <c r="O28" s="114">
        <v>73297</v>
      </c>
      <c r="P28" s="113">
        <v>128308</v>
      </c>
      <c r="Q28" s="110">
        <v>0</v>
      </c>
      <c r="R28" s="114">
        <v>220394</v>
      </c>
      <c r="S28" s="114">
        <v>339111</v>
      </c>
      <c r="T28" s="114">
        <v>875444</v>
      </c>
      <c r="U28" s="114">
        <v>466064</v>
      </c>
      <c r="V28" s="114">
        <v>302748</v>
      </c>
      <c r="W28" s="113">
        <v>2203761</v>
      </c>
      <c r="X28" s="116">
        <v>2332069</v>
      </c>
      <c r="Y28" s="110">
        <v>0</v>
      </c>
      <c r="Z28" s="114">
        <v>0</v>
      </c>
      <c r="AA28" s="113">
        <v>0</v>
      </c>
      <c r="AB28" s="110">
        <v>0</v>
      </c>
      <c r="AC28" s="114">
        <v>37422</v>
      </c>
      <c r="AD28" s="114">
        <v>73143</v>
      </c>
      <c r="AE28" s="114">
        <v>542452</v>
      </c>
      <c r="AF28" s="114">
        <v>46149</v>
      </c>
      <c r="AG28" s="114">
        <v>0</v>
      </c>
      <c r="AH28" s="113">
        <v>699166</v>
      </c>
      <c r="AI28" s="116">
        <v>699166</v>
      </c>
      <c r="AJ28" s="110">
        <v>0</v>
      </c>
      <c r="AK28" s="114">
        <v>0</v>
      </c>
      <c r="AL28" s="113">
        <v>0</v>
      </c>
      <c r="AM28" s="110">
        <v>0</v>
      </c>
      <c r="AN28" s="114">
        <v>40917</v>
      </c>
      <c r="AO28" s="114">
        <v>0</v>
      </c>
      <c r="AP28" s="114">
        <v>41452</v>
      </c>
      <c r="AQ28" s="114">
        <v>0</v>
      </c>
      <c r="AR28" s="114">
        <v>40348</v>
      </c>
      <c r="AS28" s="113">
        <v>122717</v>
      </c>
      <c r="AT28" s="116">
        <v>122717</v>
      </c>
      <c r="AU28" s="110">
        <v>49306</v>
      </c>
      <c r="AV28" s="114">
        <v>46256</v>
      </c>
      <c r="AW28" s="113">
        <v>95562</v>
      </c>
      <c r="AX28" s="110">
        <v>0</v>
      </c>
      <c r="AY28" s="114">
        <v>103912</v>
      </c>
      <c r="AZ28" s="114">
        <v>199847</v>
      </c>
      <c r="BA28" s="114">
        <v>176607</v>
      </c>
      <c r="BB28" s="114">
        <v>165002</v>
      </c>
      <c r="BC28" s="114">
        <v>127006</v>
      </c>
      <c r="BD28" s="113">
        <v>772374</v>
      </c>
      <c r="BE28" s="116">
        <v>867936</v>
      </c>
      <c r="BF28" s="110">
        <v>0</v>
      </c>
      <c r="BG28" s="114">
        <v>27041</v>
      </c>
      <c r="BH28" s="112">
        <v>27041</v>
      </c>
      <c r="BI28" s="111">
        <v>0</v>
      </c>
      <c r="BJ28" s="114">
        <v>0</v>
      </c>
      <c r="BK28" s="114">
        <v>36245</v>
      </c>
      <c r="BL28" s="114">
        <v>0</v>
      </c>
      <c r="BM28" s="114">
        <v>24747</v>
      </c>
      <c r="BN28" s="114">
        <v>0</v>
      </c>
      <c r="BO28" s="113">
        <v>60992</v>
      </c>
      <c r="BP28" s="116">
        <v>88033</v>
      </c>
      <c r="BQ28" s="110">
        <v>5705</v>
      </c>
      <c r="BR28" s="114">
        <v>0</v>
      </c>
      <c r="BS28" s="113">
        <v>5705</v>
      </c>
      <c r="BT28" s="110">
        <v>0</v>
      </c>
      <c r="BU28" s="114">
        <v>38143</v>
      </c>
      <c r="BV28" s="114">
        <v>29876</v>
      </c>
      <c r="BW28" s="114">
        <v>114933</v>
      </c>
      <c r="BX28" s="114">
        <v>230166</v>
      </c>
      <c r="BY28" s="114">
        <v>135394</v>
      </c>
      <c r="BZ28" s="113">
        <v>548512</v>
      </c>
      <c r="CA28" s="116">
        <v>554217</v>
      </c>
      <c r="CB28" s="110">
        <v>0</v>
      </c>
      <c r="CC28" s="114">
        <v>0</v>
      </c>
      <c r="CD28" s="113">
        <v>0</v>
      </c>
      <c r="CE28" s="110">
        <v>0</v>
      </c>
      <c r="CF28" s="114">
        <v>606653</v>
      </c>
      <c r="CG28" s="114">
        <v>1023656</v>
      </c>
      <c r="CH28" s="114">
        <v>678862</v>
      </c>
      <c r="CI28" s="114">
        <v>493604</v>
      </c>
      <c r="CJ28" s="114">
        <v>39881</v>
      </c>
      <c r="CK28" s="113">
        <v>2842656</v>
      </c>
      <c r="CL28" s="116">
        <v>2842656</v>
      </c>
      <c r="CM28" s="110">
        <v>0</v>
      </c>
      <c r="CN28" s="114">
        <v>0</v>
      </c>
      <c r="CO28" s="113">
        <v>0</v>
      </c>
      <c r="CP28" s="111">
        <v>0</v>
      </c>
      <c r="CQ28" s="114">
        <v>481707</v>
      </c>
      <c r="CR28" s="114">
        <v>900334</v>
      </c>
      <c r="CS28" s="114">
        <v>359034</v>
      </c>
      <c r="CT28" s="114">
        <v>185459</v>
      </c>
      <c r="CU28" s="114">
        <v>39881</v>
      </c>
      <c r="CV28" s="113">
        <v>1966415</v>
      </c>
      <c r="CW28" s="116">
        <v>1966415</v>
      </c>
      <c r="CX28" s="110">
        <v>0</v>
      </c>
      <c r="CY28" s="114">
        <v>0</v>
      </c>
      <c r="CZ28" s="113">
        <v>0</v>
      </c>
      <c r="DA28" s="110">
        <v>0</v>
      </c>
      <c r="DB28" s="114">
        <v>124946</v>
      </c>
      <c r="DC28" s="114">
        <v>123322</v>
      </c>
      <c r="DD28" s="114">
        <v>319828</v>
      </c>
      <c r="DE28" s="114">
        <v>308145</v>
      </c>
      <c r="DF28" s="114">
        <v>0</v>
      </c>
      <c r="DG28" s="113">
        <v>876241</v>
      </c>
      <c r="DH28" s="116">
        <v>876241</v>
      </c>
      <c r="DI28" s="110">
        <v>0</v>
      </c>
      <c r="DJ28" s="114">
        <v>0</v>
      </c>
      <c r="DK28" s="112">
        <v>0</v>
      </c>
      <c r="DL28" s="111">
        <v>0</v>
      </c>
      <c r="DM28" s="114">
        <v>152136</v>
      </c>
      <c r="DN28" s="114">
        <v>59330</v>
      </c>
      <c r="DO28" s="114">
        <v>30056</v>
      </c>
      <c r="DP28" s="114">
        <v>72055</v>
      </c>
      <c r="DQ28" s="114">
        <v>0</v>
      </c>
      <c r="DR28" s="113">
        <v>313577</v>
      </c>
      <c r="DS28" s="116">
        <v>313577</v>
      </c>
      <c r="DT28" s="110">
        <v>0</v>
      </c>
      <c r="DU28" s="114">
        <v>0</v>
      </c>
      <c r="DV28" s="113">
        <v>0</v>
      </c>
      <c r="DW28" s="110">
        <v>0</v>
      </c>
      <c r="DX28" s="114">
        <v>152136</v>
      </c>
      <c r="DY28" s="114">
        <v>59330</v>
      </c>
      <c r="DZ28" s="114">
        <v>30056</v>
      </c>
      <c r="EA28" s="114">
        <v>72055</v>
      </c>
      <c r="EB28" s="114">
        <v>0</v>
      </c>
      <c r="EC28" s="113">
        <v>313577</v>
      </c>
      <c r="ED28" s="116">
        <v>313577</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5"/>
      <c r="FE28" s="114">
        <v>0</v>
      </c>
      <c r="FF28" s="114">
        <v>0</v>
      </c>
      <c r="FG28" s="114">
        <v>0</v>
      </c>
      <c r="FH28" s="114">
        <v>0</v>
      </c>
      <c r="FI28" s="114">
        <v>0</v>
      </c>
      <c r="FJ28" s="113">
        <v>0</v>
      </c>
      <c r="FK28" s="116">
        <v>0</v>
      </c>
      <c r="FL28" s="110">
        <v>155778</v>
      </c>
      <c r="FM28" s="114">
        <v>13391</v>
      </c>
      <c r="FN28" s="113">
        <v>169169</v>
      </c>
      <c r="FO28" s="110">
        <v>0</v>
      </c>
      <c r="FP28" s="114">
        <v>91147</v>
      </c>
      <c r="FQ28" s="114">
        <v>312767</v>
      </c>
      <c r="FR28" s="114">
        <v>138768</v>
      </c>
      <c r="FS28" s="114">
        <v>122262</v>
      </c>
      <c r="FT28" s="114">
        <v>78344</v>
      </c>
      <c r="FU28" s="113">
        <v>743288</v>
      </c>
      <c r="FV28" s="116">
        <v>912457</v>
      </c>
      <c r="FW28" s="115">
        <v>17878</v>
      </c>
      <c r="FX28" s="114">
        <v>13391</v>
      </c>
      <c r="FY28" s="112">
        <v>31269</v>
      </c>
      <c r="FZ28" s="111">
        <v>0</v>
      </c>
      <c r="GA28" s="114">
        <v>91147</v>
      </c>
      <c r="GB28" s="114">
        <v>251167</v>
      </c>
      <c r="GC28" s="114">
        <v>121268</v>
      </c>
      <c r="GD28" s="114">
        <v>122262</v>
      </c>
      <c r="GE28" s="114">
        <v>62328</v>
      </c>
      <c r="GF28" s="113">
        <v>648172</v>
      </c>
      <c r="GG28" s="316">
        <v>679441</v>
      </c>
      <c r="GH28" s="115">
        <v>0</v>
      </c>
      <c r="GI28" s="114">
        <v>0</v>
      </c>
      <c r="GJ28" s="112">
        <v>0</v>
      </c>
      <c r="GK28" s="111">
        <v>0</v>
      </c>
      <c r="GL28" s="114">
        <v>0</v>
      </c>
      <c r="GM28" s="114">
        <v>0</v>
      </c>
      <c r="GN28" s="114">
        <v>0</v>
      </c>
      <c r="GO28" s="114">
        <v>0</v>
      </c>
      <c r="GP28" s="114">
        <v>16016</v>
      </c>
      <c r="GQ28" s="113">
        <v>16016</v>
      </c>
      <c r="GR28" s="116">
        <v>16016</v>
      </c>
      <c r="GS28" s="110">
        <v>137900</v>
      </c>
      <c r="GT28" s="114">
        <v>0</v>
      </c>
      <c r="GU28" s="113">
        <v>137900</v>
      </c>
      <c r="GV28" s="110">
        <v>0</v>
      </c>
      <c r="GW28" s="114">
        <v>0</v>
      </c>
      <c r="GX28" s="114">
        <v>61600</v>
      </c>
      <c r="GY28" s="114">
        <v>17500</v>
      </c>
      <c r="GZ28" s="114">
        <v>0</v>
      </c>
      <c r="HA28" s="114">
        <v>0</v>
      </c>
      <c r="HB28" s="112">
        <v>79100</v>
      </c>
      <c r="HC28" s="116">
        <v>217000</v>
      </c>
      <c r="HD28" s="110">
        <v>0</v>
      </c>
      <c r="HE28" s="114">
        <v>0</v>
      </c>
      <c r="HF28" s="112">
        <v>0</v>
      </c>
      <c r="HG28" s="111">
        <v>0</v>
      </c>
      <c r="HH28" s="114">
        <v>364095</v>
      </c>
      <c r="HI28" s="114">
        <v>339099</v>
      </c>
      <c r="HJ28" s="114">
        <v>175918</v>
      </c>
      <c r="HK28" s="114">
        <v>2428630</v>
      </c>
      <c r="HL28" s="114">
        <v>1067255</v>
      </c>
      <c r="HM28" s="113">
        <v>4374997</v>
      </c>
      <c r="HN28" s="109">
        <v>4374997</v>
      </c>
      <c r="HO28" s="326"/>
      <c r="HP28" s="327"/>
      <c r="HQ28" s="328"/>
      <c r="HR28" s="329"/>
      <c r="HS28" s="327"/>
      <c r="HT28" s="327"/>
      <c r="HU28" s="327"/>
      <c r="HV28" s="327"/>
      <c r="HW28" s="327"/>
      <c r="HX28" s="330"/>
      <c r="HY28" s="331"/>
      <c r="HZ28" s="150">
        <v>0</v>
      </c>
      <c r="IA28" s="135">
        <v>0</v>
      </c>
      <c r="IB28" s="150">
        <v>0</v>
      </c>
      <c r="IC28" s="134">
        <v>0</v>
      </c>
      <c r="ID28" s="135">
        <v>11747</v>
      </c>
      <c r="IE28" s="136">
        <v>161695</v>
      </c>
      <c r="IF28" s="137">
        <v>751342</v>
      </c>
      <c r="IG28" s="135">
        <v>224702</v>
      </c>
      <c r="IH28" s="137">
        <v>466204</v>
      </c>
      <c r="II28" s="138">
        <v>1615690</v>
      </c>
      <c r="IJ28" s="150">
        <v>1615690</v>
      </c>
      <c r="IK28" s="232">
        <v>0</v>
      </c>
      <c r="IL28" s="236">
        <v>0</v>
      </c>
      <c r="IM28" s="237">
        <v>0</v>
      </c>
      <c r="IN28" s="140"/>
      <c r="IO28" s="119">
        <v>0</v>
      </c>
      <c r="IP28" s="119">
        <v>0</v>
      </c>
      <c r="IQ28" s="119">
        <v>0</v>
      </c>
      <c r="IR28" s="119">
        <v>0</v>
      </c>
      <c r="IS28" s="119">
        <v>229308</v>
      </c>
      <c r="IT28" s="141">
        <v>229308</v>
      </c>
      <c r="IU28" s="318">
        <v>229308</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11747</v>
      </c>
      <c r="JL28" s="119">
        <v>161695</v>
      </c>
      <c r="JM28" s="119">
        <v>73288</v>
      </c>
      <c r="JN28" s="119">
        <v>0</v>
      </c>
      <c r="JO28" s="119">
        <v>236896</v>
      </c>
      <c r="JP28" s="120">
        <v>483626</v>
      </c>
      <c r="JQ28" s="318">
        <v>483626</v>
      </c>
      <c r="JR28" s="142">
        <v>0</v>
      </c>
      <c r="JS28" s="119">
        <v>0</v>
      </c>
      <c r="JT28" s="141">
        <v>0</v>
      </c>
      <c r="JU28" s="118">
        <v>0</v>
      </c>
      <c r="JV28" s="119">
        <v>0</v>
      </c>
      <c r="JW28" s="119">
        <v>0</v>
      </c>
      <c r="JX28" s="119">
        <v>0</v>
      </c>
      <c r="JY28" s="119">
        <v>0</v>
      </c>
      <c r="JZ28" s="119">
        <v>0</v>
      </c>
      <c r="KA28" s="120">
        <v>0</v>
      </c>
      <c r="KB28" s="318">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0</v>
      </c>
      <c r="KS28" s="119">
        <v>0</v>
      </c>
      <c r="KT28" s="119">
        <v>678054</v>
      </c>
      <c r="KU28" s="119">
        <v>224702</v>
      </c>
      <c r="KV28" s="119">
        <v>0</v>
      </c>
      <c r="KW28" s="120">
        <v>902756</v>
      </c>
      <c r="KX28" s="318">
        <v>902756</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18">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0</v>
      </c>
      <c r="ML28" s="119">
        <v>621083</v>
      </c>
      <c r="MM28" s="119">
        <v>1319877</v>
      </c>
      <c r="MN28" s="119">
        <v>1330863</v>
      </c>
      <c r="MO28" s="120">
        <v>3271823</v>
      </c>
      <c r="MP28" s="143">
        <v>3271823</v>
      </c>
      <c r="MQ28" s="142">
        <v>0</v>
      </c>
      <c r="MR28" s="119">
        <v>0</v>
      </c>
      <c r="MS28" s="120">
        <v>0</v>
      </c>
      <c r="MT28" s="145"/>
      <c r="MU28" s="119">
        <v>0</v>
      </c>
      <c r="MV28" s="119">
        <v>0</v>
      </c>
      <c r="MW28" s="119">
        <v>382542</v>
      </c>
      <c r="MX28" s="119">
        <v>462972</v>
      </c>
      <c r="MY28" s="119">
        <v>475182</v>
      </c>
      <c r="MZ28" s="120">
        <v>1320696</v>
      </c>
      <c r="NA28" s="143">
        <v>1320696</v>
      </c>
      <c r="NB28" s="142">
        <v>0</v>
      </c>
      <c r="NC28" s="119">
        <v>0</v>
      </c>
      <c r="ND28" s="120">
        <v>0</v>
      </c>
      <c r="NE28" s="145"/>
      <c r="NF28" s="119">
        <v>0</v>
      </c>
      <c r="NG28" s="119">
        <v>0</v>
      </c>
      <c r="NH28" s="119">
        <v>238541</v>
      </c>
      <c r="NI28" s="119">
        <v>603169</v>
      </c>
      <c r="NJ28" s="119">
        <v>528778</v>
      </c>
      <c r="NK28" s="120">
        <v>1370488</v>
      </c>
      <c r="NL28" s="318">
        <v>1370488</v>
      </c>
      <c r="NM28" s="142">
        <v>0</v>
      </c>
      <c r="NN28" s="119">
        <v>0</v>
      </c>
      <c r="NO28" s="120">
        <v>0</v>
      </c>
      <c r="NP28" s="145"/>
      <c r="NQ28" s="119">
        <v>0</v>
      </c>
      <c r="NR28" s="119">
        <v>0</v>
      </c>
      <c r="NS28" s="119">
        <v>0</v>
      </c>
      <c r="NT28" s="119">
        <v>253736</v>
      </c>
      <c r="NU28" s="119">
        <v>0</v>
      </c>
      <c r="NV28" s="120">
        <v>253736</v>
      </c>
      <c r="NW28" s="121">
        <v>253736</v>
      </c>
      <c r="NX28" s="142">
        <v>0</v>
      </c>
      <c r="NY28" s="119">
        <v>0</v>
      </c>
      <c r="NZ28" s="120">
        <v>0</v>
      </c>
      <c r="OA28" s="145"/>
      <c r="OB28" s="119">
        <v>0</v>
      </c>
      <c r="OC28" s="119">
        <v>0</v>
      </c>
      <c r="OD28" s="119">
        <v>0</v>
      </c>
      <c r="OE28" s="119">
        <v>0</v>
      </c>
      <c r="OF28" s="119">
        <v>326903</v>
      </c>
      <c r="OG28" s="120">
        <v>326903</v>
      </c>
      <c r="OH28" s="121">
        <v>326903</v>
      </c>
      <c r="OI28" s="142">
        <v>210789</v>
      </c>
      <c r="OJ28" s="119">
        <v>86688</v>
      </c>
      <c r="OK28" s="141">
        <v>297477</v>
      </c>
      <c r="OL28" s="118">
        <v>0</v>
      </c>
      <c r="OM28" s="119">
        <v>1446172</v>
      </c>
      <c r="ON28" s="119">
        <v>2235658</v>
      </c>
      <c r="OO28" s="119">
        <v>3271473</v>
      </c>
      <c r="OP28" s="119">
        <v>5127194</v>
      </c>
      <c r="OQ28" s="119">
        <v>3285295</v>
      </c>
      <c r="OR28" s="120">
        <v>15365792</v>
      </c>
      <c r="OS28" s="143">
        <v>15663269</v>
      </c>
    </row>
    <row r="29" spans="2:409" ht="21" customHeight="1" x14ac:dyDescent="0.2">
      <c r="B29" s="126" t="s">
        <v>24</v>
      </c>
      <c r="C29" s="110">
        <v>194586</v>
      </c>
      <c r="D29" s="114">
        <v>304980</v>
      </c>
      <c r="E29" s="113">
        <v>499566</v>
      </c>
      <c r="F29" s="109">
        <v>0</v>
      </c>
      <c r="G29" s="114">
        <v>1883423</v>
      </c>
      <c r="H29" s="114">
        <v>2373445</v>
      </c>
      <c r="I29" s="114">
        <v>1837190</v>
      </c>
      <c r="J29" s="114">
        <v>1730504</v>
      </c>
      <c r="K29" s="114">
        <v>2547905</v>
      </c>
      <c r="L29" s="173">
        <v>10372467</v>
      </c>
      <c r="M29" s="116">
        <v>10872033</v>
      </c>
      <c r="N29" s="110">
        <v>35805</v>
      </c>
      <c r="O29" s="114">
        <v>165787</v>
      </c>
      <c r="P29" s="113">
        <v>201592</v>
      </c>
      <c r="Q29" s="110">
        <v>0</v>
      </c>
      <c r="R29" s="114">
        <v>556609</v>
      </c>
      <c r="S29" s="114">
        <v>385938</v>
      </c>
      <c r="T29" s="114">
        <v>818500</v>
      </c>
      <c r="U29" s="114">
        <v>596397</v>
      </c>
      <c r="V29" s="114">
        <v>1092346</v>
      </c>
      <c r="W29" s="113">
        <v>3449790</v>
      </c>
      <c r="X29" s="116">
        <v>3651382</v>
      </c>
      <c r="Y29" s="110">
        <v>0</v>
      </c>
      <c r="Z29" s="114">
        <v>0</v>
      </c>
      <c r="AA29" s="113">
        <v>0</v>
      </c>
      <c r="AB29" s="110">
        <v>0</v>
      </c>
      <c r="AC29" s="114">
        <v>204461</v>
      </c>
      <c r="AD29" s="114">
        <v>196470</v>
      </c>
      <c r="AE29" s="114">
        <v>432422</v>
      </c>
      <c r="AF29" s="114">
        <v>207636</v>
      </c>
      <c r="AG29" s="114">
        <v>699819</v>
      </c>
      <c r="AH29" s="113">
        <v>1740808</v>
      </c>
      <c r="AI29" s="116">
        <v>1740808</v>
      </c>
      <c r="AJ29" s="110">
        <v>0</v>
      </c>
      <c r="AK29" s="114">
        <v>0</v>
      </c>
      <c r="AL29" s="113">
        <v>0</v>
      </c>
      <c r="AM29" s="110">
        <v>0</v>
      </c>
      <c r="AN29" s="114">
        <v>0</v>
      </c>
      <c r="AO29" s="114">
        <v>0</v>
      </c>
      <c r="AP29" s="114">
        <v>0</v>
      </c>
      <c r="AQ29" s="114">
        <v>42506</v>
      </c>
      <c r="AR29" s="114">
        <v>125429</v>
      </c>
      <c r="AS29" s="113">
        <v>167935</v>
      </c>
      <c r="AT29" s="116">
        <v>167935</v>
      </c>
      <c r="AU29" s="110">
        <v>4011</v>
      </c>
      <c r="AV29" s="114">
        <v>152620</v>
      </c>
      <c r="AW29" s="113">
        <v>156631</v>
      </c>
      <c r="AX29" s="110">
        <v>0</v>
      </c>
      <c r="AY29" s="114">
        <v>264438</v>
      </c>
      <c r="AZ29" s="114">
        <v>56482</v>
      </c>
      <c r="BA29" s="114">
        <v>271369</v>
      </c>
      <c r="BB29" s="114">
        <v>220927</v>
      </c>
      <c r="BC29" s="114">
        <v>75704</v>
      </c>
      <c r="BD29" s="113">
        <v>888920</v>
      </c>
      <c r="BE29" s="116">
        <v>1045551</v>
      </c>
      <c r="BF29" s="110">
        <v>0</v>
      </c>
      <c r="BG29" s="114">
        <v>0</v>
      </c>
      <c r="BH29" s="112">
        <v>0</v>
      </c>
      <c r="BI29" s="111">
        <v>0</v>
      </c>
      <c r="BJ29" s="114">
        <v>0</v>
      </c>
      <c r="BK29" s="114">
        <v>13146</v>
      </c>
      <c r="BL29" s="114">
        <v>0</v>
      </c>
      <c r="BM29" s="114">
        <v>0</v>
      </c>
      <c r="BN29" s="114">
        <v>28490</v>
      </c>
      <c r="BO29" s="113">
        <v>41636</v>
      </c>
      <c r="BP29" s="116">
        <v>41636</v>
      </c>
      <c r="BQ29" s="110">
        <v>31794</v>
      </c>
      <c r="BR29" s="114">
        <v>13167</v>
      </c>
      <c r="BS29" s="113">
        <v>44961</v>
      </c>
      <c r="BT29" s="110">
        <v>0</v>
      </c>
      <c r="BU29" s="114">
        <v>87710</v>
      </c>
      <c r="BV29" s="114">
        <v>119840</v>
      </c>
      <c r="BW29" s="114">
        <v>114709</v>
      </c>
      <c r="BX29" s="114">
        <v>125328</v>
      </c>
      <c r="BY29" s="114">
        <v>162904</v>
      </c>
      <c r="BZ29" s="113">
        <v>610491</v>
      </c>
      <c r="CA29" s="116">
        <v>655452</v>
      </c>
      <c r="CB29" s="110">
        <v>36609</v>
      </c>
      <c r="CC29" s="114">
        <v>0</v>
      </c>
      <c r="CD29" s="113">
        <v>36609</v>
      </c>
      <c r="CE29" s="110">
        <v>0</v>
      </c>
      <c r="CF29" s="114">
        <v>611682</v>
      </c>
      <c r="CG29" s="114">
        <v>708359</v>
      </c>
      <c r="CH29" s="114">
        <v>312814</v>
      </c>
      <c r="CI29" s="114">
        <v>68166</v>
      </c>
      <c r="CJ29" s="114">
        <v>339714</v>
      </c>
      <c r="CK29" s="113">
        <v>2040735</v>
      </c>
      <c r="CL29" s="116">
        <v>2077344</v>
      </c>
      <c r="CM29" s="110">
        <v>0</v>
      </c>
      <c r="CN29" s="114">
        <v>0</v>
      </c>
      <c r="CO29" s="113">
        <v>0</v>
      </c>
      <c r="CP29" s="111">
        <v>0</v>
      </c>
      <c r="CQ29" s="114">
        <v>450449</v>
      </c>
      <c r="CR29" s="114">
        <v>310366</v>
      </c>
      <c r="CS29" s="114">
        <v>204005</v>
      </c>
      <c r="CT29" s="114">
        <v>68166</v>
      </c>
      <c r="CU29" s="114">
        <v>122598</v>
      </c>
      <c r="CV29" s="113">
        <v>1155584</v>
      </c>
      <c r="CW29" s="116">
        <v>1155584</v>
      </c>
      <c r="CX29" s="110">
        <v>36609</v>
      </c>
      <c r="CY29" s="114">
        <v>0</v>
      </c>
      <c r="CZ29" s="113">
        <v>36609</v>
      </c>
      <c r="DA29" s="110">
        <v>0</v>
      </c>
      <c r="DB29" s="114">
        <v>161233</v>
      </c>
      <c r="DC29" s="114">
        <v>397993</v>
      </c>
      <c r="DD29" s="114">
        <v>108809</v>
      </c>
      <c r="DE29" s="114">
        <v>0</v>
      </c>
      <c r="DF29" s="114">
        <v>217116</v>
      </c>
      <c r="DG29" s="113">
        <v>885151</v>
      </c>
      <c r="DH29" s="116">
        <v>921760</v>
      </c>
      <c r="DI29" s="110">
        <v>0</v>
      </c>
      <c r="DJ29" s="114">
        <v>0</v>
      </c>
      <c r="DK29" s="112">
        <v>0</v>
      </c>
      <c r="DL29" s="111">
        <v>0</v>
      </c>
      <c r="DM29" s="114">
        <v>26356</v>
      </c>
      <c r="DN29" s="114">
        <v>62982</v>
      </c>
      <c r="DO29" s="114">
        <v>47933</v>
      </c>
      <c r="DP29" s="114">
        <v>51352</v>
      </c>
      <c r="DQ29" s="114">
        <v>84117</v>
      </c>
      <c r="DR29" s="113">
        <v>272740</v>
      </c>
      <c r="DS29" s="116">
        <v>272740</v>
      </c>
      <c r="DT29" s="110">
        <v>0</v>
      </c>
      <c r="DU29" s="114">
        <v>0</v>
      </c>
      <c r="DV29" s="113">
        <v>0</v>
      </c>
      <c r="DW29" s="110">
        <v>0</v>
      </c>
      <c r="DX29" s="114">
        <v>26356</v>
      </c>
      <c r="DY29" s="114">
        <v>62982</v>
      </c>
      <c r="DZ29" s="114">
        <v>47933</v>
      </c>
      <c r="EA29" s="114">
        <v>51352</v>
      </c>
      <c r="EB29" s="114">
        <v>84117</v>
      </c>
      <c r="EC29" s="113">
        <v>272740</v>
      </c>
      <c r="ED29" s="116">
        <v>272740</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5"/>
      <c r="FE29" s="114">
        <v>0</v>
      </c>
      <c r="FF29" s="114">
        <v>0</v>
      </c>
      <c r="FG29" s="114">
        <v>0</v>
      </c>
      <c r="FH29" s="114">
        <v>0</v>
      </c>
      <c r="FI29" s="114">
        <v>0</v>
      </c>
      <c r="FJ29" s="113">
        <v>0</v>
      </c>
      <c r="FK29" s="116">
        <v>0</v>
      </c>
      <c r="FL29" s="110">
        <v>26530</v>
      </c>
      <c r="FM29" s="114">
        <v>62020</v>
      </c>
      <c r="FN29" s="113">
        <v>88550</v>
      </c>
      <c r="FO29" s="110">
        <v>0</v>
      </c>
      <c r="FP29" s="114">
        <v>48958</v>
      </c>
      <c r="FQ29" s="114">
        <v>190491</v>
      </c>
      <c r="FR29" s="114">
        <v>122682</v>
      </c>
      <c r="FS29" s="114">
        <v>91630</v>
      </c>
      <c r="FT29" s="114">
        <v>194782</v>
      </c>
      <c r="FU29" s="113">
        <v>648543</v>
      </c>
      <c r="FV29" s="116">
        <v>737093</v>
      </c>
      <c r="FW29" s="115">
        <v>26530</v>
      </c>
      <c r="FX29" s="114">
        <v>42616</v>
      </c>
      <c r="FY29" s="112">
        <v>69146</v>
      </c>
      <c r="FZ29" s="111">
        <v>0</v>
      </c>
      <c r="GA29" s="114">
        <v>48958</v>
      </c>
      <c r="GB29" s="114">
        <v>164311</v>
      </c>
      <c r="GC29" s="114">
        <v>122682</v>
      </c>
      <c r="GD29" s="114">
        <v>91630</v>
      </c>
      <c r="GE29" s="114">
        <v>194782</v>
      </c>
      <c r="GF29" s="113">
        <v>622363</v>
      </c>
      <c r="GG29" s="316">
        <v>691509</v>
      </c>
      <c r="GH29" s="115">
        <v>0</v>
      </c>
      <c r="GI29" s="114">
        <v>19404</v>
      </c>
      <c r="GJ29" s="112">
        <v>19404</v>
      </c>
      <c r="GK29" s="111">
        <v>0</v>
      </c>
      <c r="GL29" s="114">
        <v>0</v>
      </c>
      <c r="GM29" s="114">
        <v>26180</v>
      </c>
      <c r="GN29" s="114">
        <v>0</v>
      </c>
      <c r="GO29" s="114">
        <v>0</v>
      </c>
      <c r="GP29" s="114">
        <v>0</v>
      </c>
      <c r="GQ29" s="113">
        <v>26180</v>
      </c>
      <c r="GR29" s="116">
        <v>45584</v>
      </c>
      <c r="GS29" s="110">
        <v>0</v>
      </c>
      <c r="GT29" s="114">
        <v>0</v>
      </c>
      <c r="GU29" s="113">
        <v>0</v>
      </c>
      <c r="GV29" s="110">
        <v>0</v>
      </c>
      <c r="GW29" s="114">
        <v>0</v>
      </c>
      <c r="GX29" s="114">
        <v>0</v>
      </c>
      <c r="GY29" s="114">
        <v>0</v>
      </c>
      <c r="GZ29" s="114">
        <v>0</v>
      </c>
      <c r="HA29" s="114">
        <v>0</v>
      </c>
      <c r="HB29" s="112">
        <v>0</v>
      </c>
      <c r="HC29" s="116">
        <v>0</v>
      </c>
      <c r="HD29" s="110">
        <v>95642</v>
      </c>
      <c r="HE29" s="114">
        <v>77173</v>
      </c>
      <c r="HF29" s="112">
        <v>172815</v>
      </c>
      <c r="HG29" s="111">
        <v>0</v>
      </c>
      <c r="HH29" s="114">
        <v>639818</v>
      </c>
      <c r="HI29" s="114">
        <v>1025675</v>
      </c>
      <c r="HJ29" s="114">
        <v>535261</v>
      </c>
      <c r="HK29" s="114">
        <v>922959</v>
      </c>
      <c r="HL29" s="114">
        <v>836946</v>
      </c>
      <c r="HM29" s="113">
        <v>3960659</v>
      </c>
      <c r="HN29" s="109">
        <v>4133474</v>
      </c>
      <c r="HO29" s="326"/>
      <c r="HP29" s="327"/>
      <c r="HQ29" s="328"/>
      <c r="HR29" s="329"/>
      <c r="HS29" s="327"/>
      <c r="HT29" s="327"/>
      <c r="HU29" s="327"/>
      <c r="HV29" s="327"/>
      <c r="HW29" s="327"/>
      <c r="HX29" s="330"/>
      <c r="HY29" s="331"/>
      <c r="HZ29" s="131">
        <v>0</v>
      </c>
      <c r="IA29" s="132">
        <v>0</v>
      </c>
      <c r="IB29" s="133">
        <v>0</v>
      </c>
      <c r="IC29" s="146">
        <v>0</v>
      </c>
      <c r="ID29" s="132">
        <v>267883</v>
      </c>
      <c r="IE29" s="147">
        <v>0</v>
      </c>
      <c r="IF29" s="133">
        <v>701788</v>
      </c>
      <c r="IG29" s="132">
        <v>189329</v>
      </c>
      <c r="IH29" s="133">
        <v>359453</v>
      </c>
      <c r="II29" s="148">
        <v>1518453</v>
      </c>
      <c r="IJ29" s="139">
        <v>1518453</v>
      </c>
      <c r="IK29" s="232">
        <v>0</v>
      </c>
      <c r="IL29" s="236">
        <v>0</v>
      </c>
      <c r="IM29" s="237">
        <v>0</v>
      </c>
      <c r="IN29" s="140"/>
      <c r="IO29" s="119">
        <v>0</v>
      </c>
      <c r="IP29" s="119">
        <v>0</v>
      </c>
      <c r="IQ29" s="119">
        <v>137411</v>
      </c>
      <c r="IR29" s="119">
        <v>189329</v>
      </c>
      <c r="IS29" s="119">
        <v>0</v>
      </c>
      <c r="IT29" s="141">
        <v>326740</v>
      </c>
      <c r="IU29" s="318">
        <v>326740</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0</v>
      </c>
      <c r="JM29" s="119">
        <v>0</v>
      </c>
      <c r="JN29" s="119">
        <v>0</v>
      </c>
      <c r="JO29" s="119">
        <v>0</v>
      </c>
      <c r="JP29" s="120">
        <v>0</v>
      </c>
      <c r="JQ29" s="318">
        <v>0</v>
      </c>
      <c r="JR29" s="142">
        <v>0</v>
      </c>
      <c r="JS29" s="119">
        <v>0</v>
      </c>
      <c r="JT29" s="141">
        <v>0</v>
      </c>
      <c r="JU29" s="118">
        <v>0</v>
      </c>
      <c r="JV29" s="119">
        <v>0</v>
      </c>
      <c r="JW29" s="119">
        <v>0</v>
      </c>
      <c r="JX29" s="119">
        <v>171330</v>
      </c>
      <c r="JY29" s="119">
        <v>0</v>
      </c>
      <c r="JZ29" s="119">
        <v>139254</v>
      </c>
      <c r="KA29" s="120">
        <v>310584</v>
      </c>
      <c r="KB29" s="318">
        <v>310584</v>
      </c>
      <c r="KC29" s="234">
        <v>0</v>
      </c>
      <c r="KD29" s="230">
        <v>0</v>
      </c>
      <c r="KE29" s="120">
        <v>0</v>
      </c>
      <c r="KF29" s="118">
        <v>0</v>
      </c>
      <c r="KG29" s="119">
        <v>267883</v>
      </c>
      <c r="KH29" s="119">
        <v>0</v>
      </c>
      <c r="KI29" s="119">
        <v>179039</v>
      </c>
      <c r="KJ29" s="119">
        <v>0</v>
      </c>
      <c r="KK29" s="119">
        <v>0</v>
      </c>
      <c r="KL29" s="120">
        <v>446922</v>
      </c>
      <c r="KM29" s="143">
        <v>446922</v>
      </c>
      <c r="KN29" s="232">
        <v>0</v>
      </c>
      <c r="KO29" s="236">
        <v>0</v>
      </c>
      <c r="KP29" s="237">
        <v>0</v>
      </c>
      <c r="KQ29" s="140"/>
      <c r="KR29" s="119">
        <v>0</v>
      </c>
      <c r="KS29" s="119">
        <v>0</v>
      </c>
      <c r="KT29" s="119">
        <v>214008</v>
      </c>
      <c r="KU29" s="119">
        <v>0</v>
      </c>
      <c r="KV29" s="119">
        <v>220199</v>
      </c>
      <c r="KW29" s="120">
        <v>434207</v>
      </c>
      <c r="KX29" s="318">
        <v>434207</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18">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434630</v>
      </c>
      <c r="MM29" s="119">
        <v>1217970</v>
      </c>
      <c r="MN29" s="119">
        <v>498930</v>
      </c>
      <c r="MO29" s="120">
        <v>2151530</v>
      </c>
      <c r="MP29" s="143">
        <v>2151530</v>
      </c>
      <c r="MQ29" s="142">
        <v>0</v>
      </c>
      <c r="MR29" s="119">
        <v>0</v>
      </c>
      <c r="MS29" s="120">
        <v>0</v>
      </c>
      <c r="MT29" s="145"/>
      <c r="MU29" s="119">
        <v>0</v>
      </c>
      <c r="MV29" s="119">
        <v>0</v>
      </c>
      <c r="MW29" s="119">
        <v>434630</v>
      </c>
      <c r="MX29" s="119">
        <v>698806</v>
      </c>
      <c r="MY29" s="119">
        <v>498930</v>
      </c>
      <c r="MZ29" s="120">
        <v>1632366</v>
      </c>
      <c r="NA29" s="143">
        <v>1632366</v>
      </c>
      <c r="NB29" s="142">
        <v>0</v>
      </c>
      <c r="NC29" s="119">
        <v>0</v>
      </c>
      <c r="ND29" s="120">
        <v>0</v>
      </c>
      <c r="NE29" s="145"/>
      <c r="NF29" s="119">
        <v>0</v>
      </c>
      <c r="NG29" s="119">
        <v>0</v>
      </c>
      <c r="NH29" s="119">
        <v>0</v>
      </c>
      <c r="NI29" s="119">
        <v>519164</v>
      </c>
      <c r="NJ29" s="119">
        <v>0</v>
      </c>
      <c r="NK29" s="120">
        <v>519164</v>
      </c>
      <c r="NL29" s="318">
        <v>519164</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194586</v>
      </c>
      <c r="OJ29" s="119">
        <v>304980</v>
      </c>
      <c r="OK29" s="141">
        <v>499566</v>
      </c>
      <c r="OL29" s="118">
        <v>0</v>
      </c>
      <c r="OM29" s="119">
        <v>2151306</v>
      </c>
      <c r="ON29" s="119">
        <v>2373445</v>
      </c>
      <c r="OO29" s="119">
        <v>2973608</v>
      </c>
      <c r="OP29" s="119">
        <v>3137803</v>
      </c>
      <c r="OQ29" s="119">
        <v>3406288</v>
      </c>
      <c r="OR29" s="120">
        <v>14042450</v>
      </c>
      <c r="OS29" s="143">
        <v>14542016</v>
      </c>
    </row>
    <row r="30" spans="2:409" ht="21" customHeight="1" x14ac:dyDescent="0.2">
      <c r="B30" s="126" t="s">
        <v>25</v>
      </c>
      <c r="C30" s="110">
        <v>47852</v>
      </c>
      <c r="D30" s="114">
        <v>150638</v>
      </c>
      <c r="E30" s="113">
        <v>198490</v>
      </c>
      <c r="F30" s="109">
        <v>0</v>
      </c>
      <c r="G30" s="114">
        <v>845695</v>
      </c>
      <c r="H30" s="114">
        <v>1036547</v>
      </c>
      <c r="I30" s="114">
        <v>624826</v>
      </c>
      <c r="J30" s="114">
        <v>1094657</v>
      </c>
      <c r="K30" s="114">
        <v>947566</v>
      </c>
      <c r="L30" s="173">
        <v>4549291</v>
      </c>
      <c r="M30" s="116">
        <v>4747781</v>
      </c>
      <c r="N30" s="110">
        <v>36064</v>
      </c>
      <c r="O30" s="114">
        <v>53764</v>
      </c>
      <c r="P30" s="113">
        <v>89828</v>
      </c>
      <c r="Q30" s="110">
        <v>0</v>
      </c>
      <c r="R30" s="114">
        <v>284138</v>
      </c>
      <c r="S30" s="114">
        <v>254093</v>
      </c>
      <c r="T30" s="114">
        <v>64017</v>
      </c>
      <c r="U30" s="114">
        <v>377711</v>
      </c>
      <c r="V30" s="114">
        <v>345743</v>
      </c>
      <c r="W30" s="113">
        <v>1325702</v>
      </c>
      <c r="X30" s="116">
        <v>1415530</v>
      </c>
      <c r="Y30" s="110">
        <v>0</v>
      </c>
      <c r="Z30" s="114">
        <v>0</v>
      </c>
      <c r="AA30" s="113">
        <v>0</v>
      </c>
      <c r="AB30" s="110">
        <v>0</v>
      </c>
      <c r="AC30" s="114">
        <v>109777</v>
      </c>
      <c r="AD30" s="114">
        <v>63356</v>
      </c>
      <c r="AE30" s="114">
        <v>24408</v>
      </c>
      <c r="AF30" s="114">
        <v>31794</v>
      </c>
      <c r="AG30" s="114">
        <v>19818</v>
      </c>
      <c r="AH30" s="113">
        <v>249153</v>
      </c>
      <c r="AI30" s="116">
        <v>249153</v>
      </c>
      <c r="AJ30" s="110">
        <v>0</v>
      </c>
      <c r="AK30" s="114">
        <v>0</v>
      </c>
      <c r="AL30" s="113">
        <v>0</v>
      </c>
      <c r="AM30" s="110">
        <v>0</v>
      </c>
      <c r="AN30" s="114">
        <v>0</v>
      </c>
      <c r="AO30" s="114">
        <v>0</v>
      </c>
      <c r="AP30" s="114">
        <v>0</v>
      </c>
      <c r="AQ30" s="114">
        <v>246059</v>
      </c>
      <c r="AR30" s="114">
        <v>177653</v>
      </c>
      <c r="AS30" s="113">
        <v>423712</v>
      </c>
      <c r="AT30" s="116">
        <v>423712</v>
      </c>
      <c r="AU30" s="110">
        <v>21525</v>
      </c>
      <c r="AV30" s="114">
        <v>51678</v>
      </c>
      <c r="AW30" s="113">
        <v>73203</v>
      </c>
      <c r="AX30" s="110">
        <v>0</v>
      </c>
      <c r="AY30" s="114">
        <v>156777</v>
      </c>
      <c r="AZ30" s="114">
        <v>182939</v>
      </c>
      <c r="BA30" s="114">
        <v>16425</v>
      </c>
      <c r="BB30" s="114">
        <v>82918</v>
      </c>
      <c r="BC30" s="114">
        <v>117192</v>
      </c>
      <c r="BD30" s="113">
        <v>556251</v>
      </c>
      <c r="BE30" s="116">
        <v>629454</v>
      </c>
      <c r="BF30" s="110">
        <v>0</v>
      </c>
      <c r="BG30" s="114">
        <v>0</v>
      </c>
      <c r="BH30" s="112">
        <v>0</v>
      </c>
      <c r="BI30" s="111">
        <v>0</v>
      </c>
      <c r="BJ30" s="114">
        <v>0</v>
      </c>
      <c r="BK30" s="114">
        <v>0</v>
      </c>
      <c r="BL30" s="114">
        <v>0</v>
      </c>
      <c r="BM30" s="114">
        <v>0</v>
      </c>
      <c r="BN30" s="114">
        <v>0</v>
      </c>
      <c r="BO30" s="113">
        <v>0</v>
      </c>
      <c r="BP30" s="116">
        <v>0</v>
      </c>
      <c r="BQ30" s="110">
        <v>14539</v>
      </c>
      <c r="BR30" s="114">
        <v>2086</v>
      </c>
      <c r="BS30" s="113">
        <v>16625</v>
      </c>
      <c r="BT30" s="110">
        <v>0</v>
      </c>
      <c r="BU30" s="114">
        <v>17584</v>
      </c>
      <c r="BV30" s="114">
        <v>7798</v>
      </c>
      <c r="BW30" s="114">
        <v>23184</v>
      </c>
      <c r="BX30" s="114">
        <v>16940</v>
      </c>
      <c r="BY30" s="114">
        <v>31080</v>
      </c>
      <c r="BZ30" s="113">
        <v>96586</v>
      </c>
      <c r="CA30" s="116">
        <v>113211</v>
      </c>
      <c r="CB30" s="110">
        <v>0</v>
      </c>
      <c r="CC30" s="114">
        <v>63456</v>
      </c>
      <c r="CD30" s="113">
        <v>63456</v>
      </c>
      <c r="CE30" s="110">
        <v>0</v>
      </c>
      <c r="CF30" s="114">
        <v>372989</v>
      </c>
      <c r="CG30" s="114">
        <v>440577</v>
      </c>
      <c r="CH30" s="114">
        <v>176687</v>
      </c>
      <c r="CI30" s="114">
        <v>187613</v>
      </c>
      <c r="CJ30" s="114">
        <v>71299</v>
      </c>
      <c r="CK30" s="113">
        <v>1249165</v>
      </c>
      <c r="CL30" s="116">
        <v>1312621</v>
      </c>
      <c r="CM30" s="110">
        <v>0</v>
      </c>
      <c r="CN30" s="114">
        <v>0</v>
      </c>
      <c r="CO30" s="113">
        <v>0</v>
      </c>
      <c r="CP30" s="111">
        <v>0</v>
      </c>
      <c r="CQ30" s="114">
        <v>251337</v>
      </c>
      <c r="CR30" s="114">
        <v>98094</v>
      </c>
      <c r="CS30" s="114">
        <v>32039</v>
      </c>
      <c r="CT30" s="114">
        <v>187613</v>
      </c>
      <c r="CU30" s="114">
        <v>0</v>
      </c>
      <c r="CV30" s="113">
        <v>569083</v>
      </c>
      <c r="CW30" s="116">
        <v>569083</v>
      </c>
      <c r="CX30" s="110">
        <v>0</v>
      </c>
      <c r="CY30" s="114">
        <v>63456</v>
      </c>
      <c r="CZ30" s="113">
        <v>63456</v>
      </c>
      <c r="DA30" s="110">
        <v>0</v>
      </c>
      <c r="DB30" s="114">
        <v>121652</v>
      </c>
      <c r="DC30" s="114">
        <v>342483</v>
      </c>
      <c r="DD30" s="114">
        <v>144648</v>
      </c>
      <c r="DE30" s="114">
        <v>0</v>
      </c>
      <c r="DF30" s="114">
        <v>71299</v>
      </c>
      <c r="DG30" s="113">
        <v>680082</v>
      </c>
      <c r="DH30" s="116">
        <v>743538</v>
      </c>
      <c r="DI30" s="110">
        <v>0</v>
      </c>
      <c r="DJ30" s="114">
        <v>0</v>
      </c>
      <c r="DK30" s="112">
        <v>0</v>
      </c>
      <c r="DL30" s="111">
        <v>0</v>
      </c>
      <c r="DM30" s="114">
        <v>72858</v>
      </c>
      <c r="DN30" s="114">
        <v>66850</v>
      </c>
      <c r="DO30" s="114">
        <v>0</v>
      </c>
      <c r="DP30" s="114">
        <v>22036</v>
      </c>
      <c r="DQ30" s="114">
        <v>30411</v>
      </c>
      <c r="DR30" s="113">
        <v>192155</v>
      </c>
      <c r="DS30" s="116">
        <v>192155</v>
      </c>
      <c r="DT30" s="110">
        <v>0</v>
      </c>
      <c r="DU30" s="114">
        <v>0</v>
      </c>
      <c r="DV30" s="113">
        <v>0</v>
      </c>
      <c r="DW30" s="110">
        <v>0</v>
      </c>
      <c r="DX30" s="114">
        <v>72858</v>
      </c>
      <c r="DY30" s="114">
        <v>31585</v>
      </c>
      <c r="DZ30" s="114">
        <v>0</v>
      </c>
      <c r="EA30" s="114">
        <v>22036</v>
      </c>
      <c r="EB30" s="114">
        <v>0</v>
      </c>
      <c r="EC30" s="113">
        <v>126479</v>
      </c>
      <c r="ED30" s="116">
        <v>126479</v>
      </c>
      <c r="EE30" s="110">
        <v>0</v>
      </c>
      <c r="EF30" s="112">
        <v>0</v>
      </c>
      <c r="EG30" s="113">
        <v>0</v>
      </c>
      <c r="EH30" s="110">
        <v>0</v>
      </c>
      <c r="EI30" s="114">
        <v>0</v>
      </c>
      <c r="EJ30" s="114">
        <v>35265</v>
      </c>
      <c r="EK30" s="114">
        <v>0</v>
      </c>
      <c r="EL30" s="114">
        <v>0</v>
      </c>
      <c r="EM30" s="114">
        <v>30411</v>
      </c>
      <c r="EN30" s="112">
        <v>65676</v>
      </c>
      <c r="EO30" s="116">
        <v>65676</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5"/>
      <c r="FE30" s="114">
        <v>0</v>
      </c>
      <c r="FF30" s="114">
        <v>0</v>
      </c>
      <c r="FG30" s="114">
        <v>0</v>
      </c>
      <c r="FH30" s="114">
        <v>0</v>
      </c>
      <c r="FI30" s="114">
        <v>0</v>
      </c>
      <c r="FJ30" s="113">
        <v>0</v>
      </c>
      <c r="FK30" s="116">
        <v>0</v>
      </c>
      <c r="FL30" s="110">
        <v>11788</v>
      </c>
      <c r="FM30" s="114">
        <v>33418</v>
      </c>
      <c r="FN30" s="113">
        <v>45206</v>
      </c>
      <c r="FO30" s="110">
        <v>0</v>
      </c>
      <c r="FP30" s="114">
        <v>115710</v>
      </c>
      <c r="FQ30" s="114">
        <v>120974</v>
      </c>
      <c r="FR30" s="114">
        <v>35770</v>
      </c>
      <c r="FS30" s="114">
        <v>132741</v>
      </c>
      <c r="FT30" s="114">
        <v>87395</v>
      </c>
      <c r="FU30" s="113">
        <v>492590</v>
      </c>
      <c r="FV30" s="116">
        <v>537796</v>
      </c>
      <c r="FW30" s="115">
        <v>11788</v>
      </c>
      <c r="FX30" s="114">
        <v>33418</v>
      </c>
      <c r="FY30" s="112">
        <v>45206</v>
      </c>
      <c r="FZ30" s="111">
        <v>0</v>
      </c>
      <c r="GA30" s="114">
        <v>45710</v>
      </c>
      <c r="GB30" s="114">
        <v>120974</v>
      </c>
      <c r="GC30" s="114">
        <v>35770</v>
      </c>
      <c r="GD30" s="114">
        <v>132741</v>
      </c>
      <c r="GE30" s="114">
        <v>87395</v>
      </c>
      <c r="GF30" s="113">
        <v>422590</v>
      </c>
      <c r="GG30" s="316">
        <v>467796</v>
      </c>
      <c r="GH30" s="115">
        <v>0</v>
      </c>
      <c r="GI30" s="114">
        <v>0</v>
      </c>
      <c r="GJ30" s="112">
        <v>0</v>
      </c>
      <c r="GK30" s="111">
        <v>0</v>
      </c>
      <c r="GL30" s="114">
        <v>70000</v>
      </c>
      <c r="GM30" s="114">
        <v>0</v>
      </c>
      <c r="GN30" s="114">
        <v>0</v>
      </c>
      <c r="GO30" s="114">
        <v>0</v>
      </c>
      <c r="GP30" s="114">
        <v>0</v>
      </c>
      <c r="GQ30" s="113">
        <v>70000</v>
      </c>
      <c r="GR30" s="116">
        <v>70000</v>
      </c>
      <c r="GS30" s="110">
        <v>0</v>
      </c>
      <c r="GT30" s="114">
        <v>0</v>
      </c>
      <c r="GU30" s="113">
        <v>0</v>
      </c>
      <c r="GV30" s="110">
        <v>0</v>
      </c>
      <c r="GW30" s="114">
        <v>0</v>
      </c>
      <c r="GX30" s="114">
        <v>0</v>
      </c>
      <c r="GY30" s="114">
        <v>0</v>
      </c>
      <c r="GZ30" s="114">
        <v>0</v>
      </c>
      <c r="HA30" s="114">
        <v>0</v>
      </c>
      <c r="HB30" s="112">
        <v>0</v>
      </c>
      <c r="HC30" s="116">
        <v>0</v>
      </c>
      <c r="HD30" s="110">
        <v>0</v>
      </c>
      <c r="HE30" s="114">
        <v>0</v>
      </c>
      <c r="HF30" s="112">
        <v>0</v>
      </c>
      <c r="HG30" s="111">
        <v>0</v>
      </c>
      <c r="HH30" s="114">
        <v>0</v>
      </c>
      <c r="HI30" s="114">
        <v>154053</v>
      </c>
      <c r="HJ30" s="114">
        <v>348352</v>
      </c>
      <c r="HK30" s="114">
        <v>374556</v>
      </c>
      <c r="HL30" s="114">
        <v>412718</v>
      </c>
      <c r="HM30" s="113">
        <v>1289679</v>
      </c>
      <c r="HN30" s="109">
        <v>1289679</v>
      </c>
      <c r="HO30" s="326"/>
      <c r="HP30" s="327"/>
      <c r="HQ30" s="328"/>
      <c r="HR30" s="329"/>
      <c r="HS30" s="327"/>
      <c r="HT30" s="327"/>
      <c r="HU30" s="327"/>
      <c r="HV30" s="327"/>
      <c r="HW30" s="327"/>
      <c r="HX30" s="330"/>
      <c r="HY30" s="331"/>
      <c r="HZ30" s="150">
        <v>0</v>
      </c>
      <c r="IA30" s="135">
        <v>0</v>
      </c>
      <c r="IB30" s="150">
        <v>0</v>
      </c>
      <c r="IC30" s="134">
        <v>0</v>
      </c>
      <c r="ID30" s="135">
        <v>361545</v>
      </c>
      <c r="IE30" s="136">
        <v>12976</v>
      </c>
      <c r="IF30" s="137">
        <v>0</v>
      </c>
      <c r="IG30" s="135">
        <v>0</v>
      </c>
      <c r="IH30" s="137">
        <v>0</v>
      </c>
      <c r="II30" s="138">
        <v>374521</v>
      </c>
      <c r="IJ30" s="150">
        <v>374521</v>
      </c>
      <c r="IK30" s="232">
        <v>0</v>
      </c>
      <c r="IL30" s="236">
        <v>0</v>
      </c>
      <c r="IM30" s="237">
        <v>0</v>
      </c>
      <c r="IN30" s="140"/>
      <c r="IO30" s="119">
        <v>0</v>
      </c>
      <c r="IP30" s="119">
        <v>0</v>
      </c>
      <c r="IQ30" s="119">
        <v>0</v>
      </c>
      <c r="IR30" s="119">
        <v>0</v>
      </c>
      <c r="IS30" s="119">
        <v>0</v>
      </c>
      <c r="IT30" s="141">
        <v>0</v>
      </c>
      <c r="IU30" s="318">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162263</v>
      </c>
      <c r="JL30" s="119">
        <v>12976</v>
      </c>
      <c r="JM30" s="119">
        <v>0</v>
      </c>
      <c r="JN30" s="119">
        <v>0</v>
      </c>
      <c r="JO30" s="119">
        <v>0</v>
      </c>
      <c r="JP30" s="120">
        <v>175239</v>
      </c>
      <c r="JQ30" s="318">
        <v>175239</v>
      </c>
      <c r="JR30" s="142">
        <v>0</v>
      </c>
      <c r="JS30" s="119">
        <v>0</v>
      </c>
      <c r="JT30" s="141">
        <v>0</v>
      </c>
      <c r="JU30" s="118">
        <v>0</v>
      </c>
      <c r="JV30" s="119">
        <v>0</v>
      </c>
      <c r="JW30" s="119">
        <v>0</v>
      </c>
      <c r="JX30" s="119">
        <v>0</v>
      </c>
      <c r="JY30" s="119">
        <v>0</v>
      </c>
      <c r="JZ30" s="119">
        <v>0</v>
      </c>
      <c r="KA30" s="120">
        <v>0</v>
      </c>
      <c r="KB30" s="318">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199282</v>
      </c>
      <c r="KS30" s="119">
        <v>0</v>
      </c>
      <c r="KT30" s="119">
        <v>0</v>
      </c>
      <c r="KU30" s="119">
        <v>0</v>
      </c>
      <c r="KV30" s="119">
        <v>0</v>
      </c>
      <c r="KW30" s="120">
        <v>199282</v>
      </c>
      <c r="KX30" s="318">
        <v>199282</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18">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230650</v>
      </c>
      <c r="ML30" s="119">
        <v>626045</v>
      </c>
      <c r="MM30" s="119">
        <v>771517</v>
      </c>
      <c r="MN30" s="119">
        <v>469650</v>
      </c>
      <c r="MO30" s="120">
        <v>2097862</v>
      </c>
      <c r="MP30" s="143">
        <v>2097862</v>
      </c>
      <c r="MQ30" s="142">
        <v>0</v>
      </c>
      <c r="MR30" s="119">
        <v>0</v>
      </c>
      <c r="MS30" s="120">
        <v>0</v>
      </c>
      <c r="MT30" s="145"/>
      <c r="MU30" s="119">
        <v>0</v>
      </c>
      <c r="MV30" s="119">
        <v>0</v>
      </c>
      <c r="MW30" s="119">
        <v>626045</v>
      </c>
      <c r="MX30" s="119">
        <v>217723</v>
      </c>
      <c r="MY30" s="119">
        <v>469650</v>
      </c>
      <c r="MZ30" s="120">
        <v>1313418</v>
      </c>
      <c r="NA30" s="143">
        <v>1313418</v>
      </c>
      <c r="NB30" s="142">
        <v>0</v>
      </c>
      <c r="NC30" s="119">
        <v>0</v>
      </c>
      <c r="ND30" s="120">
        <v>0</v>
      </c>
      <c r="NE30" s="145"/>
      <c r="NF30" s="119">
        <v>0</v>
      </c>
      <c r="NG30" s="119">
        <v>230650</v>
      </c>
      <c r="NH30" s="119">
        <v>0</v>
      </c>
      <c r="NI30" s="119">
        <v>246469</v>
      </c>
      <c r="NJ30" s="119">
        <v>0</v>
      </c>
      <c r="NK30" s="120">
        <v>477119</v>
      </c>
      <c r="NL30" s="318">
        <v>477119</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307325</v>
      </c>
      <c r="OF30" s="119">
        <v>0</v>
      </c>
      <c r="OG30" s="120">
        <v>307325</v>
      </c>
      <c r="OH30" s="121">
        <v>307325</v>
      </c>
      <c r="OI30" s="142">
        <v>47852</v>
      </c>
      <c r="OJ30" s="119">
        <v>150638</v>
      </c>
      <c r="OK30" s="141">
        <v>198490</v>
      </c>
      <c r="OL30" s="118">
        <v>0</v>
      </c>
      <c r="OM30" s="119">
        <v>1207240</v>
      </c>
      <c r="ON30" s="119">
        <v>1280173</v>
      </c>
      <c r="OO30" s="119">
        <v>1250871</v>
      </c>
      <c r="OP30" s="119">
        <v>1866174</v>
      </c>
      <c r="OQ30" s="119">
        <v>1417216</v>
      </c>
      <c r="OR30" s="120">
        <v>7021674</v>
      </c>
      <c r="OS30" s="143">
        <v>7220164</v>
      </c>
    </row>
    <row r="31" spans="2:409" ht="21" customHeight="1" x14ac:dyDescent="0.2">
      <c r="B31" s="126" t="s">
        <v>26</v>
      </c>
      <c r="C31" s="110">
        <v>264913</v>
      </c>
      <c r="D31" s="114">
        <v>99297</v>
      </c>
      <c r="E31" s="113">
        <v>364210</v>
      </c>
      <c r="F31" s="109">
        <v>0</v>
      </c>
      <c r="G31" s="114">
        <v>969971</v>
      </c>
      <c r="H31" s="114">
        <v>1903298</v>
      </c>
      <c r="I31" s="114">
        <v>716918</v>
      </c>
      <c r="J31" s="114">
        <v>867239</v>
      </c>
      <c r="K31" s="114">
        <v>1121838</v>
      </c>
      <c r="L31" s="173">
        <v>5579264</v>
      </c>
      <c r="M31" s="116">
        <v>5943474</v>
      </c>
      <c r="N31" s="110">
        <v>86936</v>
      </c>
      <c r="O31" s="114">
        <v>37597</v>
      </c>
      <c r="P31" s="113">
        <v>124533</v>
      </c>
      <c r="Q31" s="110">
        <v>0</v>
      </c>
      <c r="R31" s="114">
        <v>285666</v>
      </c>
      <c r="S31" s="114">
        <v>381562</v>
      </c>
      <c r="T31" s="114">
        <v>247233</v>
      </c>
      <c r="U31" s="114">
        <v>547431</v>
      </c>
      <c r="V31" s="114">
        <v>852441</v>
      </c>
      <c r="W31" s="113">
        <v>2314333</v>
      </c>
      <c r="X31" s="116">
        <v>2438866</v>
      </c>
      <c r="Y31" s="110">
        <v>0</v>
      </c>
      <c r="Z31" s="114">
        <v>0</v>
      </c>
      <c r="AA31" s="113">
        <v>0</v>
      </c>
      <c r="AB31" s="110">
        <v>0</v>
      </c>
      <c r="AC31" s="114">
        <v>102922</v>
      </c>
      <c r="AD31" s="114">
        <v>63975</v>
      </c>
      <c r="AE31" s="114">
        <v>165616</v>
      </c>
      <c r="AF31" s="114">
        <v>137579</v>
      </c>
      <c r="AG31" s="114">
        <v>433774</v>
      </c>
      <c r="AH31" s="113">
        <v>903866</v>
      </c>
      <c r="AI31" s="116">
        <v>903866</v>
      </c>
      <c r="AJ31" s="110">
        <v>0</v>
      </c>
      <c r="AK31" s="114">
        <v>0</v>
      </c>
      <c r="AL31" s="113">
        <v>0</v>
      </c>
      <c r="AM31" s="110">
        <v>0</v>
      </c>
      <c r="AN31" s="114">
        <v>0</v>
      </c>
      <c r="AO31" s="114">
        <v>0</v>
      </c>
      <c r="AP31" s="114">
        <v>0</v>
      </c>
      <c r="AQ31" s="114">
        <v>92950</v>
      </c>
      <c r="AR31" s="114">
        <v>52197</v>
      </c>
      <c r="AS31" s="113">
        <v>145147</v>
      </c>
      <c r="AT31" s="116">
        <v>145147</v>
      </c>
      <c r="AU31" s="110">
        <v>44250</v>
      </c>
      <c r="AV31" s="114">
        <v>18263</v>
      </c>
      <c r="AW31" s="113">
        <v>62513</v>
      </c>
      <c r="AX31" s="110">
        <v>0</v>
      </c>
      <c r="AY31" s="114">
        <v>150180</v>
      </c>
      <c r="AZ31" s="114">
        <v>237801</v>
      </c>
      <c r="BA31" s="114">
        <v>62696</v>
      </c>
      <c r="BB31" s="114">
        <v>286389</v>
      </c>
      <c r="BC31" s="114">
        <v>325485</v>
      </c>
      <c r="BD31" s="113">
        <v>1062551</v>
      </c>
      <c r="BE31" s="116">
        <v>1125064</v>
      </c>
      <c r="BF31" s="110">
        <v>0</v>
      </c>
      <c r="BG31" s="114">
        <v>0</v>
      </c>
      <c r="BH31" s="112">
        <v>0</v>
      </c>
      <c r="BI31" s="111">
        <v>0</v>
      </c>
      <c r="BJ31" s="114">
        <v>0</v>
      </c>
      <c r="BK31" s="114">
        <v>0</v>
      </c>
      <c r="BL31" s="114">
        <v>0</v>
      </c>
      <c r="BM31" s="114">
        <v>0</v>
      </c>
      <c r="BN31" s="114">
        <v>0</v>
      </c>
      <c r="BO31" s="113">
        <v>0</v>
      </c>
      <c r="BP31" s="116">
        <v>0</v>
      </c>
      <c r="BQ31" s="110">
        <v>42686</v>
      </c>
      <c r="BR31" s="114">
        <v>19334</v>
      </c>
      <c r="BS31" s="113">
        <v>62020</v>
      </c>
      <c r="BT31" s="110">
        <v>0</v>
      </c>
      <c r="BU31" s="114">
        <v>32564</v>
      </c>
      <c r="BV31" s="114">
        <v>79786</v>
      </c>
      <c r="BW31" s="114">
        <v>18921</v>
      </c>
      <c r="BX31" s="114">
        <v>30513</v>
      </c>
      <c r="BY31" s="114">
        <v>40985</v>
      </c>
      <c r="BZ31" s="113">
        <v>202769</v>
      </c>
      <c r="CA31" s="116">
        <v>264789</v>
      </c>
      <c r="CB31" s="110">
        <v>0</v>
      </c>
      <c r="CC31" s="114">
        <v>-31656</v>
      </c>
      <c r="CD31" s="113">
        <v>-31656</v>
      </c>
      <c r="CE31" s="110">
        <v>0</v>
      </c>
      <c r="CF31" s="114">
        <v>509084</v>
      </c>
      <c r="CG31" s="114">
        <v>403874</v>
      </c>
      <c r="CH31" s="114">
        <v>308335</v>
      </c>
      <c r="CI31" s="114">
        <v>73621</v>
      </c>
      <c r="CJ31" s="114">
        <v>0</v>
      </c>
      <c r="CK31" s="113">
        <v>1294914</v>
      </c>
      <c r="CL31" s="116">
        <v>1263258</v>
      </c>
      <c r="CM31" s="110">
        <v>0</v>
      </c>
      <c r="CN31" s="114">
        <v>0</v>
      </c>
      <c r="CO31" s="113">
        <v>0</v>
      </c>
      <c r="CP31" s="111">
        <v>0</v>
      </c>
      <c r="CQ31" s="114">
        <v>305547</v>
      </c>
      <c r="CR31" s="114">
        <v>261202</v>
      </c>
      <c r="CS31" s="114">
        <v>258999</v>
      </c>
      <c r="CT31" s="114">
        <v>73621</v>
      </c>
      <c r="CU31" s="114">
        <v>0</v>
      </c>
      <c r="CV31" s="113">
        <v>899369</v>
      </c>
      <c r="CW31" s="116">
        <v>899369</v>
      </c>
      <c r="CX31" s="110">
        <v>0</v>
      </c>
      <c r="CY31" s="114">
        <v>-31656</v>
      </c>
      <c r="CZ31" s="113">
        <v>-31656</v>
      </c>
      <c r="DA31" s="110">
        <v>0</v>
      </c>
      <c r="DB31" s="114">
        <v>203537</v>
      </c>
      <c r="DC31" s="114">
        <v>142672</v>
      </c>
      <c r="DD31" s="114">
        <v>49336</v>
      </c>
      <c r="DE31" s="114">
        <v>0</v>
      </c>
      <c r="DF31" s="114">
        <v>0</v>
      </c>
      <c r="DG31" s="113">
        <v>395545</v>
      </c>
      <c r="DH31" s="116">
        <v>363889</v>
      </c>
      <c r="DI31" s="110">
        <v>0</v>
      </c>
      <c r="DJ31" s="114">
        <v>0</v>
      </c>
      <c r="DK31" s="112">
        <v>0</v>
      </c>
      <c r="DL31" s="111">
        <v>0</v>
      </c>
      <c r="DM31" s="114">
        <v>0</v>
      </c>
      <c r="DN31" s="114">
        <v>0</v>
      </c>
      <c r="DO31" s="114">
        <v>123788</v>
      </c>
      <c r="DP31" s="114">
        <v>153405</v>
      </c>
      <c r="DQ31" s="114">
        <v>0</v>
      </c>
      <c r="DR31" s="113">
        <v>277193</v>
      </c>
      <c r="DS31" s="116">
        <v>277193</v>
      </c>
      <c r="DT31" s="110">
        <v>0</v>
      </c>
      <c r="DU31" s="114">
        <v>0</v>
      </c>
      <c r="DV31" s="113">
        <v>0</v>
      </c>
      <c r="DW31" s="110">
        <v>0</v>
      </c>
      <c r="DX31" s="114">
        <v>0</v>
      </c>
      <c r="DY31" s="114">
        <v>0</v>
      </c>
      <c r="DZ31" s="114">
        <v>123788</v>
      </c>
      <c r="EA31" s="114">
        <v>153405</v>
      </c>
      <c r="EB31" s="114">
        <v>0</v>
      </c>
      <c r="EC31" s="113">
        <v>277193</v>
      </c>
      <c r="ED31" s="116">
        <v>277193</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5"/>
      <c r="FE31" s="114">
        <v>0</v>
      </c>
      <c r="FF31" s="114">
        <v>0</v>
      </c>
      <c r="FG31" s="114">
        <v>0</v>
      </c>
      <c r="FH31" s="114">
        <v>0</v>
      </c>
      <c r="FI31" s="114">
        <v>0</v>
      </c>
      <c r="FJ31" s="113">
        <v>0</v>
      </c>
      <c r="FK31" s="116">
        <v>0</v>
      </c>
      <c r="FL31" s="110">
        <v>32900</v>
      </c>
      <c r="FM31" s="114">
        <v>13930</v>
      </c>
      <c r="FN31" s="113">
        <v>46830</v>
      </c>
      <c r="FO31" s="110">
        <v>0</v>
      </c>
      <c r="FP31" s="114">
        <v>38430</v>
      </c>
      <c r="FQ31" s="114">
        <v>77462</v>
      </c>
      <c r="FR31" s="114">
        <v>37562</v>
      </c>
      <c r="FS31" s="114">
        <v>72842</v>
      </c>
      <c r="FT31" s="114">
        <v>66122</v>
      </c>
      <c r="FU31" s="113">
        <v>292418</v>
      </c>
      <c r="FV31" s="116">
        <v>339248</v>
      </c>
      <c r="FW31" s="115">
        <v>3500</v>
      </c>
      <c r="FX31" s="114">
        <v>13930</v>
      </c>
      <c r="FY31" s="112">
        <v>17430</v>
      </c>
      <c r="FZ31" s="111">
        <v>0</v>
      </c>
      <c r="GA31" s="114">
        <v>38430</v>
      </c>
      <c r="GB31" s="114">
        <v>77462</v>
      </c>
      <c r="GC31" s="114">
        <v>37562</v>
      </c>
      <c r="GD31" s="114">
        <v>72842</v>
      </c>
      <c r="GE31" s="114">
        <v>66122</v>
      </c>
      <c r="GF31" s="113">
        <v>292418</v>
      </c>
      <c r="GG31" s="316">
        <v>309848</v>
      </c>
      <c r="GH31" s="115">
        <v>0</v>
      </c>
      <c r="GI31" s="114">
        <v>0</v>
      </c>
      <c r="GJ31" s="112">
        <v>0</v>
      </c>
      <c r="GK31" s="111">
        <v>0</v>
      </c>
      <c r="GL31" s="114">
        <v>0</v>
      </c>
      <c r="GM31" s="114">
        <v>0</v>
      </c>
      <c r="GN31" s="114">
        <v>0</v>
      </c>
      <c r="GO31" s="114">
        <v>0</v>
      </c>
      <c r="GP31" s="114">
        <v>0</v>
      </c>
      <c r="GQ31" s="113">
        <v>0</v>
      </c>
      <c r="GR31" s="116">
        <v>0</v>
      </c>
      <c r="GS31" s="110">
        <v>29400</v>
      </c>
      <c r="GT31" s="114">
        <v>0</v>
      </c>
      <c r="GU31" s="113">
        <v>29400</v>
      </c>
      <c r="GV31" s="110">
        <v>0</v>
      </c>
      <c r="GW31" s="114">
        <v>0</v>
      </c>
      <c r="GX31" s="114">
        <v>0</v>
      </c>
      <c r="GY31" s="114">
        <v>0</v>
      </c>
      <c r="GZ31" s="114">
        <v>0</v>
      </c>
      <c r="HA31" s="114">
        <v>0</v>
      </c>
      <c r="HB31" s="112">
        <v>0</v>
      </c>
      <c r="HC31" s="116">
        <v>29400</v>
      </c>
      <c r="HD31" s="110">
        <v>145077</v>
      </c>
      <c r="HE31" s="114">
        <v>79426</v>
      </c>
      <c r="HF31" s="112">
        <v>224503</v>
      </c>
      <c r="HG31" s="111">
        <v>0</v>
      </c>
      <c r="HH31" s="114">
        <v>136791</v>
      </c>
      <c r="HI31" s="114">
        <v>1040400</v>
      </c>
      <c r="HJ31" s="114">
        <v>0</v>
      </c>
      <c r="HK31" s="114">
        <v>19940</v>
      </c>
      <c r="HL31" s="114">
        <v>203275</v>
      </c>
      <c r="HM31" s="113">
        <v>1400406</v>
      </c>
      <c r="HN31" s="109">
        <v>1624909</v>
      </c>
      <c r="HO31" s="326"/>
      <c r="HP31" s="327"/>
      <c r="HQ31" s="328"/>
      <c r="HR31" s="329"/>
      <c r="HS31" s="327"/>
      <c r="HT31" s="327"/>
      <c r="HU31" s="327"/>
      <c r="HV31" s="327"/>
      <c r="HW31" s="327"/>
      <c r="HX31" s="330"/>
      <c r="HY31" s="331"/>
      <c r="HZ31" s="131">
        <v>0</v>
      </c>
      <c r="IA31" s="132">
        <v>0</v>
      </c>
      <c r="IB31" s="133">
        <v>0</v>
      </c>
      <c r="IC31" s="146">
        <v>0</v>
      </c>
      <c r="ID31" s="132">
        <v>209608</v>
      </c>
      <c r="IE31" s="147">
        <v>95196</v>
      </c>
      <c r="IF31" s="133">
        <v>382080</v>
      </c>
      <c r="IG31" s="132">
        <v>221133</v>
      </c>
      <c r="IH31" s="133">
        <v>0</v>
      </c>
      <c r="II31" s="148">
        <v>908017</v>
      </c>
      <c r="IJ31" s="139">
        <v>908017</v>
      </c>
      <c r="IK31" s="232">
        <v>0</v>
      </c>
      <c r="IL31" s="236">
        <v>0</v>
      </c>
      <c r="IM31" s="237">
        <v>0</v>
      </c>
      <c r="IN31" s="140"/>
      <c r="IO31" s="119">
        <v>0</v>
      </c>
      <c r="IP31" s="119">
        <v>0</v>
      </c>
      <c r="IQ31" s="119">
        <v>0</v>
      </c>
      <c r="IR31" s="119">
        <v>0</v>
      </c>
      <c r="IS31" s="119">
        <v>0</v>
      </c>
      <c r="IT31" s="141">
        <v>0</v>
      </c>
      <c r="IU31" s="318">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01585</v>
      </c>
      <c r="JL31" s="119">
        <v>95196</v>
      </c>
      <c r="JM31" s="119">
        <v>18267</v>
      </c>
      <c r="JN31" s="119">
        <v>0</v>
      </c>
      <c r="JO31" s="119">
        <v>0</v>
      </c>
      <c r="JP31" s="120">
        <v>215048</v>
      </c>
      <c r="JQ31" s="318">
        <v>215048</v>
      </c>
      <c r="JR31" s="142">
        <v>0</v>
      </c>
      <c r="JS31" s="119">
        <v>0</v>
      </c>
      <c r="JT31" s="141">
        <v>0</v>
      </c>
      <c r="JU31" s="118">
        <v>0</v>
      </c>
      <c r="JV31" s="119">
        <v>0</v>
      </c>
      <c r="JW31" s="119">
        <v>0</v>
      </c>
      <c r="JX31" s="119">
        <v>0</v>
      </c>
      <c r="JY31" s="119">
        <v>0</v>
      </c>
      <c r="JZ31" s="119">
        <v>0</v>
      </c>
      <c r="KA31" s="120">
        <v>0</v>
      </c>
      <c r="KB31" s="318">
        <v>0</v>
      </c>
      <c r="KC31" s="234">
        <v>0</v>
      </c>
      <c r="KD31" s="230">
        <v>0</v>
      </c>
      <c r="KE31" s="120">
        <v>0</v>
      </c>
      <c r="KF31" s="118">
        <v>0</v>
      </c>
      <c r="KG31" s="119">
        <v>108023</v>
      </c>
      <c r="KH31" s="119">
        <v>0</v>
      </c>
      <c r="KI31" s="119">
        <v>0</v>
      </c>
      <c r="KJ31" s="119">
        <v>0</v>
      </c>
      <c r="KK31" s="119">
        <v>0</v>
      </c>
      <c r="KL31" s="120">
        <v>108023</v>
      </c>
      <c r="KM31" s="143">
        <v>108023</v>
      </c>
      <c r="KN31" s="232">
        <v>0</v>
      </c>
      <c r="KO31" s="236">
        <v>0</v>
      </c>
      <c r="KP31" s="237">
        <v>0</v>
      </c>
      <c r="KQ31" s="140"/>
      <c r="KR31" s="119">
        <v>0</v>
      </c>
      <c r="KS31" s="119">
        <v>0</v>
      </c>
      <c r="KT31" s="119">
        <v>363813</v>
      </c>
      <c r="KU31" s="119">
        <v>221133</v>
      </c>
      <c r="KV31" s="119">
        <v>0</v>
      </c>
      <c r="KW31" s="120">
        <v>584946</v>
      </c>
      <c r="KX31" s="318">
        <v>584946</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18">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199435</v>
      </c>
      <c r="MK31" s="119">
        <v>287413</v>
      </c>
      <c r="ML31" s="119">
        <v>173694</v>
      </c>
      <c r="MM31" s="119">
        <v>779809</v>
      </c>
      <c r="MN31" s="119">
        <v>0</v>
      </c>
      <c r="MO31" s="120">
        <v>1440351</v>
      </c>
      <c r="MP31" s="143">
        <v>1440351</v>
      </c>
      <c r="MQ31" s="142">
        <v>0</v>
      </c>
      <c r="MR31" s="119">
        <v>0</v>
      </c>
      <c r="MS31" s="120">
        <v>0</v>
      </c>
      <c r="MT31" s="145"/>
      <c r="MU31" s="119">
        <v>0</v>
      </c>
      <c r="MV31" s="119">
        <v>0</v>
      </c>
      <c r="MW31" s="119">
        <v>173694</v>
      </c>
      <c r="MX31" s="119">
        <v>201464</v>
      </c>
      <c r="MY31" s="119">
        <v>0</v>
      </c>
      <c r="MZ31" s="120">
        <v>375158</v>
      </c>
      <c r="NA31" s="143">
        <v>375158</v>
      </c>
      <c r="NB31" s="142">
        <v>0</v>
      </c>
      <c r="NC31" s="119">
        <v>0</v>
      </c>
      <c r="ND31" s="120">
        <v>0</v>
      </c>
      <c r="NE31" s="145"/>
      <c r="NF31" s="119">
        <v>199435</v>
      </c>
      <c r="NG31" s="119">
        <v>287413</v>
      </c>
      <c r="NH31" s="119">
        <v>0</v>
      </c>
      <c r="NI31" s="119">
        <v>578345</v>
      </c>
      <c r="NJ31" s="119">
        <v>0</v>
      </c>
      <c r="NK31" s="120">
        <v>1065193</v>
      </c>
      <c r="NL31" s="318">
        <v>1065193</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264913</v>
      </c>
      <c r="OJ31" s="119">
        <v>99297</v>
      </c>
      <c r="OK31" s="141">
        <v>364210</v>
      </c>
      <c r="OL31" s="118">
        <v>0</v>
      </c>
      <c r="OM31" s="119">
        <v>1379014</v>
      </c>
      <c r="ON31" s="119">
        <v>2285907</v>
      </c>
      <c r="OO31" s="119">
        <v>1272692</v>
      </c>
      <c r="OP31" s="119">
        <v>1868181</v>
      </c>
      <c r="OQ31" s="119">
        <v>1121838</v>
      </c>
      <c r="OR31" s="120">
        <v>7927632</v>
      </c>
      <c r="OS31" s="143">
        <v>8291842</v>
      </c>
    </row>
    <row r="32" spans="2:409" ht="21" customHeight="1" x14ac:dyDescent="0.2">
      <c r="B32" s="126" t="s">
        <v>27</v>
      </c>
      <c r="C32" s="110">
        <v>75727</v>
      </c>
      <c r="D32" s="114">
        <v>385348</v>
      </c>
      <c r="E32" s="113">
        <v>461075</v>
      </c>
      <c r="F32" s="109">
        <v>0</v>
      </c>
      <c r="G32" s="114">
        <v>499688</v>
      </c>
      <c r="H32" s="114">
        <v>771275</v>
      </c>
      <c r="I32" s="114">
        <v>2038436</v>
      </c>
      <c r="J32" s="114">
        <v>1078920</v>
      </c>
      <c r="K32" s="114">
        <v>561699</v>
      </c>
      <c r="L32" s="173">
        <v>4950018</v>
      </c>
      <c r="M32" s="116">
        <v>5411093</v>
      </c>
      <c r="N32" s="110">
        <v>40772</v>
      </c>
      <c r="O32" s="114">
        <v>99398</v>
      </c>
      <c r="P32" s="113">
        <v>140170</v>
      </c>
      <c r="Q32" s="110">
        <v>0</v>
      </c>
      <c r="R32" s="114">
        <v>45379</v>
      </c>
      <c r="S32" s="114">
        <v>310492</v>
      </c>
      <c r="T32" s="114">
        <v>474457</v>
      </c>
      <c r="U32" s="114">
        <v>148372</v>
      </c>
      <c r="V32" s="114">
        <v>139227</v>
      </c>
      <c r="W32" s="113">
        <v>1117927</v>
      </c>
      <c r="X32" s="116">
        <v>1258097</v>
      </c>
      <c r="Y32" s="110">
        <v>0</v>
      </c>
      <c r="Z32" s="114">
        <v>0</v>
      </c>
      <c r="AA32" s="113">
        <v>0</v>
      </c>
      <c r="AB32" s="110">
        <v>0</v>
      </c>
      <c r="AC32" s="114">
        <v>6276</v>
      </c>
      <c r="AD32" s="114">
        <v>160224</v>
      </c>
      <c r="AE32" s="114">
        <v>173522</v>
      </c>
      <c r="AF32" s="114">
        <v>0</v>
      </c>
      <c r="AG32" s="114">
        <v>85362</v>
      </c>
      <c r="AH32" s="113">
        <v>425384</v>
      </c>
      <c r="AI32" s="116">
        <v>425384</v>
      </c>
      <c r="AJ32" s="110">
        <v>0</v>
      </c>
      <c r="AK32" s="114">
        <v>0</v>
      </c>
      <c r="AL32" s="113">
        <v>0</v>
      </c>
      <c r="AM32" s="110">
        <v>0</v>
      </c>
      <c r="AN32" s="114">
        <v>0</v>
      </c>
      <c r="AO32" s="114">
        <v>0</v>
      </c>
      <c r="AP32" s="114">
        <v>0</v>
      </c>
      <c r="AQ32" s="114">
        <v>61964</v>
      </c>
      <c r="AR32" s="114">
        <v>0</v>
      </c>
      <c r="AS32" s="113">
        <v>61964</v>
      </c>
      <c r="AT32" s="116">
        <v>61964</v>
      </c>
      <c r="AU32" s="110">
        <v>40772</v>
      </c>
      <c r="AV32" s="114">
        <v>99398</v>
      </c>
      <c r="AW32" s="113">
        <v>140170</v>
      </c>
      <c r="AX32" s="110">
        <v>0</v>
      </c>
      <c r="AY32" s="114">
        <v>26258</v>
      </c>
      <c r="AZ32" s="114">
        <v>141868</v>
      </c>
      <c r="BA32" s="114">
        <v>184805</v>
      </c>
      <c r="BB32" s="114">
        <v>19446</v>
      </c>
      <c r="BC32" s="114">
        <v>0</v>
      </c>
      <c r="BD32" s="113">
        <v>372377</v>
      </c>
      <c r="BE32" s="116">
        <v>512547</v>
      </c>
      <c r="BF32" s="110">
        <v>0</v>
      </c>
      <c r="BG32" s="114">
        <v>0</v>
      </c>
      <c r="BH32" s="112">
        <v>0</v>
      </c>
      <c r="BI32" s="111">
        <v>0</v>
      </c>
      <c r="BJ32" s="114">
        <v>0</v>
      </c>
      <c r="BK32" s="114">
        <v>0</v>
      </c>
      <c r="BL32" s="114">
        <v>0</v>
      </c>
      <c r="BM32" s="114">
        <v>0</v>
      </c>
      <c r="BN32" s="114">
        <v>0</v>
      </c>
      <c r="BO32" s="113">
        <v>0</v>
      </c>
      <c r="BP32" s="116">
        <v>0</v>
      </c>
      <c r="BQ32" s="110">
        <v>0</v>
      </c>
      <c r="BR32" s="114">
        <v>0</v>
      </c>
      <c r="BS32" s="113">
        <v>0</v>
      </c>
      <c r="BT32" s="110">
        <v>0</v>
      </c>
      <c r="BU32" s="114">
        <v>12845</v>
      </c>
      <c r="BV32" s="114">
        <v>8400</v>
      </c>
      <c r="BW32" s="114">
        <v>116130</v>
      </c>
      <c r="BX32" s="114">
        <v>66962</v>
      </c>
      <c r="BY32" s="114">
        <v>53865</v>
      </c>
      <c r="BZ32" s="113">
        <v>258202</v>
      </c>
      <c r="CA32" s="116">
        <v>258202</v>
      </c>
      <c r="CB32" s="110">
        <v>19205</v>
      </c>
      <c r="CC32" s="114">
        <v>0</v>
      </c>
      <c r="CD32" s="113">
        <v>19205</v>
      </c>
      <c r="CE32" s="110">
        <v>0</v>
      </c>
      <c r="CF32" s="114">
        <v>29999</v>
      </c>
      <c r="CG32" s="114">
        <v>221786</v>
      </c>
      <c r="CH32" s="114">
        <v>180971</v>
      </c>
      <c r="CI32" s="114">
        <v>76080</v>
      </c>
      <c r="CJ32" s="114">
        <v>0</v>
      </c>
      <c r="CK32" s="113">
        <v>508836</v>
      </c>
      <c r="CL32" s="116">
        <v>528041</v>
      </c>
      <c r="CM32" s="110">
        <v>0</v>
      </c>
      <c r="CN32" s="114">
        <v>0</v>
      </c>
      <c r="CO32" s="113">
        <v>0</v>
      </c>
      <c r="CP32" s="111">
        <v>0</v>
      </c>
      <c r="CQ32" s="114">
        <v>29999</v>
      </c>
      <c r="CR32" s="114">
        <v>128170</v>
      </c>
      <c r="CS32" s="114">
        <v>106956</v>
      </c>
      <c r="CT32" s="114">
        <v>76080</v>
      </c>
      <c r="CU32" s="114">
        <v>0</v>
      </c>
      <c r="CV32" s="113">
        <v>341205</v>
      </c>
      <c r="CW32" s="116">
        <v>341205</v>
      </c>
      <c r="CX32" s="110">
        <v>19205</v>
      </c>
      <c r="CY32" s="114">
        <v>0</v>
      </c>
      <c r="CZ32" s="113">
        <v>19205</v>
      </c>
      <c r="DA32" s="110">
        <v>0</v>
      </c>
      <c r="DB32" s="114">
        <v>0</v>
      </c>
      <c r="DC32" s="114">
        <v>93616</v>
      </c>
      <c r="DD32" s="114">
        <v>74015</v>
      </c>
      <c r="DE32" s="114">
        <v>0</v>
      </c>
      <c r="DF32" s="114">
        <v>0</v>
      </c>
      <c r="DG32" s="113">
        <v>167631</v>
      </c>
      <c r="DH32" s="116">
        <v>186836</v>
      </c>
      <c r="DI32" s="110">
        <v>0</v>
      </c>
      <c r="DJ32" s="114">
        <v>0</v>
      </c>
      <c r="DK32" s="112">
        <v>0</v>
      </c>
      <c r="DL32" s="111">
        <v>0</v>
      </c>
      <c r="DM32" s="114">
        <v>0</v>
      </c>
      <c r="DN32" s="114">
        <v>28171</v>
      </c>
      <c r="DO32" s="114">
        <v>177653</v>
      </c>
      <c r="DP32" s="114">
        <v>62587</v>
      </c>
      <c r="DQ32" s="114">
        <v>0</v>
      </c>
      <c r="DR32" s="113">
        <v>268411</v>
      </c>
      <c r="DS32" s="116">
        <v>268411</v>
      </c>
      <c r="DT32" s="110">
        <v>0</v>
      </c>
      <c r="DU32" s="114">
        <v>0</v>
      </c>
      <c r="DV32" s="113">
        <v>0</v>
      </c>
      <c r="DW32" s="110">
        <v>0</v>
      </c>
      <c r="DX32" s="114">
        <v>0</v>
      </c>
      <c r="DY32" s="114">
        <v>28171</v>
      </c>
      <c r="DZ32" s="114">
        <v>177653</v>
      </c>
      <c r="EA32" s="114">
        <v>62587</v>
      </c>
      <c r="EB32" s="114">
        <v>0</v>
      </c>
      <c r="EC32" s="113">
        <v>268411</v>
      </c>
      <c r="ED32" s="116">
        <v>268411</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5"/>
      <c r="FE32" s="114">
        <v>0</v>
      </c>
      <c r="FF32" s="114">
        <v>0</v>
      </c>
      <c r="FG32" s="114">
        <v>0</v>
      </c>
      <c r="FH32" s="114">
        <v>0</v>
      </c>
      <c r="FI32" s="114">
        <v>0</v>
      </c>
      <c r="FJ32" s="113">
        <v>0</v>
      </c>
      <c r="FK32" s="116">
        <v>0</v>
      </c>
      <c r="FL32" s="110">
        <v>15750</v>
      </c>
      <c r="FM32" s="114">
        <v>285950</v>
      </c>
      <c r="FN32" s="113">
        <v>301700</v>
      </c>
      <c r="FO32" s="110">
        <v>0</v>
      </c>
      <c r="FP32" s="114">
        <v>7350</v>
      </c>
      <c r="FQ32" s="114">
        <v>57722</v>
      </c>
      <c r="FR32" s="114">
        <v>82691</v>
      </c>
      <c r="FS32" s="114">
        <v>39550</v>
      </c>
      <c r="FT32" s="114">
        <v>8365</v>
      </c>
      <c r="FU32" s="113">
        <v>195678</v>
      </c>
      <c r="FV32" s="116">
        <v>497378</v>
      </c>
      <c r="FW32" s="115">
        <v>15750</v>
      </c>
      <c r="FX32" s="114">
        <v>45850</v>
      </c>
      <c r="FY32" s="112">
        <v>61600</v>
      </c>
      <c r="FZ32" s="111">
        <v>0</v>
      </c>
      <c r="GA32" s="114">
        <v>7350</v>
      </c>
      <c r="GB32" s="114">
        <v>57722</v>
      </c>
      <c r="GC32" s="114">
        <v>82691</v>
      </c>
      <c r="GD32" s="114">
        <v>39550</v>
      </c>
      <c r="GE32" s="114">
        <v>8365</v>
      </c>
      <c r="GF32" s="113">
        <v>195678</v>
      </c>
      <c r="GG32" s="316">
        <v>257278</v>
      </c>
      <c r="GH32" s="115">
        <v>0</v>
      </c>
      <c r="GI32" s="114">
        <v>0</v>
      </c>
      <c r="GJ32" s="112">
        <v>0</v>
      </c>
      <c r="GK32" s="111">
        <v>0</v>
      </c>
      <c r="GL32" s="114">
        <v>0</v>
      </c>
      <c r="GM32" s="114">
        <v>0</v>
      </c>
      <c r="GN32" s="114">
        <v>0</v>
      </c>
      <c r="GO32" s="114">
        <v>0</v>
      </c>
      <c r="GP32" s="114">
        <v>0</v>
      </c>
      <c r="GQ32" s="113">
        <v>0</v>
      </c>
      <c r="GR32" s="116">
        <v>0</v>
      </c>
      <c r="GS32" s="110">
        <v>0</v>
      </c>
      <c r="GT32" s="114">
        <v>240100</v>
      </c>
      <c r="GU32" s="113">
        <v>240100</v>
      </c>
      <c r="GV32" s="110">
        <v>0</v>
      </c>
      <c r="GW32" s="114">
        <v>0</v>
      </c>
      <c r="GX32" s="114">
        <v>0</v>
      </c>
      <c r="GY32" s="114">
        <v>0</v>
      </c>
      <c r="GZ32" s="114">
        <v>0</v>
      </c>
      <c r="HA32" s="114">
        <v>0</v>
      </c>
      <c r="HB32" s="112">
        <v>0</v>
      </c>
      <c r="HC32" s="116">
        <v>240100</v>
      </c>
      <c r="HD32" s="110">
        <v>0</v>
      </c>
      <c r="HE32" s="114">
        <v>0</v>
      </c>
      <c r="HF32" s="112">
        <v>0</v>
      </c>
      <c r="HG32" s="111">
        <v>0</v>
      </c>
      <c r="HH32" s="114">
        <v>416960</v>
      </c>
      <c r="HI32" s="114">
        <v>153104</v>
      </c>
      <c r="HJ32" s="114">
        <v>1122664</v>
      </c>
      <c r="HK32" s="114">
        <v>752331</v>
      </c>
      <c r="HL32" s="114">
        <v>414107</v>
      </c>
      <c r="HM32" s="113">
        <v>2859166</v>
      </c>
      <c r="HN32" s="109">
        <v>2859166</v>
      </c>
      <c r="HO32" s="326"/>
      <c r="HP32" s="327"/>
      <c r="HQ32" s="328"/>
      <c r="HR32" s="329"/>
      <c r="HS32" s="327"/>
      <c r="HT32" s="327"/>
      <c r="HU32" s="327"/>
      <c r="HV32" s="327"/>
      <c r="HW32" s="327"/>
      <c r="HX32" s="330"/>
      <c r="HY32" s="331"/>
      <c r="HZ32" s="150">
        <v>0</v>
      </c>
      <c r="IA32" s="135">
        <v>0</v>
      </c>
      <c r="IB32" s="150">
        <v>0</v>
      </c>
      <c r="IC32" s="134">
        <v>0</v>
      </c>
      <c r="ID32" s="135">
        <v>78638</v>
      </c>
      <c r="IE32" s="136">
        <v>40977</v>
      </c>
      <c r="IF32" s="137">
        <v>38843</v>
      </c>
      <c r="IG32" s="135">
        <v>0</v>
      </c>
      <c r="IH32" s="137">
        <v>0</v>
      </c>
      <c r="II32" s="138">
        <v>158458</v>
      </c>
      <c r="IJ32" s="150">
        <v>158458</v>
      </c>
      <c r="IK32" s="232">
        <v>0</v>
      </c>
      <c r="IL32" s="236">
        <v>0</v>
      </c>
      <c r="IM32" s="237">
        <v>0</v>
      </c>
      <c r="IN32" s="140"/>
      <c r="IO32" s="119">
        <v>0</v>
      </c>
      <c r="IP32" s="119">
        <v>0</v>
      </c>
      <c r="IQ32" s="119">
        <v>0</v>
      </c>
      <c r="IR32" s="119">
        <v>0</v>
      </c>
      <c r="IS32" s="119">
        <v>0</v>
      </c>
      <c r="IT32" s="141">
        <v>0</v>
      </c>
      <c r="IU32" s="318">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61558</v>
      </c>
      <c r="JL32" s="119">
        <v>40977</v>
      </c>
      <c r="JM32" s="119">
        <v>0</v>
      </c>
      <c r="JN32" s="119">
        <v>0</v>
      </c>
      <c r="JO32" s="119">
        <v>0</v>
      </c>
      <c r="JP32" s="120">
        <v>102535</v>
      </c>
      <c r="JQ32" s="318">
        <v>102535</v>
      </c>
      <c r="JR32" s="142">
        <v>0</v>
      </c>
      <c r="JS32" s="119">
        <v>0</v>
      </c>
      <c r="JT32" s="141">
        <v>0</v>
      </c>
      <c r="JU32" s="118">
        <v>0</v>
      </c>
      <c r="JV32" s="119">
        <v>17080</v>
      </c>
      <c r="JW32" s="119">
        <v>0</v>
      </c>
      <c r="JX32" s="119">
        <v>38843</v>
      </c>
      <c r="JY32" s="119">
        <v>0</v>
      </c>
      <c r="JZ32" s="119">
        <v>0</v>
      </c>
      <c r="KA32" s="120">
        <v>55923</v>
      </c>
      <c r="KB32" s="318">
        <v>55923</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18">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18">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179928</v>
      </c>
      <c r="MK32" s="119">
        <v>0</v>
      </c>
      <c r="ML32" s="119">
        <v>198494</v>
      </c>
      <c r="MM32" s="119">
        <v>421080</v>
      </c>
      <c r="MN32" s="119">
        <v>0</v>
      </c>
      <c r="MO32" s="120">
        <v>799502</v>
      </c>
      <c r="MP32" s="143">
        <v>799502</v>
      </c>
      <c r="MQ32" s="142">
        <v>0</v>
      </c>
      <c r="MR32" s="119">
        <v>0</v>
      </c>
      <c r="MS32" s="120">
        <v>0</v>
      </c>
      <c r="MT32" s="145"/>
      <c r="MU32" s="119">
        <v>0</v>
      </c>
      <c r="MV32" s="119">
        <v>0</v>
      </c>
      <c r="MW32" s="119">
        <v>198494</v>
      </c>
      <c r="MX32" s="119">
        <v>421080</v>
      </c>
      <c r="MY32" s="119">
        <v>0</v>
      </c>
      <c r="MZ32" s="120">
        <v>619574</v>
      </c>
      <c r="NA32" s="143">
        <v>619574</v>
      </c>
      <c r="NB32" s="142">
        <v>0</v>
      </c>
      <c r="NC32" s="119">
        <v>0</v>
      </c>
      <c r="ND32" s="120">
        <v>0</v>
      </c>
      <c r="NE32" s="145"/>
      <c r="NF32" s="119">
        <v>179928</v>
      </c>
      <c r="NG32" s="119">
        <v>0</v>
      </c>
      <c r="NH32" s="119">
        <v>0</v>
      </c>
      <c r="NI32" s="119">
        <v>0</v>
      </c>
      <c r="NJ32" s="119">
        <v>0</v>
      </c>
      <c r="NK32" s="120">
        <v>179928</v>
      </c>
      <c r="NL32" s="318">
        <v>179928</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75727</v>
      </c>
      <c r="OJ32" s="119">
        <v>385348</v>
      </c>
      <c r="OK32" s="141">
        <v>461075</v>
      </c>
      <c r="OL32" s="118">
        <v>0</v>
      </c>
      <c r="OM32" s="119">
        <v>758254</v>
      </c>
      <c r="ON32" s="119">
        <v>812252</v>
      </c>
      <c r="OO32" s="119">
        <v>2275773</v>
      </c>
      <c r="OP32" s="119">
        <v>1500000</v>
      </c>
      <c r="OQ32" s="119">
        <v>561699</v>
      </c>
      <c r="OR32" s="120">
        <v>5907978</v>
      </c>
      <c r="OS32" s="143">
        <v>6369053</v>
      </c>
    </row>
    <row r="33" spans="2:409" ht="21" customHeight="1" x14ac:dyDescent="0.2">
      <c r="B33" s="126" t="s">
        <v>28</v>
      </c>
      <c r="C33" s="110">
        <v>1610</v>
      </c>
      <c r="D33" s="114">
        <v>7700</v>
      </c>
      <c r="E33" s="113">
        <v>9310</v>
      </c>
      <c r="F33" s="109">
        <v>0</v>
      </c>
      <c r="G33" s="114">
        <v>44482</v>
      </c>
      <c r="H33" s="114">
        <v>197490</v>
      </c>
      <c r="I33" s="114">
        <v>451228</v>
      </c>
      <c r="J33" s="114">
        <v>408575</v>
      </c>
      <c r="K33" s="114">
        <v>0</v>
      </c>
      <c r="L33" s="173">
        <v>1101775</v>
      </c>
      <c r="M33" s="116">
        <v>1111085</v>
      </c>
      <c r="N33" s="110">
        <v>0</v>
      </c>
      <c r="O33" s="114">
        <v>0</v>
      </c>
      <c r="P33" s="113">
        <v>0</v>
      </c>
      <c r="Q33" s="110">
        <v>0</v>
      </c>
      <c r="R33" s="114">
        <v>35032</v>
      </c>
      <c r="S33" s="114">
        <v>90438</v>
      </c>
      <c r="T33" s="114">
        <v>58233</v>
      </c>
      <c r="U33" s="114">
        <v>88053</v>
      </c>
      <c r="V33" s="114">
        <v>0</v>
      </c>
      <c r="W33" s="113">
        <v>271756</v>
      </c>
      <c r="X33" s="116">
        <v>271756</v>
      </c>
      <c r="Y33" s="110">
        <v>0</v>
      </c>
      <c r="Z33" s="114">
        <v>0</v>
      </c>
      <c r="AA33" s="113">
        <v>0</v>
      </c>
      <c r="AB33" s="110">
        <v>0</v>
      </c>
      <c r="AC33" s="114">
        <v>35032</v>
      </c>
      <c r="AD33" s="114">
        <v>43617</v>
      </c>
      <c r="AE33" s="114">
        <v>0</v>
      </c>
      <c r="AF33" s="114">
        <v>65177</v>
      </c>
      <c r="AG33" s="114">
        <v>0</v>
      </c>
      <c r="AH33" s="113">
        <v>143826</v>
      </c>
      <c r="AI33" s="116">
        <v>143826</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43223</v>
      </c>
      <c r="BA33" s="114">
        <v>29064</v>
      </c>
      <c r="BB33" s="114">
        <v>0</v>
      </c>
      <c r="BC33" s="114">
        <v>0</v>
      </c>
      <c r="BD33" s="113">
        <v>72287</v>
      </c>
      <c r="BE33" s="116">
        <v>72287</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0</v>
      </c>
      <c r="BV33" s="114">
        <v>3598</v>
      </c>
      <c r="BW33" s="114">
        <v>29169</v>
      </c>
      <c r="BX33" s="114">
        <v>22876</v>
      </c>
      <c r="BY33" s="114">
        <v>0</v>
      </c>
      <c r="BZ33" s="113">
        <v>55643</v>
      </c>
      <c r="CA33" s="116">
        <v>55643</v>
      </c>
      <c r="CB33" s="110">
        <v>0</v>
      </c>
      <c r="CC33" s="114">
        <v>0</v>
      </c>
      <c r="CD33" s="113">
        <v>0</v>
      </c>
      <c r="CE33" s="110">
        <v>0</v>
      </c>
      <c r="CF33" s="114">
        <v>0</v>
      </c>
      <c r="CG33" s="114">
        <v>52821</v>
      </c>
      <c r="CH33" s="114">
        <v>218113</v>
      </c>
      <c r="CI33" s="114">
        <v>108661</v>
      </c>
      <c r="CJ33" s="114">
        <v>0</v>
      </c>
      <c r="CK33" s="113">
        <v>379595</v>
      </c>
      <c r="CL33" s="116">
        <v>379595</v>
      </c>
      <c r="CM33" s="110">
        <v>0</v>
      </c>
      <c r="CN33" s="114">
        <v>0</v>
      </c>
      <c r="CO33" s="113">
        <v>0</v>
      </c>
      <c r="CP33" s="111">
        <v>0</v>
      </c>
      <c r="CQ33" s="114">
        <v>0</v>
      </c>
      <c r="CR33" s="114">
        <v>39690</v>
      </c>
      <c r="CS33" s="114">
        <v>150850</v>
      </c>
      <c r="CT33" s="114">
        <v>108661</v>
      </c>
      <c r="CU33" s="114">
        <v>0</v>
      </c>
      <c r="CV33" s="113">
        <v>299201</v>
      </c>
      <c r="CW33" s="116">
        <v>299201</v>
      </c>
      <c r="CX33" s="110">
        <v>0</v>
      </c>
      <c r="CY33" s="114">
        <v>0</v>
      </c>
      <c r="CZ33" s="113">
        <v>0</v>
      </c>
      <c r="DA33" s="110">
        <v>0</v>
      </c>
      <c r="DB33" s="114">
        <v>0</v>
      </c>
      <c r="DC33" s="114">
        <v>13131</v>
      </c>
      <c r="DD33" s="114">
        <v>67263</v>
      </c>
      <c r="DE33" s="114">
        <v>0</v>
      </c>
      <c r="DF33" s="114">
        <v>0</v>
      </c>
      <c r="DG33" s="113">
        <v>80394</v>
      </c>
      <c r="DH33" s="116">
        <v>80394</v>
      </c>
      <c r="DI33" s="110">
        <v>0</v>
      </c>
      <c r="DJ33" s="114">
        <v>0</v>
      </c>
      <c r="DK33" s="112">
        <v>0</v>
      </c>
      <c r="DL33" s="111">
        <v>0</v>
      </c>
      <c r="DM33" s="114">
        <v>0</v>
      </c>
      <c r="DN33" s="114">
        <v>28555</v>
      </c>
      <c r="DO33" s="114">
        <v>0</v>
      </c>
      <c r="DP33" s="114">
        <v>0</v>
      </c>
      <c r="DQ33" s="114">
        <v>0</v>
      </c>
      <c r="DR33" s="113">
        <v>28555</v>
      </c>
      <c r="DS33" s="116">
        <v>28555</v>
      </c>
      <c r="DT33" s="110">
        <v>0</v>
      </c>
      <c r="DU33" s="114">
        <v>0</v>
      </c>
      <c r="DV33" s="113">
        <v>0</v>
      </c>
      <c r="DW33" s="110">
        <v>0</v>
      </c>
      <c r="DX33" s="114">
        <v>0</v>
      </c>
      <c r="DY33" s="114">
        <v>28555</v>
      </c>
      <c r="DZ33" s="114">
        <v>0</v>
      </c>
      <c r="EA33" s="114">
        <v>0</v>
      </c>
      <c r="EB33" s="114">
        <v>0</v>
      </c>
      <c r="EC33" s="113">
        <v>28555</v>
      </c>
      <c r="ED33" s="116">
        <v>28555</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5"/>
      <c r="FE33" s="114">
        <v>0</v>
      </c>
      <c r="FF33" s="114">
        <v>0</v>
      </c>
      <c r="FG33" s="114">
        <v>0</v>
      </c>
      <c r="FH33" s="114">
        <v>0</v>
      </c>
      <c r="FI33" s="114">
        <v>0</v>
      </c>
      <c r="FJ33" s="113">
        <v>0</v>
      </c>
      <c r="FK33" s="116">
        <v>0</v>
      </c>
      <c r="FL33" s="110">
        <v>1610</v>
      </c>
      <c r="FM33" s="114">
        <v>7700</v>
      </c>
      <c r="FN33" s="113">
        <v>9310</v>
      </c>
      <c r="FO33" s="110">
        <v>0</v>
      </c>
      <c r="FP33" s="114">
        <v>9450</v>
      </c>
      <c r="FQ33" s="114">
        <v>25676</v>
      </c>
      <c r="FR33" s="114">
        <v>7350</v>
      </c>
      <c r="FS33" s="114">
        <v>21350</v>
      </c>
      <c r="FT33" s="114">
        <v>0</v>
      </c>
      <c r="FU33" s="113">
        <v>63826</v>
      </c>
      <c r="FV33" s="116">
        <v>73136</v>
      </c>
      <c r="FW33" s="115">
        <v>1610</v>
      </c>
      <c r="FX33" s="114">
        <v>7700</v>
      </c>
      <c r="FY33" s="112">
        <v>9310</v>
      </c>
      <c r="FZ33" s="111">
        <v>0</v>
      </c>
      <c r="GA33" s="114">
        <v>9450</v>
      </c>
      <c r="GB33" s="114">
        <v>25676</v>
      </c>
      <c r="GC33" s="114">
        <v>7350</v>
      </c>
      <c r="GD33" s="114">
        <v>21350</v>
      </c>
      <c r="GE33" s="114">
        <v>0</v>
      </c>
      <c r="GF33" s="113">
        <v>63826</v>
      </c>
      <c r="GG33" s="316">
        <v>7313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0</v>
      </c>
      <c r="HI33" s="114">
        <v>0</v>
      </c>
      <c r="HJ33" s="114">
        <v>167532</v>
      </c>
      <c r="HK33" s="114">
        <v>190511</v>
      </c>
      <c r="HL33" s="114">
        <v>0</v>
      </c>
      <c r="HM33" s="113">
        <v>358043</v>
      </c>
      <c r="HN33" s="109">
        <v>358043</v>
      </c>
      <c r="HO33" s="326"/>
      <c r="HP33" s="327"/>
      <c r="HQ33" s="328"/>
      <c r="HR33" s="329"/>
      <c r="HS33" s="327"/>
      <c r="HT33" s="327"/>
      <c r="HU33" s="327"/>
      <c r="HV33" s="327"/>
      <c r="HW33" s="327"/>
      <c r="HX33" s="330"/>
      <c r="HY33" s="331"/>
      <c r="HZ33" s="131">
        <v>0</v>
      </c>
      <c r="IA33" s="132">
        <v>0</v>
      </c>
      <c r="IB33" s="133">
        <v>0</v>
      </c>
      <c r="IC33" s="146">
        <v>0</v>
      </c>
      <c r="ID33" s="132">
        <v>127316</v>
      </c>
      <c r="IE33" s="147">
        <v>28735</v>
      </c>
      <c r="IF33" s="133">
        <v>0</v>
      </c>
      <c r="IG33" s="132">
        <v>0</v>
      </c>
      <c r="IH33" s="133">
        <v>0</v>
      </c>
      <c r="II33" s="148">
        <v>156051</v>
      </c>
      <c r="IJ33" s="139">
        <v>156051</v>
      </c>
      <c r="IK33" s="232">
        <v>0</v>
      </c>
      <c r="IL33" s="236">
        <v>0</v>
      </c>
      <c r="IM33" s="237">
        <v>0</v>
      </c>
      <c r="IN33" s="140"/>
      <c r="IO33" s="119">
        <v>0</v>
      </c>
      <c r="IP33" s="119">
        <v>0</v>
      </c>
      <c r="IQ33" s="119">
        <v>0</v>
      </c>
      <c r="IR33" s="119">
        <v>0</v>
      </c>
      <c r="IS33" s="119">
        <v>0</v>
      </c>
      <c r="IT33" s="141">
        <v>0</v>
      </c>
      <c r="IU33" s="318">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27316</v>
      </c>
      <c r="JL33" s="119">
        <v>28735</v>
      </c>
      <c r="JM33" s="119">
        <v>0</v>
      </c>
      <c r="JN33" s="119">
        <v>0</v>
      </c>
      <c r="JO33" s="119">
        <v>0</v>
      </c>
      <c r="JP33" s="120">
        <v>156051</v>
      </c>
      <c r="JQ33" s="318">
        <v>156051</v>
      </c>
      <c r="JR33" s="142">
        <v>0</v>
      </c>
      <c r="JS33" s="119">
        <v>0</v>
      </c>
      <c r="JT33" s="141">
        <v>0</v>
      </c>
      <c r="JU33" s="118">
        <v>0</v>
      </c>
      <c r="JV33" s="119">
        <v>0</v>
      </c>
      <c r="JW33" s="119">
        <v>0</v>
      </c>
      <c r="JX33" s="119">
        <v>0</v>
      </c>
      <c r="JY33" s="119">
        <v>0</v>
      </c>
      <c r="JZ33" s="119">
        <v>0</v>
      </c>
      <c r="KA33" s="120">
        <v>0</v>
      </c>
      <c r="KB33" s="318">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18">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18">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233965</v>
      </c>
      <c r="MM33" s="119">
        <v>151126</v>
      </c>
      <c r="MN33" s="119">
        <v>0</v>
      </c>
      <c r="MO33" s="120">
        <v>385091</v>
      </c>
      <c r="MP33" s="143">
        <v>385091</v>
      </c>
      <c r="MQ33" s="142">
        <v>0</v>
      </c>
      <c r="MR33" s="119">
        <v>0</v>
      </c>
      <c r="MS33" s="120">
        <v>0</v>
      </c>
      <c r="MT33" s="145"/>
      <c r="MU33" s="119">
        <v>0</v>
      </c>
      <c r="MV33" s="119">
        <v>0</v>
      </c>
      <c r="MW33" s="119">
        <v>0</v>
      </c>
      <c r="MX33" s="119">
        <v>0</v>
      </c>
      <c r="MY33" s="119">
        <v>0</v>
      </c>
      <c r="MZ33" s="120">
        <v>0</v>
      </c>
      <c r="NA33" s="143">
        <v>0</v>
      </c>
      <c r="NB33" s="142">
        <v>0</v>
      </c>
      <c r="NC33" s="119">
        <v>0</v>
      </c>
      <c r="ND33" s="120">
        <v>0</v>
      </c>
      <c r="NE33" s="145"/>
      <c r="NF33" s="119">
        <v>0</v>
      </c>
      <c r="NG33" s="119">
        <v>0</v>
      </c>
      <c r="NH33" s="119">
        <v>233965</v>
      </c>
      <c r="NI33" s="119">
        <v>151126</v>
      </c>
      <c r="NJ33" s="119">
        <v>0</v>
      </c>
      <c r="NK33" s="120">
        <v>385091</v>
      </c>
      <c r="NL33" s="318">
        <v>385091</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10</v>
      </c>
      <c r="OJ33" s="119">
        <v>7700</v>
      </c>
      <c r="OK33" s="141">
        <v>9310</v>
      </c>
      <c r="OL33" s="118">
        <v>0</v>
      </c>
      <c r="OM33" s="119">
        <v>171798</v>
      </c>
      <c r="ON33" s="119">
        <v>226225</v>
      </c>
      <c r="OO33" s="119">
        <v>685193</v>
      </c>
      <c r="OP33" s="119">
        <v>559701</v>
      </c>
      <c r="OQ33" s="119">
        <v>0</v>
      </c>
      <c r="OR33" s="120">
        <v>1642917</v>
      </c>
      <c r="OS33" s="143">
        <v>1652227</v>
      </c>
    </row>
    <row r="34" spans="2:409" ht="21" customHeight="1" x14ac:dyDescent="0.2">
      <c r="B34" s="126" t="s">
        <v>29</v>
      </c>
      <c r="C34" s="110">
        <v>2100</v>
      </c>
      <c r="D34" s="114">
        <v>106820</v>
      </c>
      <c r="E34" s="113">
        <v>108920</v>
      </c>
      <c r="F34" s="109">
        <v>0</v>
      </c>
      <c r="G34" s="114">
        <v>550923</v>
      </c>
      <c r="H34" s="114">
        <v>166954</v>
      </c>
      <c r="I34" s="114">
        <v>305586</v>
      </c>
      <c r="J34" s="114">
        <v>1009005</v>
      </c>
      <c r="K34" s="114">
        <v>0</v>
      </c>
      <c r="L34" s="173">
        <v>2032468</v>
      </c>
      <c r="M34" s="116">
        <v>2141388</v>
      </c>
      <c r="N34" s="110">
        <v>0</v>
      </c>
      <c r="O34" s="114">
        <v>94220</v>
      </c>
      <c r="P34" s="113">
        <v>94220</v>
      </c>
      <c r="Q34" s="110">
        <v>0</v>
      </c>
      <c r="R34" s="114">
        <v>168873</v>
      </c>
      <c r="S34" s="114">
        <v>129133</v>
      </c>
      <c r="T34" s="114">
        <v>89999</v>
      </c>
      <c r="U34" s="114">
        <v>466838</v>
      </c>
      <c r="V34" s="114">
        <v>0</v>
      </c>
      <c r="W34" s="113">
        <v>854843</v>
      </c>
      <c r="X34" s="116">
        <v>949063</v>
      </c>
      <c r="Y34" s="110">
        <v>0</v>
      </c>
      <c r="Z34" s="114">
        <v>0</v>
      </c>
      <c r="AA34" s="113">
        <v>0</v>
      </c>
      <c r="AB34" s="110">
        <v>0</v>
      </c>
      <c r="AC34" s="114">
        <v>43729</v>
      </c>
      <c r="AD34" s="114">
        <v>78971</v>
      </c>
      <c r="AE34" s="114">
        <v>0</v>
      </c>
      <c r="AF34" s="114">
        <v>358142</v>
      </c>
      <c r="AG34" s="114">
        <v>0</v>
      </c>
      <c r="AH34" s="113">
        <v>480842</v>
      </c>
      <c r="AI34" s="116">
        <v>480842</v>
      </c>
      <c r="AJ34" s="110">
        <v>0</v>
      </c>
      <c r="AK34" s="114">
        <v>0</v>
      </c>
      <c r="AL34" s="113">
        <v>0</v>
      </c>
      <c r="AM34" s="110">
        <v>0</v>
      </c>
      <c r="AN34" s="114">
        <v>0</v>
      </c>
      <c r="AO34" s="114">
        <v>0</v>
      </c>
      <c r="AP34" s="114">
        <v>0</v>
      </c>
      <c r="AQ34" s="114">
        <v>0</v>
      </c>
      <c r="AR34" s="114">
        <v>0</v>
      </c>
      <c r="AS34" s="113">
        <v>0</v>
      </c>
      <c r="AT34" s="116">
        <v>0</v>
      </c>
      <c r="AU34" s="110">
        <v>0</v>
      </c>
      <c r="AV34" s="114">
        <v>94220</v>
      </c>
      <c r="AW34" s="113">
        <v>94220</v>
      </c>
      <c r="AX34" s="110">
        <v>0</v>
      </c>
      <c r="AY34" s="114">
        <v>81604</v>
      </c>
      <c r="AZ34" s="114">
        <v>50162</v>
      </c>
      <c r="BA34" s="114">
        <v>81655</v>
      </c>
      <c r="BB34" s="114">
        <v>32963</v>
      </c>
      <c r="BC34" s="114">
        <v>0</v>
      </c>
      <c r="BD34" s="113">
        <v>246384</v>
      </c>
      <c r="BE34" s="116">
        <v>340604</v>
      </c>
      <c r="BF34" s="110">
        <v>0</v>
      </c>
      <c r="BG34" s="114">
        <v>0</v>
      </c>
      <c r="BH34" s="112">
        <v>0</v>
      </c>
      <c r="BI34" s="111">
        <v>0</v>
      </c>
      <c r="BJ34" s="114">
        <v>26768</v>
      </c>
      <c r="BK34" s="114">
        <v>0</v>
      </c>
      <c r="BL34" s="114">
        <v>0</v>
      </c>
      <c r="BM34" s="114">
        <v>60228</v>
      </c>
      <c r="BN34" s="114">
        <v>0</v>
      </c>
      <c r="BO34" s="113">
        <v>86996</v>
      </c>
      <c r="BP34" s="116">
        <v>86996</v>
      </c>
      <c r="BQ34" s="110">
        <v>0</v>
      </c>
      <c r="BR34" s="114">
        <v>0</v>
      </c>
      <c r="BS34" s="113">
        <v>0</v>
      </c>
      <c r="BT34" s="110">
        <v>0</v>
      </c>
      <c r="BU34" s="114">
        <v>16772</v>
      </c>
      <c r="BV34" s="114">
        <v>0</v>
      </c>
      <c r="BW34" s="114">
        <v>8344</v>
      </c>
      <c r="BX34" s="114">
        <v>15505</v>
      </c>
      <c r="BY34" s="114">
        <v>0</v>
      </c>
      <c r="BZ34" s="113">
        <v>40621</v>
      </c>
      <c r="CA34" s="116">
        <v>40621</v>
      </c>
      <c r="CB34" s="110">
        <v>0</v>
      </c>
      <c r="CC34" s="114">
        <v>0</v>
      </c>
      <c r="CD34" s="113">
        <v>0</v>
      </c>
      <c r="CE34" s="110">
        <v>0</v>
      </c>
      <c r="CF34" s="114">
        <v>182537</v>
      </c>
      <c r="CG34" s="114">
        <v>22771</v>
      </c>
      <c r="CH34" s="114">
        <v>100905</v>
      </c>
      <c r="CI34" s="114">
        <v>157114</v>
      </c>
      <c r="CJ34" s="114">
        <v>0</v>
      </c>
      <c r="CK34" s="113">
        <v>463327</v>
      </c>
      <c r="CL34" s="116">
        <v>463327</v>
      </c>
      <c r="CM34" s="110">
        <v>0</v>
      </c>
      <c r="CN34" s="114">
        <v>0</v>
      </c>
      <c r="CO34" s="113">
        <v>0</v>
      </c>
      <c r="CP34" s="111">
        <v>0</v>
      </c>
      <c r="CQ34" s="114">
        <v>84168</v>
      </c>
      <c r="CR34" s="114">
        <v>22771</v>
      </c>
      <c r="CS34" s="114">
        <v>0</v>
      </c>
      <c r="CT34" s="114">
        <v>76810</v>
      </c>
      <c r="CU34" s="114">
        <v>0</v>
      </c>
      <c r="CV34" s="113">
        <v>183749</v>
      </c>
      <c r="CW34" s="116">
        <v>183749</v>
      </c>
      <c r="CX34" s="110">
        <v>0</v>
      </c>
      <c r="CY34" s="114">
        <v>0</v>
      </c>
      <c r="CZ34" s="113">
        <v>0</v>
      </c>
      <c r="DA34" s="110">
        <v>0</v>
      </c>
      <c r="DB34" s="114">
        <v>98369</v>
      </c>
      <c r="DC34" s="114">
        <v>0</v>
      </c>
      <c r="DD34" s="114">
        <v>100905</v>
      </c>
      <c r="DE34" s="114">
        <v>80304</v>
      </c>
      <c r="DF34" s="114">
        <v>0</v>
      </c>
      <c r="DG34" s="113">
        <v>279578</v>
      </c>
      <c r="DH34" s="116">
        <v>279578</v>
      </c>
      <c r="DI34" s="110">
        <v>0</v>
      </c>
      <c r="DJ34" s="114">
        <v>0</v>
      </c>
      <c r="DK34" s="112">
        <v>0</v>
      </c>
      <c r="DL34" s="111">
        <v>0</v>
      </c>
      <c r="DM34" s="114">
        <v>0</v>
      </c>
      <c r="DN34" s="114">
        <v>0</v>
      </c>
      <c r="DO34" s="114">
        <v>0</v>
      </c>
      <c r="DP34" s="114">
        <v>0</v>
      </c>
      <c r="DQ34" s="114">
        <v>0</v>
      </c>
      <c r="DR34" s="113">
        <v>0</v>
      </c>
      <c r="DS34" s="116">
        <v>0</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5"/>
      <c r="FE34" s="114">
        <v>0</v>
      </c>
      <c r="FF34" s="114">
        <v>0</v>
      </c>
      <c r="FG34" s="114">
        <v>0</v>
      </c>
      <c r="FH34" s="114">
        <v>0</v>
      </c>
      <c r="FI34" s="114">
        <v>0</v>
      </c>
      <c r="FJ34" s="113">
        <v>0</v>
      </c>
      <c r="FK34" s="116">
        <v>0</v>
      </c>
      <c r="FL34" s="110">
        <v>2100</v>
      </c>
      <c r="FM34" s="114">
        <v>12600</v>
      </c>
      <c r="FN34" s="113">
        <v>14700</v>
      </c>
      <c r="FO34" s="110">
        <v>0</v>
      </c>
      <c r="FP34" s="114">
        <v>35000</v>
      </c>
      <c r="FQ34" s="114">
        <v>15050</v>
      </c>
      <c r="FR34" s="114">
        <v>114682</v>
      </c>
      <c r="FS34" s="114">
        <v>64680</v>
      </c>
      <c r="FT34" s="114">
        <v>0</v>
      </c>
      <c r="FU34" s="113">
        <v>229412</v>
      </c>
      <c r="FV34" s="116">
        <v>244112</v>
      </c>
      <c r="FW34" s="115">
        <v>2100</v>
      </c>
      <c r="FX34" s="114">
        <v>12600</v>
      </c>
      <c r="FY34" s="112">
        <v>14700</v>
      </c>
      <c r="FZ34" s="111">
        <v>0</v>
      </c>
      <c r="GA34" s="114">
        <v>35000</v>
      </c>
      <c r="GB34" s="114">
        <v>15050</v>
      </c>
      <c r="GC34" s="114">
        <v>79940</v>
      </c>
      <c r="GD34" s="114">
        <v>64680</v>
      </c>
      <c r="GE34" s="114">
        <v>0</v>
      </c>
      <c r="GF34" s="113">
        <v>194670</v>
      </c>
      <c r="GG34" s="316">
        <v>209370</v>
      </c>
      <c r="GH34" s="115">
        <v>0</v>
      </c>
      <c r="GI34" s="114">
        <v>0</v>
      </c>
      <c r="GJ34" s="112">
        <v>0</v>
      </c>
      <c r="GK34" s="111">
        <v>0</v>
      </c>
      <c r="GL34" s="114">
        <v>0</v>
      </c>
      <c r="GM34" s="114">
        <v>0</v>
      </c>
      <c r="GN34" s="114">
        <v>34742</v>
      </c>
      <c r="GO34" s="114">
        <v>0</v>
      </c>
      <c r="GP34" s="114">
        <v>0</v>
      </c>
      <c r="GQ34" s="113">
        <v>34742</v>
      </c>
      <c r="GR34" s="116">
        <v>34742</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164513</v>
      </c>
      <c r="HI34" s="114">
        <v>0</v>
      </c>
      <c r="HJ34" s="114">
        <v>0</v>
      </c>
      <c r="HK34" s="114">
        <v>320373</v>
      </c>
      <c r="HL34" s="114">
        <v>0</v>
      </c>
      <c r="HM34" s="113">
        <v>484886</v>
      </c>
      <c r="HN34" s="109">
        <v>484886</v>
      </c>
      <c r="HO34" s="326"/>
      <c r="HP34" s="327"/>
      <c r="HQ34" s="328"/>
      <c r="HR34" s="329"/>
      <c r="HS34" s="327"/>
      <c r="HT34" s="327"/>
      <c r="HU34" s="327"/>
      <c r="HV34" s="327"/>
      <c r="HW34" s="327"/>
      <c r="HX34" s="330"/>
      <c r="HY34" s="331"/>
      <c r="HZ34" s="150">
        <v>0</v>
      </c>
      <c r="IA34" s="135">
        <v>0</v>
      </c>
      <c r="IB34" s="150">
        <v>0</v>
      </c>
      <c r="IC34" s="134">
        <v>0</v>
      </c>
      <c r="ID34" s="135">
        <v>410999</v>
      </c>
      <c r="IE34" s="136">
        <v>0</v>
      </c>
      <c r="IF34" s="137">
        <v>205303</v>
      </c>
      <c r="IG34" s="135">
        <v>227311</v>
      </c>
      <c r="IH34" s="137">
        <v>0</v>
      </c>
      <c r="II34" s="138">
        <v>843613</v>
      </c>
      <c r="IJ34" s="150">
        <v>843613</v>
      </c>
      <c r="IK34" s="232">
        <v>0</v>
      </c>
      <c r="IL34" s="236">
        <v>0</v>
      </c>
      <c r="IM34" s="237">
        <v>0</v>
      </c>
      <c r="IN34" s="140"/>
      <c r="IO34" s="119">
        <v>52941</v>
      </c>
      <c r="IP34" s="119">
        <v>0</v>
      </c>
      <c r="IQ34" s="119">
        <v>0</v>
      </c>
      <c r="IR34" s="119">
        <v>0</v>
      </c>
      <c r="IS34" s="119">
        <v>0</v>
      </c>
      <c r="IT34" s="141">
        <v>52941</v>
      </c>
      <c r="IU34" s="318">
        <v>52941</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8243</v>
      </c>
      <c r="JL34" s="119">
        <v>0</v>
      </c>
      <c r="JM34" s="119">
        <v>0</v>
      </c>
      <c r="JN34" s="119">
        <v>0</v>
      </c>
      <c r="JO34" s="119">
        <v>0</v>
      </c>
      <c r="JP34" s="120">
        <v>18243</v>
      </c>
      <c r="JQ34" s="318">
        <v>18243</v>
      </c>
      <c r="JR34" s="142">
        <v>0</v>
      </c>
      <c r="JS34" s="119">
        <v>0</v>
      </c>
      <c r="JT34" s="141">
        <v>0</v>
      </c>
      <c r="JU34" s="118">
        <v>0</v>
      </c>
      <c r="JV34" s="119">
        <v>0</v>
      </c>
      <c r="JW34" s="119">
        <v>0</v>
      </c>
      <c r="JX34" s="119">
        <v>0</v>
      </c>
      <c r="JY34" s="119">
        <v>0</v>
      </c>
      <c r="JZ34" s="119">
        <v>0</v>
      </c>
      <c r="KA34" s="120">
        <v>0</v>
      </c>
      <c r="KB34" s="318">
        <v>0</v>
      </c>
      <c r="KC34" s="234">
        <v>0</v>
      </c>
      <c r="KD34" s="230">
        <v>0</v>
      </c>
      <c r="KE34" s="120">
        <v>0</v>
      </c>
      <c r="KF34" s="118">
        <v>0</v>
      </c>
      <c r="KG34" s="119">
        <v>339815</v>
      </c>
      <c r="KH34" s="119">
        <v>0</v>
      </c>
      <c r="KI34" s="119">
        <v>205303</v>
      </c>
      <c r="KJ34" s="119">
        <v>0</v>
      </c>
      <c r="KK34" s="119">
        <v>0</v>
      </c>
      <c r="KL34" s="120">
        <v>545118</v>
      </c>
      <c r="KM34" s="143">
        <v>545118</v>
      </c>
      <c r="KN34" s="232">
        <v>0</v>
      </c>
      <c r="KO34" s="236">
        <v>0</v>
      </c>
      <c r="KP34" s="237">
        <v>0</v>
      </c>
      <c r="KQ34" s="140"/>
      <c r="KR34" s="119">
        <v>0</v>
      </c>
      <c r="KS34" s="119">
        <v>0</v>
      </c>
      <c r="KT34" s="119">
        <v>0</v>
      </c>
      <c r="KU34" s="119">
        <v>0</v>
      </c>
      <c r="KV34" s="119">
        <v>0</v>
      </c>
      <c r="KW34" s="120">
        <v>0</v>
      </c>
      <c r="KX34" s="318">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27311</v>
      </c>
      <c r="LR34" s="119">
        <v>0</v>
      </c>
      <c r="LS34" s="120">
        <v>227311</v>
      </c>
      <c r="LT34" s="318">
        <v>227311</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249270</v>
      </c>
      <c r="MN34" s="119">
        <v>0</v>
      </c>
      <c r="MO34" s="120">
        <v>249270</v>
      </c>
      <c r="MP34" s="143">
        <v>249270</v>
      </c>
      <c r="MQ34" s="142">
        <v>0</v>
      </c>
      <c r="MR34" s="119">
        <v>0</v>
      </c>
      <c r="MS34" s="120">
        <v>0</v>
      </c>
      <c r="MT34" s="145"/>
      <c r="MU34" s="119">
        <v>0</v>
      </c>
      <c r="MV34" s="119">
        <v>0</v>
      </c>
      <c r="MW34" s="119">
        <v>0</v>
      </c>
      <c r="MX34" s="119">
        <v>0</v>
      </c>
      <c r="MY34" s="119">
        <v>0</v>
      </c>
      <c r="MZ34" s="120">
        <v>0</v>
      </c>
      <c r="NA34" s="143">
        <v>0</v>
      </c>
      <c r="NB34" s="142">
        <v>0</v>
      </c>
      <c r="NC34" s="119">
        <v>0</v>
      </c>
      <c r="ND34" s="120">
        <v>0</v>
      </c>
      <c r="NE34" s="145"/>
      <c r="NF34" s="119">
        <v>0</v>
      </c>
      <c r="NG34" s="119">
        <v>0</v>
      </c>
      <c r="NH34" s="119">
        <v>0</v>
      </c>
      <c r="NI34" s="119">
        <v>249270</v>
      </c>
      <c r="NJ34" s="119">
        <v>0</v>
      </c>
      <c r="NK34" s="120">
        <v>249270</v>
      </c>
      <c r="NL34" s="318">
        <v>24927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2100</v>
      </c>
      <c r="OJ34" s="119">
        <v>106820</v>
      </c>
      <c r="OK34" s="141">
        <v>108920</v>
      </c>
      <c r="OL34" s="118">
        <v>0</v>
      </c>
      <c r="OM34" s="119">
        <v>961922</v>
      </c>
      <c r="ON34" s="119">
        <v>166954</v>
      </c>
      <c r="OO34" s="119">
        <v>510889</v>
      </c>
      <c r="OP34" s="119">
        <v>1485586</v>
      </c>
      <c r="OQ34" s="119">
        <v>0</v>
      </c>
      <c r="OR34" s="120">
        <v>3125351</v>
      </c>
      <c r="OS34" s="143">
        <v>3234271</v>
      </c>
    </row>
    <row r="35" spans="2:409" ht="21" customHeight="1" x14ac:dyDescent="0.2">
      <c r="B35" s="126" t="s">
        <v>30</v>
      </c>
      <c r="C35" s="110">
        <v>16310</v>
      </c>
      <c r="D35" s="114">
        <v>0</v>
      </c>
      <c r="E35" s="174">
        <v>16310</v>
      </c>
      <c r="F35" s="175">
        <v>0</v>
      </c>
      <c r="G35" s="176">
        <v>504865</v>
      </c>
      <c r="H35" s="176">
        <v>438897</v>
      </c>
      <c r="I35" s="176">
        <v>209034</v>
      </c>
      <c r="J35" s="176">
        <v>426195</v>
      </c>
      <c r="K35" s="176">
        <v>0</v>
      </c>
      <c r="L35" s="177">
        <v>1578991</v>
      </c>
      <c r="M35" s="116">
        <v>1595301</v>
      </c>
      <c r="N35" s="110">
        <v>0</v>
      </c>
      <c r="O35" s="114">
        <v>0</v>
      </c>
      <c r="P35" s="113">
        <v>0</v>
      </c>
      <c r="Q35" s="110">
        <v>0</v>
      </c>
      <c r="R35" s="114">
        <v>123678</v>
      </c>
      <c r="S35" s="114">
        <v>2086</v>
      </c>
      <c r="T35" s="114">
        <v>206024</v>
      </c>
      <c r="U35" s="114">
        <v>270466</v>
      </c>
      <c r="V35" s="114">
        <v>0</v>
      </c>
      <c r="W35" s="113">
        <v>602254</v>
      </c>
      <c r="X35" s="116">
        <v>602254</v>
      </c>
      <c r="Y35" s="110">
        <v>0</v>
      </c>
      <c r="Z35" s="114">
        <v>0</v>
      </c>
      <c r="AA35" s="113">
        <v>0</v>
      </c>
      <c r="AB35" s="110">
        <v>0</v>
      </c>
      <c r="AC35" s="114">
        <v>33026</v>
      </c>
      <c r="AD35" s="114">
        <v>0</v>
      </c>
      <c r="AE35" s="114">
        <v>188545</v>
      </c>
      <c r="AF35" s="114">
        <v>176869</v>
      </c>
      <c r="AG35" s="114">
        <v>0</v>
      </c>
      <c r="AH35" s="113">
        <v>398440</v>
      </c>
      <c r="AI35" s="116">
        <v>398440</v>
      </c>
      <c r="AJ35" s="110">
        <v>0</v>
      </c>
      <c r="AK35" s="114">
        <v>0</v>
      </c>
      <c r="AL35" s="113">
        <v>0</v>
      </c>
      <c r="AM35" s="110">
        <v>0</v>
      </c>
      <c r="AN35" s="114">
        <v>39846</v>
      </c>
      <c r="AO35" s="114">
        <v>0</v>
      </c>
      <c r="AP35" s="114">
        <v>0</v>
      </c>
      <c r="AQ35" s="114">
        <v>58884</v>
      </c>
      <c r="AR35" s="114">
        <v>0</v>
      </c>
      <c r="AS35" s="113">
        <v>98730</v>
      </c>
      <c r="AT35" s="116">
        <v>98730</v>
      </c>
      <c r="AU35" s="110">
        <v>0</v>
      </c>
      <c r="AV35" s="114">
        <v>0</v>
      </c>
      <c r="AW35" s="113">
        <v>0</v>
      </c>
      <c r="AX35" s="110">
        <v>0</v>
      </c>
      <c r="AY35" s="114">
        <v>17346</v>
      </c>
      <c r="AZ35" s="114">
        <v>0</v>
      </c>
      <c r="BA35" s="114">
        <v>0</v>
      </c>
      <c r="BB35" s="114">
        <v>34713</v>
      </c>
      <c r="BC35" s="114">
        <v>0</v>
      </c>
      <c r="BD35" s="113">
        <v>52059</v>
      </c>
      <c r="BE35" s="116">
        <v>52059</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33460</v>
      </c>
      <c r="BV35" s="114">
        <v>2086</v>
      </c>
      <c r="BW35" s="114">
        <v>17479</v>
      </c>
      <c r="BX35" s="114">
        <v>0</v>
      </c>
      <c r="BY35" s="114">
        <v>0</v>
      </c>
      <c r="BZ35" s="113">
        <v>53025</v>
      </c>
      <c r="CA35" s="116">
        <v>53025</v>
      </c>
      <c r="CB35" s="110">
        <v>0</v>
      </c>
      <c r="CC35" s="114">
        <v>0</v>
      </c>
      <c r="CD35" s="113">
        <v>0</v>
      </c>
      <c r="CE35" s="110">
        <v>0</v>
      </c>
      <c r="CF35" s="114">
        <v>78759</v>
      </c>
      <c r="CG35" s="114">
        <v>169324</v>
      </c>
      <c r="CH35" s="114">
        <v>0</v>
      </c>
      <c r="CI35" s="114">
        <v>97363</v>
      </c>
      <c r="CJ35" s="114">
        <v>0</v>
      </c>
      <c r="CK35" s="113">
        <v>345446</v>
      </c>
      <c r="CL35" s="116">
        <v>345446</v>
      </c>
      <c r="CM35" s="110">
        <v>0</v>
      </c>
      <c r="CN35" s="114">
        <v>0</v>
      </c>
      <c r="CO35" s="113">
        <v>0</v>
      </c>
      <c r="CP35" s="111">
        <v>0</v>
      </c>
      <c r="CQ35" s="114">
        <v>78759</v>
      </c>
      <c r="CR35" s="114">
        <v>115562</v>
      </c>
      <c r="CS35" s="114">
        <v>0</v>
      </c>
      <c r="CT35" s="114">
        <v>0</v>
      </c>
      <c r="CU35" s="114">
        <v>0</v>
      </c>
      <c r="CV35" s="113">
        <v>194321</v>
      </c>
      <c r="CW35" s="116">
        <v>194321</v>
      </c>
      <c r="CX35" s="110">
        <v>0</v>
      </c>
      <c r="CY35" s="114">
        <v>0</v>
      </c>
      <c r="CZ35" s="113">
        <v>0</v>
      </c>
      <c r="DA35" s="110">
        <v>0</v>
      </c>
      <c r="DB35" s="114">
        <v>0</v>
      </c>
      <c r="DC35" s="114">
        <v>53762</v>
      </c>
      <c r="DD35" s="114">
        <v>0</v>
      </c>
      <c r="DE35" s="114">
        <v>97363</v>
      </c>
      <c r="DF35" s="114">
        <v>0</v>
      </c>
      <c r="DG35" s="113">
        <v>151125</v>
      </c>
      <c r="DH35" s="116">
        <v>151125</v>
      </c>
      <c r="DI35" s="110">
        <v>0</v>
      </c>
      <c r="DJ35" s="114">
        <v>0</v>
      </c>
      <c r="DK35" s="112">
        <v>0</v>
      </c>
      <c r="DL35" s="111">
        <v>0</v>
      </c>
      <c r="DM35" s="114">
        <v>0</v>
      </c>
      <c r="DN35" s="114">
        <v>102861</v>
      </c>
      <c r="DO35" s="114">
        <v>0</v>
      </c>
      <c r="DP35" s="114">
        <v>0</v>
      </c>
      <c r="DQ35" s="114">
        <v>0</v>
      </c>
      <c r="DR35" s="113">
        <v>102861</v>
      </c>
      <c r="DS35" s="116">
        <v>102861</v>
      </c>
      <c r="DT35" s="110">
        <v>0</v>
      </c>
      <c r="DU35" s="114">
        <v>0</v>
      </c>
      <c r="DV35" s="113">
        <v>0</v>
      </c>
      <c r="DW35" s="110">
        <v>0</v>
      </c>
      <c r="DX35" s="114">
        <v>0</v>
      </c>
      <c r="DY35" s="114">
        <v>86637</v>
      </c>
      <c r="DZ35" s="114">
        <v>0</v>
      </c>
      <c r="EA35" s="114">
        <v>0</v>
      </c>
      <c r="EB35" s="114">
        <v>0</v>
      </c>
      <c r="EC35" s="113">
        <v>86637</v>
      </c>
      <c r="ED35" s="116">
        <v>86637</v>
      </c>
      <c r="EE35" s="110">
        <v>0</v>
      </c>
      <c r="EF35" s="112">
        <v>0</v>
      </c>
      <c r="EG35" s="113">
        <v>0</v>
      </c>
      <c r="EH35" s="110">
        <v>0</v>
      </c>
      <c r="EI35" s="114">
        <v>0</v>
      </c>
      <c r="EJ35" s="114">
        <v>16224</v>
      </c>
      <c r="EK35" s="114">
        <v>0</v>
      </c>
      <c r="EL35" s="114">
        <v>0</v>
      </c>
      <c r="EM35" s="114">
        <v>0</v>
      </c>
      <c r="EN35" s="112">
        <v>16224</v>
      </c>
      <c r="EO35" s="116">
        <v>16224</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5"/>
      <c r="FE35" s="114">
        <v>0</v>
      </c>
      <c r="FF35" s="114">
        <v>0</v>
      </c>
      <c r="FG35" s="114">
        <v>0</v>
      </c>
      <c r="FH35" s="114">
        <v>0</v>
      </c>
      <c r="FI35" s="114">
        <v>0</v>
      </c>
      <c r="FJ35" s="113">
        <v>0</v>
      </c>
      <c r="FK35" s="116">
        <v>0</v>
      </c>
      <c r="FL35" s="110">
        <v>16310</v>
      </c>
      <c r="FM35" s="114">
        <v>0</v>
      </c>
      <c r="FN35" s="113">
        <v>16310</v>
      </c>
      <c r="FO35" s="110">
        <v>0</v>
      </c>
      <c r="FP35" s="114">
        <v>29659</v>
      </c>
      <c r="FQ35" s="114">
        <v>14490</v>
      </c>
      <c r="FR35" s="114">
        <v>3010</v>
      </c>
      <c r="FS35" s="114">
        <v>58366</v>
      </c>
      <c r="FT35" s="114">
        <v>0</v>
      </c>
      <c r="FU35" s="113">
        <v>105525</v>
      </c>
      <c r="FV35" s="116">
        <v>121835</v>
      </c>
      <c r="FW35" s="115">
        <v>16310</v>
      </c>
      <c r="FX35" s="114">
        <v>0</v>
      </c>
      <c r="FY35" s="112">
        <v>16310</v>
      </c>
      <c r="FZ35" s="111">
        <v>0</v>
      </c>
      <c r="GA35" s="114">
        <v>10255</v>
      </c>
      <c r="GB35" s="114">
        <v>14490</v>
      </c>
      <c r="GC35" s="114">
        <v>3010</v>
      </c>
      <c r="GD35" s="114">
        <v>58366</v>
      </c>
      <c r="GE35" s="114">
        <v>0</v>
      </c>
      <c r="GF35" s="113">
        <v>86121</v>
      </c>
      <c r="GG35" s="316">
        <v>102431</v>
      </c>
      <c r="GH35" s="115">
        <v>0</v>
      </c>
      <c r="GI35" s="114">
        <v>0</v>
      </c>
      <c r="GJ35" s="112">
        <v>0</v>
      </c>
      <c r="GK35" s="111">
        <v>0</v>
      </c>
      <c r="GL35" s="114">
        <v>19404</v>
      </c>
      <c r="GM35" s="114">
        <v>0</v>
      </c>
      <c r="GN35" s="114">
        <v>0</v>
      </c>
      <c r="GO35" s="114">
        <v>0</v>
      </c>
      <c r="GP35" s="114">
        <v>0</v>
      </c>
      <c r="GQ35" s="113">
        <v>19404</v>
      </c>
      <c r="GR35" s="116">
        <v>19404</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272769</v>
      </c>
      <c r="HI35" s="114">
        <v>150136</v>
      </c>
      <c r="HJ35" s="114">
        <v>0</v>
      </c>
      <c r="HK35" s="114">
        <v>0</v>
      </c>
      <c r="HL35" s="114">
        <v>0</v>
      </c>
      <c r="HM35" s="113">
        <v>422905</v>
      </c>
      <c r="HN35" s="109">
        <v>422905</v>
      </c>
      <c r="HO35" s="326"/>
      <c r="HP35" s="327"/>
      <c r="HQ35" s="328"/>
      <c r="HR35" s="329"/>
      <c r="HS35" s="327"/>
      <c r="HT35" s="327"/>
      <c r="HU35" s="327"/>
      <c r="HV35" s="327"/>
      <c r="HW35" s="327"/>
      <c r="HX35" s="330"/>
      <c r="HY35" s="331"/>
      <c r="HZ35" s="131">
        <v>0</v>
      </c>
      <c r="IA35" s="132">
        <v>0</v>
      </c>
      <c r="IB35" s="133">
        <v>0</v>
      </c>
      <c r="IC35" s="146">
        <v>0</v>
      </c>
      <c r="ID35" s="132">
        <v>56595</v>
      </c>
      <c r="IE35" s="147">
        <v>37674</v>
      </c>
      <c r="IF35" s="133">
        <v>0</v>
      </c>
      <c r="IG35" s="132">
        <v>0</v>
      </c>
      <c r="IH35" s="133">
        <v>0</v>
      </c>
      <c r="II35" s="148">
        <v>94269</v>
      </c>
      <c r="IJ35" s="139">
        <v>94269</v>
      </c>
      <c r="IK35" s="232">
        <v>0</v>
      </c>
      <c r="IL35" s="236">
        <v>0</v>
      </c>
      <c r="IM35" s="237">
        <v>0</v>
      </c>
      <c r="IN35" s="140"/>
      <c r="IO35" s="119">
        <v>0</v>
      </c>
      <c r="IP35" s="119">
        <v>0</v>
      </c>
      <c r="IQ35" s="119">
        <v>0</v>
      </c>
      <c r="IR35" s="119">
        <v>0</v>
      </c>
      <c r="IS35" s="119">
        <v>0</v>
      </c>
      <c r="IT35" s="141">
        <v>0</v>
      </c>
      <c r="IU35" s="318">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56595</v>
      </c>
      <c r="JL35" s="119">
        <v>0</v>
      </c>
      <c r="JM35" s="119">
        <v>0</v>
      </c>
      <c r="JN35" s="119">
        <v>0</v>
      </c>
      <c r="JO35" s="119">
        <v>0</v>
      </c>
      <c r="JP35" s="120">
        <v>56595</v>
      </c>
      <c r="JQ35" s="318">
        <v>56595</v>
      </c>
      <c r="JR35" s="142">
        <v>0</v>
      </c>
      <c r="JS35" s="119">
        <v>0</v>
      </c>
      <c r="JT35" s="141">
        <v>0</v>
      </c>
      <c r="JU35" s="118">
        <v>0</v>
      </c>
      <c r="JV35" s="119">
        <v>0</v>
      </c>
      <c r="JW35" s="119">
        <v>37674</v>
      </c>
      <c r="JX35" s="119">
        <v>0</v>
      </c>
      <c r="JY35" s="119">
        <v>0</v>
      </c>
      <c r="JZ35" s="119">
        <v>0</v>
      </c>
      <c r="KA35" s="120">
        <v>37674</v>
      </c>
      <c r="KB35" s="318">
        <v>37674</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0</v>
      </c>
      <c r="KV35" s="119">
        <v>0</v>
      </c>
      <c r="KW35" s="120">
        <v>0</v>
      </c>
      <c r="KX35" s="318">
        <v>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18">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9928</v>
      </c>
      <c r="MK35" s="119">
        <v>0</v>
      </c>
      <c r="ML35" s="119">
        <v>213563</v>
      </c>
      <c r="MM35" s="119">
        <v>462567</v>
      </c>
      <c r="MN35" s="119">
        <v>257443</v>
      </c>
      <c r="MO35" s="120">
        <v>1113501</v>
      </c>
      <c r="MP35" s="143">
        <v>1113501</v>
      </c>
      <c r="MQ35" s="142">
        <v>0</v>
      </c>
      <c r="MR35" s="119">
        <v>0</v>
      </c>
      <c r="MS35" s="120">
        <v>0</v>
      </c>
      <c r="MT35" s="145"/>
      <c r="MU35" s="119">
        <v>0</v>
      </c>
      <c r="MV35" s="119">
        <v>0</v>
      </c>
      <c r="MW35" s="119">
        <v>213563</v>
      </c>
      <c r="MX35" s="119">
        <v>462567</v>
      </c>
      <c r="MY35" s="119">
        <v>0</v>
      </c>
      <c r="MZ35" s="120">
        <v>676130</v>
      </c>
      <c r="NA35" s="143">
        <v>676130</v>
      </c>
      <c r="NB35" s="142">
        <v>0</v>
      </c>
      <c r="NC35" s="119">
        <v>0</v>
      </c>
      <c r="ND35" s="120">
        <v>0</v>
      </c>
      <c r="NE35" s="145"/>
      <c r="NF35" s="119">
        <v>179928</v>
      </c>
      <c r="NG35" s="119">
        <v>0</v>
      </c>
      <c r="NH35" s="119">
        <v>0</v>
      </c>
      <c r="NI35" s="119">
        <v>0</v>
      </c>
      <c r="NJ35" s="119">
        <v>257443</v>
      </c>
      <c r="NK35" s="120">
        <v>437371</v>
      </c>
      <c r="NL35" s="318">
        <v>437371</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16310</v>
      </c>
      <c r="OJ35" s="119">
        <v>0</v>
      </c>
      <c r="OK35" s="141">
        <v>16310</v>
      </c>
      <c r="OL35" s="118">
        <v>0</v>
      </c>
      <c r="OM35" s="119">
        <v>741388</v>
      </c>
      <c r="ON35" s="119">
        <v>476571</v>
      </c>
      <c r="OO35" s="119">
        <v>422597</v>
      </c>
      <c r="OP35" s="119">
        <v>888762</v>
      </c>
      <c r="OQ35" s="119">
        <v>257443</v>
      </c>
      <c r="OR35" s="120">
        <v>2786761</v>
      </c>
      <c r="OS35" s="143">
        <v>2803071</v>
      </c>
    </row>
    <row r="36" spans="2:409" ht="21" customHeight="1" x14ac:dyDescent="0.2">
      <c r="B36" s="126" t="s">
        <v>31</v>
      </c>
      <c r="C36" s="110">
        <v>10780</v>
      </c>
      <c r="D36" s="114">
        <v>0</v>
      </c>
      <c r="E36" s="113">
        <v>10780</v>
      </c>
      <c r="F36" s="109">
        <v>0</v>
      </c>
      <c r="G36" s="114">
        <v>221442</v>
      </c>
      <c r="H36" s="114">
        <v>362500</v>
      </c>
      <c r="I36" s="114">
        <v>290535</v>
      </c>
      <c r="J36" s="114">
        <v>417292</v>
      </c>
      <c r="K36" s="114">
        <v>192836</v>
      </c>
      <c r="L36" s="173">
        <v>1484605</v>
      </c>
      <c r="M36" s="116">
        <v>1495385</v>
      </c>
      <c r="N36" s="110">
        <v>0</v>
      </c>
      <c r="O36" s="114">
        <v>0</v>
      </c>
      <c r="P36" s="113">
        <v>0</v>
      </c>
      <c r="Q36" s="110">
        <v>0</v>
      </c>
      <c r="R36" s="114">
        <v>31248</v>
      </c>
      <c r="S36" s="114">
        <v>65870</v>
      </c>
      <c r="T36" s="114">
        <v>202216</v>
      </c>
      <c r="U36" s="114">
        <v>203173</v>
      </c>
      <c r="V36" s="114">
        <v>160986</v>
      </c>
      <c r="W36" s="113">
        <v>663493</v>
      </c>
      <c r="X36" s="116">
        <v>663493</v>
      </c>
      <c r="Y36" s="110">
        <v>0</v>
      </c>
      <c r="Z36" s="114">
        <v>0</v>
      </c>
      <c r="AA36" s="113">
        <v>0</v>
      </c>
      <c r="AB36" s="110">
        <v>0</v>
      </c>
      <c r="AC36" s="114">
        <v>0</v>
      </c>
      <c r="AD36" s="114">
        <v>0</v>
      </c>
      <c r="AE36" s="114">
        <v>112217</v>
      </c>
      <c r="AF36" s="114">
        <v>37597</v>
      </c>
      <c r="AG36" s="114">
        <v>0</v>
      </c>
      <c r="AH36" s="113">
        <v>149814</v>
      </c>
      <c r="AI36" s="116">
        <v>149814</v>
      </c>
      <c r="AJ36" s="110">
        <v>0</v>
      </c>
      <c r="AK36" s="114">
        <v>0</v>
      </c>
      <c r="AL36" s="113">
        <v>0</v>
      </c>
      <c r="AM36" s="110">
        <v>0</v>
      </c>
      <c r="AN36" s="114">
        <v>0</v>
      </c>
      <c r="AO36" s="114">
        <v>0</v>
      </c>
      <c r="AP36" s="114">
        <v>0</v>
      </c>
      <c r="AQ36" s="114">
        <v>11081</v>
      </c>
      <c r="AR36" s="114">
        <v>86051</v>
      </c>
      <c r="AS36" s="113">
        <v>97132</v>
      </c>
      <c r="AT36" s="116">
        <v>97132</v>
      </c>
      <c r="AU36" s="110">
        <v>0</v>
      </c>
      <c r="AV36" s="114">
        <v>0</v>
      </c>
      <c r="AW36" s="113">
        <v>0</v>
      </c>
      <c r="AX36" s="110">
        <v>0</v>
      </c>
      <c r="AY36" s="114">
        <v>25235</v>
      </c>
      <c r="AZ36" s="114">
        <v>57470</v>
      </c>
      <c r="BA36" s="114">
        <v>89999</v>
      </c>
      <c r="BB36" s="114">
        <v>144744</v>
      </c>
      <c r="BC36" s="114">
        <v>70931</v>
      </c>
      <c r="BD36" s="113">
        <v>388379</v>
      </c>
      <c r="BE36" s="116">
        <v>388379</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6013</v>
      </c>
      <c r="BV36" s="114">
        <v>8400</v>
      </c>
      <c r="BW36" s="114">
        <v>0</v>
      </c>
      <c r="BX36" s="114">
        <v>9751</v>
      </c>
      <c r="BY36" s="114">
        <v>4004</v>
      </c>
      <c r="BZ36" s="113">
        <v>28168</v>
      </c>
      <c r="CA36" s="116">
        <v>28168</v>
      </c>
      <c r="CB36" s="110">
        <v>0</v>
      </c>
      <c r="CC36" s="114">
        <v>0</v>
      </c>
      <c r="CD36" s="113">
        <v>0</v>
      </c>
      <c r="CE36" s="110">
        <v>0</v>
      </c>
      <c r="CF36" s="114">
        <v>34538</v>
      </c>
      <c r="CG36" s="114">
        <v>274405</v>
      </c>
      <c r="CH36" s="114">
        <v>65009</v>
      </c>
      <c r="CI36" s="114">
        <v>131169</v>
      </c>
      <c r="CJ36" s="114">
        <v>0</v>
      </c>
      <c r="CK36" s="113">
        <v>505121</v>
      </c>
      <c r="CL36" s="116">
        <v>505121</v>
      </c>
      <c r="CM36" s="110">
        <v>0</v>
      </c>
      <c r="CN36" s="114">
        <v>0</v>
      </c>
      <c r="CO36" s="113">
        <v>0</v>
      </c>
      <c r="CP36" s="111">
        <v>0</v>
      </c>
      <c r="CQ36" s="114">
        <v>22827</v>
      </c>
      <c r="CR36" s="114">
        <v>137975</v>
      </c>
      <c r="CS36" s="114">
        <v>65009</v>
      </c>
      <c r="CT36" s="114">
        <v>131169</v>
      </c>
      <c r="CU36" s="114">
        <v>0</v>
      </c>
      <c r="CV36" s="113">
        <v>356980</v>
      </c>
      <c r="CW36" s="116">
        <v>356980</v>
      </c>
      <c r="CX36" s="110">
        <v>0</v>
      </c>
      <c r="CY36" s="114">
        <v>0</v>
      </c>
      <c r="CZ36" s="113">
        <v>0</v>
      </c>
      <c r="DA36" s="110">
        <v>0</v>
      </c>
      <c r="DB36" s="114">
        <v>11711</v>
      </c>
      <c r="DC36" s="114">
        <v>136430</v>
      </c>
      <c r="DD36" s="114">
        <v>0</v>
      </c>
      <c r="DE36" s="114">
        <v>0</v>
      </c>
      <c r="DF36" s="114">
        <v>0</v>
      </c>
      <c r="DG36" s="113">
        <v>148141</v>
      </c>
      <c r="DH36" s="116">
        <v>148141</v>
      </c>
      <c r="DI36" s="110">
        <v>0</v>
      </c>
      <c r="DJ36" s="114">
        <v>0</v>
      </c>
      <c r="DK36" s="112">
        <v>0</v>
      </c>
      <c r="DL36" s="111">
        <v>0</v>
      </c>
      <c r="DM36" s="114">
        <v>0</v>
      </c>
      <c r="DN36" s="114">
        <v>0</v>
      </c>
      <c r="DO36" s="114">
        <v>0</v>
      </c>
      <c r="DP36" s="114">
        <v>0</v>
      </c>
      <c r="DQ36" s="114">
        <v>0</v>
      </c>
      <c r="DR36" s="113">
        <v>0</v>
      </c>
      <c r="DS36" s="116">
        <v>0</v>
      </c>
      <c r="DT36" s="110">
        <v>0</v>
      </c>
      <c r="DU36" s="114">
        <v>0</v>
      </c>
      <c r="DV36" s="113">
        <v>0</v>
      </c>
      <c r="DW36" s="110">
        <v>0</v>
      </c>
      <c r="DX36" s="114">
        <v>0</v>
      </c>
      <c r="DY36" s="114">
        <v>0</v>
      </c>
      <c r="DZ36" s="114">
        <v>0</v>
      </c>
      <c r="EA36" s="114">
        <v>0</v>
      </c>
      <c r="EB36" s="114">
        <v>0</v>
      </c>
      <c r="EC36" s="113">
        <v>0</v>
      </c>
      <c r="ED36" s="116">
        <v>0</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5"/>
      <c r="FE36" s="114">
        <v>0</v>
      </c>
      <c r="FF36" s="114">
        <v>0</v>
      </c>
      <c r="FG36" s="114">
        <v>0</v>
      </c>
      <c r="FH36" s="114">
        <v>0</v>
      </c>
      <c r="FI36" s="114">
        <v>0</v>
      </c>
      <c r="FJ36" s="113">
        <v>0</v>
      </c>
      <c r="FK36" s="116">
        <v>0</v>
      </c>
      <c r="FL36" s="110">
        <v>10780</v>
      </c>
      <c r="FM36" s="114">
        <v>0</v>
      </c>
      <c r="FN36" s="113">
        <v>10780</v>
      </c>
      <c r="FO36" s="110">
        <v>0</v>
      </c>
      <c r="FP36" s="114">
        <v>12670</v>
      </c>
      <c r="FQ36" s="114">
        <v>22225</v>
      </c>
      <c r="FR36" s="114">
        <v>23310</v>
      </c>
      <c r="FS36" s="114">
        <v>82950</v>
      </c>
      <c r="FT36" s="114">
        <v>31850</v>
      </c>
      <c r="FU36" s="113">
        <v>173005</v>
      </c>
      <c r="FV36" s="116">
        <v>183785</v>
      </c>
      <c r="FW36" s="115">
        <v>10780</v>
      </c>
      <c r="FX36" s="114">
        <v>0</v>
      </c>
      <c r="FY36" s="112">
        <v>10780</v>
      </c>
      <c r="FZ36" s="111">
        <v>0</v>
      </c>
      <c r="GA36" s="114">
        <v>12670</v>
      </c>
      <c r="GB36" s="114">
        <v>22225</v>
      </c>
      <c r="GC36" s="114">
        <v>23310</v>
      </c>
      <c r="GD36" s="114">
        <v>82950</v>
      </c>
      <c r="GE36" s="114">
        <v>31850</v>
      </c>
      <c r="GF36" s="113">
        <v>173005</v>
      </c>
      <c r="GG36" s="316">
        <v>183785</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142986</v>
      </c>
      <c r="HI36" s="114">
        <v>0</v>
      </c>
      <c r="HJ36" s="114">
        <v>0</v>
      </c>
      <c r="HK36" s="114">
        <v>0</v>
      </c>
      <c r="HL36" s="114">
        <v>0</v>
      </c>
      <c r="HM36" s="113">
        <v>142986</v>
      </c>
      <c r="HN36" s="109">
        <v>142986</v>
      </c>
      <c r="HO36" s="326"/>
      <c r="HP36" s="327"/>
      <c r="HQ36" s="328"/>
      <c r="HR36" s="329"/>
      <c r="HS36" s="327"/>
      <c r="HT36" s="327"/>
      <c r="HU36" s="327"/>
      <c r="HV36" s="327"/>
      <c r="HW36" s="327"/>
      <c r="HX36" s="330"/>
      <c r="HY36" s="331"/>
      <c r="HZ36" s="150">
        <v>0</v>
      </c>
      <c r="IA36" s="135">
        <v>0</v>
      </c>
      <c r="IB36" s="150">
        <v>0</v>
      </c>
      <c r="IC36" s="134">
        <v>0</v>
      </c>
      <c r="ID36" s="135">
        <v>28320</v>
      </c>
      <c r="IE36" s="136">
        <v>240032</v>
      </c>
      <c r="IF36" s="137">
        <v>315629</v>
      </c>
      <c r="IG36" s="135">
        <v>0</v>
      </c>
      <c r="IH36" s="137">
        <v>225120</v>
      </c>
      <c r="II36" s="138">
        <v>809101</v>
      </c>
      <c r="IJ36" s="150">
        <v>809101</v>
      </c>
      <c r="IK36" s="232">
        <v>0</v>
      </c>
      <c r="IL36" s="236">
        <v>0</v>
      </c>
      <c r="IM36" s="237">
        <v>0</v>
      </c>
      <c r="IN36" s="140"/>
      <c r="IO36" s="119">
        <v>0</v>
      </c>
      <c r="IP36" s="119">
        <v>87472</v>
      </c>
      <c r="IQ36" s="119">
        <v>0</v>
      </c>
      <c r="IR36" s="119">
        <v>0</v>
      </c>
      <c r="IS36" s="119">
        <v>0</v>
      </c>
      <c r="IT36" s="141">
        <v>87472</v>
      </c>
      <c r="IU36" s="318">
        <v>87472</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28320</v>
      </c>
      <c r="JL36" s="119">
        <v>0</v>
      </c>
      <c r="JM36" s="119">
        <v>78869</v>
      </c>
      <c r="JN36" s="119">
        <v>0</v>
      </c>
      <c r="JO36" s="119">
        <v>0</v>
      </c>
      <c r="JP36" s="120">
        <v>107189</v>
      </c>
      <c r="JQ36" s="318">
        <v>107189</v>
      </c>
      <c r="JR36" s="142">
        <v>0</v>
      </c>
      <c r="JS36" s="119">
        <v>0</v>
      </c>
      <c r="JT36" s="141">
        <v>0</v>
      </c>
      <c r="JU36" s="118">
        <v>0</v>
      </c>
      <c r="JV36" s="119">
        <v>0</v>
      </c>
      <c r="JW36" s="119">
        <v>0</v>
      </c>
      <c r="JX36" s="119">
        <v>0</v>
      </c>
      <c r="JY36" s="119">
        <v>0</v>
      </c>
      <c r="JZ36" s="119">
        <v>0</v>
      </c>
      <c r="KA36" s="120">
        <v>0</v>
      </c>
      <c r="KB36" s="318">
        <v>0</v>
      </c>
      <c r="KC36" s="234">
        <v>0</v>
      </c>
      <c r="KD36" s="230">
        <v>0</v>
      </c>
      <c r="KE36" s="120">
        <v>0</v>
      </c>
      <c r="KF36" s="118">
        <v>0</v>
      </c>
      <c r="KG36" s="119">
        <v>0</v>
      </c>
      <c r="KH36" s="119">
        <v>152560</v>
      </c>
      <c r="KI36" s="119">
        <v>0</v>
      </c>
      <c r="KJ36" s="119">
        <v>0</v>
      </c>
      <c r="KK36" s="119">
        <v>0</v>
      </c>
      <c r="KL36" s="120">
        <v>152560</v>
      </c>
      <c r="KM36" s="143">
        <v>152560</v>
      </c>
      <c r="KN36" s="232">
        <v>0</v>
      </c>
      <c r="KO36" s="236">
        <v>0</v>
      </c>
      <c r="KP36" s="237">
        <v>0</v>
      </c>
      <c r="KQ36" s="140"/>
      <c r="KR36" s="119">
        <v>0</v>
      </c>
      <c r="KS36" s="119">
        <v>0</v>
      </c>
      <c r="KT36" s="119">
        <v>236760</v>
      </c>
      <c r="KU36" s="119">
        <v>0</v>
      </c>
      <c r="KV36" s="119">
        <v>225120</v>
      </c>
      <c r="KW36" s="120">
        <v>461880</v>
      </c>
      <c r="KX36" s="318">
        <v>461880</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18">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06836</v>
      </c>
      <c r="ML36" s="119">
        <v>206075</v>
      </c>
      <c r="MM36" s="119">
        <v>0</v>
      </c>
      <c r="MN36" s="119">
        <v>431886</v>
      </c>
      <c r="MO36" s="120">
        <v>844797</v>
      </c>
      <c r="MP36" s="143">
        <v>844797</v>
      </c>
      <c r="MQ36" s="142">
        <v>0</v>
      </c>
      <c r="MR36" s="119">
        <v>0</v>
      </c>
      <c r="MS36" s="120">
        <v>0</v>
      </c>
      <c r="MT36" s="145"/>
      <c r="MU36" s="119">
        <v>0</v>
      </c>
      <c r="MV36" s="119">
        <v>0</v>
      </c>
      <c r="MW36" s="119">
        <v>206075</v>
      </c>
      <c r="MX36" s="119">
        <v>0</v>
      </c>
      <c r="MY36" s="119">
        <v>227388</v>
      </c>
      <c r="MZ36" s="120">
        <v>433463</v>
      </c>
      <c r="NA36" s="143">
        <v>433463</v>
      </c>
      <c r="NB36" s="142">
        <v>0</v>
      </c>
      <c r="NC36" s="119">
        <v>0</v>
      </c>
      <c r="ND36" s="120">
        <v>0</v>
      </c>
      <c r="NE36" s="145"/>
      <c r="NF36" s="119">
        <v>0</v>
      </c>
      <c r="NG36" s="119">
        <v>206836</v>
      </c>
      <c r="NH36" s="119">
        <v>0</v>
      </c>
      <c r="NI36" s="119">
        <v>0</v>
      </c>
      <c r="NJ36" s="119">
        <v>204498</v>
      </c>
      <c r="NK36" s="120">
        <v>411334</v>
      </c>
      <c r="NL36" s="318">
        <v>411334</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0780</v>
      </c>
      <c r="OJ36" s="119">
        <v>0</v>
      </c>
      <c r="OK36" s="141">
        <v>10780</v>
      </c>
      <c r="OL36" s="118">
        <v>0</v>
      </c>
      <c r="OM36" s="119">
        <v>249762</v>
      </c>
      <c r="ON36" s="119">
        <v>809368</v>
      </c>
      <c r="OO36" s="119">
        <v>812239</v>
      </c>
      <c r="OP36" s="119">
        <v>417292</v>
      </c>
      <c r="OQ36" s="119">
        <v>849842</v>
      </c>
      <c r="OR36" s="120">
        <v>3138503</v>
      </c>
      <c r="OS36" s="143">
        <v>3149283</v>
      </c>
    </row>
    <row r="37" spans="2:409" ht="21" customHeight="1" x14ac:dyDescent="0.2">
      <c r="B37" s="126" t="s">
        <v>32</v>
      </c>
      <c r="C37" s="110">
        <v>39746</v>
      </c>
      <c r="D37" s="114">
        <v>0</v>
      </c>
      <c r="E37" s="174">
        <v>39746</v>
      </c>
      <c r="F37" s="175">
        <v>0</v>
      </c>
      <c r="G37" s="176">
        <v>293368</v>
      </c>
      <c r="H37" s="176">
        <v>514115</v>
      </c>
      <c r="I37" s="176">
        <v>480446</v>
      </c>
      <c r="J37" s="176">
        <v>710745</v>
      </c>
      <c r="K37" s="176">
        <v>5292</v>
      </c>
      <c r="L37" s="177">
        <v>2003966</v>
      </c>
      <c r="M37" s="116">
        <v>2043712</v>
      </c>
      <c r="N37" s="110">
        <v>21560</v>
      </c>
      <c r="O37" s="114">
        <v>0</v>
      </c>
      <c r="P37" s="113">
        <v>21560</v>
      </c>
      <c r="Q37" s="110">
        <v>0</v>
      </c>
      <c r="R37" s="114">
        <v>48475</v>
      </c>
      <c r="S37" s="114">
        <v>134365</v>
      </c>
      <c r="T37" s="114">
        <v>17710</v>
      </c>
      <c r="U37" s="114">
        <v>424844</v>
      </c>
      <c r="V37" s="114">
        <v>5292</v>
      </c>
      <c r="W37" s="113">
        <v>630686</v>
      </c>
      <c r="X37" s="116">
        <v>652246</v>
      </c>
      <c r="Y37" s="110">
        <v>0</v>
      </c>
      <c r="Z37" s="114">
        <v>0</v>
      </c>
      <c r="AA37" s="113">
        <v>0</v>
      </c>
      <c r="AB37" s="110">
        <v>0</v>
      </c>
      <c r="AC37" s="114">
        <v>48475</v>
      </c>
      <c r="AD37" s="114">
        <v>0</v>
      </c>
      <c r="AE37" s="114">
        <v>0</v>
      </c>
      <c r="AF37" s="114">
        <v>376600</v>
      </c>
      <c r="AG37" s="114">
        <v>0</v>
      </c>
      <c r="AH37" s="113">
        <v>425075</v>
      </c>
      <c r="AI37" s="116">
        <v>425075</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87731</v>
      </c>
      <c r="BA37" s="114">
        <v>0</v>
      </c>
      <c r="BB37" s="114">
        <v>0</v>
      </c>
      <c r="BC37" s="114">
        <v>0</v>
      </c>
      <c r="BD37" s="113">
        <v>87731</v>
      </c>
      <c r="BE37" s="116">
        <v>87731</v>
      </c>
      <c r="BF37" s="110">
        <v>21560</v>
      </c>
      <c r="BG37" s="114">
        <v>0</v>
      </c>
      <c r="BH37" s="112">
        <v>21560</v>
      </c>
      <c r="BI37" s="111">
        <v>0</v>
      </c>
      <c r="BJ37" s="114">
        <v>0</v>
      </c>
      <c r="BK37" s="114">
        <v>33460</v>
      </c>
      <c r="BL37" s="114">
        <v>0</v>
      </c>
      <c r="BM37" s="114">
        <v>20076</v>
      </c>
      <c r="BN37" s="114">
        <v>0</v>
      </c>
      <c r="BO37" s="113">
        <v>53536</v>
      </c>
      <c r="BP37" s="116">
        <v>75096</v>
      </c>
      <c r="BQ37" s="110">
        <v>0</v>
      </c>
      <c r="BR37" s="114">
        <v>0</v>
      </c>
      <c r="BS37" s="113">
        <v>0</v>
      </c>
      <c r="BT37" s="110">
        <v>0</v>
      </c>
      <c r="BU37" s="114">
        <v>0</v>
      </c>
      <c r="BV37" s="114">
        <v>13174</v>
      </c>
      <c r="BW37" s="114">
        <v>17710</v>
      </c>
      <c r="BX37" s="114">
        <v>28168</v>
      </c>
      <c r="BY37" s="114">
        <v>5292</v>
      </c>
      <c r="BZ37" s="113">
        <v>64344</v>
      </c>
      <c r="CA37" s="116">
        <v>64344</v>
      </c>
      <c r="CB37" s="110">
        <v>16226</v>
      </c>
      <c r="CC37" s="114">
        <v>0</v>
      </c>
      <c r="CD37" s="113">
        <v>16226</v>
      </c>
      <c r="CE37" s="110">
        <v>0</v>
      </c>
      <c r="CF37" s="114">
        <v>237193</v>
      </c>
      <c r="CG37" s="114">
        <v>88088</v>
      </c>
      <c r="CH37" s="114">
        <v>219830</v>
      </c>
      <c r="CI37" s="114">
        <v>62538</v>
      </c>
      <c r="CJ37" s="114">
        <v>0</v>
      </c>
      <c r="CK37" s="113">
        <v>607649</v>
      </c>
      <c r="CL37" s="116">
        <v>623875</v>
      </c>
      <c r="CM37" s="110">
        <v>0</v>
      </c>
      <c r="CN37" s="114">
        <v>0</v>
      </c>
      <c r="CO37" s="113">
        <v>0</v>
      </c>
      <c r="CP37" s="111">
        <v>0</v>
      </c>
      <c r="CQ37" s="114">
        <v>237193</v>
      </c>
      <c r="CR37" s="114">
        <v>88088</v>
      </c>
      <c r="CS37" s="114">
        <v>144422</v>
      </c>
      <c r="CT37" s="114">
        <v>0</v>
      </c>
      <c r="CU37" s="114">
        <v>0</v>
      </c>
      <c r="CV37" s="113">
        <v>469703</v>
      </c>
      <c r="CW37" s="116">
        <v>469703</v>
      </c>
      <c r="CX37" s="110">
        <v>16226</v>
      </c>
      <c r="CY37" s="114">
        <v>0</v>
      </c>
      <c r="CZ37" s="113">
        <v>16226</v>
      </c>
      <c r="DA37" s="110">
        <v>0</v>
      </c>
      <c r="DB37" s="114">
        <v>0</v>
      </c>
      <c r="DC37" s="114">
        <v>0</v>
      </c>
      <c r="DD37" s="114">
        <v>75408</v>
      </c>
      <c r="DE37" s="114">
        <v>62538</v>
      </c>
      <c r="DF37" s="114">
        <v>0</v>
      </c>
      <c r="DG37" s="113">
        <v>137946</v>
      </c>
      <c r="DH37" s="116">
        <v>154172</v>
      </c>
      <c r="DI37" s="110">
        <v>0</v>
      </c>
      <c r="DJ37" s="114">
        <v>0</v>
      </c>
      <c r="DK37" s="112">
        <v>0</v>
      </c>
      <c r="DL37" s="111">
        <v>0</v>
      </c>
      <c r="DM37" s="114">
        <v>0</v>
      </c>
      <c r="DN37" s="114">
        <v>8890</v>
      </c>
      <c r="DO37" s="114">
        <v>29332</v>
      </c>
      <c r="DP37" s="114">
        <v>0</v>
      </c>
      <c r="DQ37" s="114">
        <v>0</v>
      </c>
      <c r="DR37" s="113">
        <v>38222</v>
      </c>
      <c r="DS37" s="116">
        <v>38222</v>
      </c>
      <c r="DT37" s="110">
        <v>0</v>
      </c>
      <c r="DU37" s="114">
        <v>0</v>
      </c>
      <c r="DV37" s="113">
        <v>0</v>
      </c>
      <c r="DW37" s="110">
        <v>0</v>
      </c>
      <c r="DX37" s="114">
        <v>0</v>
      </c>
      <c r="DY37" s="114">
        <v>0</v>
      </c>
      <c r="DZ37" s="114">
        <v>29332</v>
      </c>
      <c r="EA37" s="114">
        <v>0</v>
      </c>
      <c r="EB37" s="114">
        <v>0</v>
      </c>
      <c r="EC37" s="113">
        <v>29332</v>
      </c>
      <c r="ED37" s="116">
        <v>29332</v>
      </c>
      <c r="EE37" s="110">
        <v>0</v>
      </c>
      <c r="EF37" s="112">
        <v>0</v>
      </c>
      <c r="EG37" s="113">
        <v>0</v>
      </c>
      <c r="EH37" s="110">
        <v>0</v>
      </c>
      <c r="EI37" s="114">
        <v>0</v>
      </c>
      <c r="EJ37" s="114">
        <v>8890</v>
      </c>
      <c r="EK37" s="114">
        <v>0</v>
      </c>
      <c r="EL37" s="114">
        <v>0</v>
      </c>
      <c r="EM37" s="114">
        <v>0</v>
      </c>
      <c r="EN37" s="112">
        <v>8890</v>
      </c>
      <c r="EO37" s="116">
        <v>889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5"/>
      <c r="FE37" s="114">
        <v>0</v>
      </c>
      <c r="FF37" s="114">
        <v>0</v>
      </c>
      <c r="FG37" s="114">
        <v>0</v>
      </c>
      <c r="FH37" s="114">
        <v>0</v>
      </c>
      <c r="FI37" s="114">
        <v>0</v>
      </c>
      <c r="FJ37" s="113">
        <v>0</v>
      </c>
      <c r="FK37" s="116">
        <v>0</v>
      </c>
      <c r="FL37" s="110">
        <v>1960</v>
      </c>
      <c r="FM37" s="114">
        <v>0</v>
      </c>
      <c r="FN37" s="113">
        <v>1960</v>
      </c>
      <c r="FO37" s="110">
        <v>0</v>
      </c>
      <c r="FP37" s="114">
        <v>7700</v>
      </c>
      <c r="FQ37" s="114">
        <v>84280</v>
      </c>
      <c r="FR37" s="114">
        <v>34650</v>
      </c>
      <c r="FS37" s="114">
        <v>41293</v>
      </c>
      <c r="FT37" s="114">
        <v>0</v>
      </c>
      <c r="FU37" s="113">
        <v>167923</v>
      </c>
      <c r="FV37" s="116">
        <v>169883</v>
      </c>
      <c r="FW37" s="115">
        <v>1960</v>
      </c>
      <c r="FX37" s="114">
        <v>0</v>
      </c>
      <c r="FY37" s="112">
        <v>1960</v>
      </c>
      <c r="FZ37" s="111">
        <v>0</v>
      </c>
      <c r="GA37" s="114">
        <v>7700</v>
      </c>
      <c r="GB37" s="114">
        <v>84280</v>
      </c>
      <c r="GC37" s="114">
        <v>34650</v>
      </c>
      <c r="GD37" s="114">
        <v>41293</v>
      </c>
      <c r="GE37" s="114">
        <v>0</v>
      </c>
      <c r="GF37" s="113">
        <v>167923</v>
      </c>
      <c r="GG37" s="316">
        <v>169883</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98492</v>
      </c>
      <c r="HJ37" s="114">
        <v>178924</v>
      </c>
      <c r="HK37" s="114">
        <v>182070</v>
      </c>
      <c r="HL37" s="114">
        <v>0</v>
      </c>
      <c r="HM37" s="113">
        <v>559486</v>
      </c>
      <c r="HN37" s="109">
        <v>559486</v>
      </c>
      <c r="HO37" s="326"/>
      <c r="HP37" s="327"/>
      <c r="HQ37" s="328"/>
      <c r="HR37" s="329"/>
      <c r="HS37" s="327"/>
      <c r="HT37" s="327"/>
      <c r="HU37" s="327"/>
      <c r="HV37" s="327"/>
      <c r="HW37" s="327"/>
      <c r="HX37" s="330"/>
      <c r="HY37" s="331"/>
      <c r="HZ37" s="131">
        <v>0</v>
      </c>
      <c r="IA37" s="132">
        <v>0</v>
      </c>
      <c r="IB37" s="133">
        <v>0</v>
      </c>
      <c r="IC37" s="146">
        <v>0</v>
      </c>
      <c r="ID37" s="132">
        <v>149786</v>
      </c>
      <c r="IE37" s="147">
        <v>221109</v>
      </c>
      <c r="IF37" s="133">
        <v>407620</v>
      </c>
      <c r="IG37" s="132">
        <v>388584</v>
      </c>
      <c r="IH37" s="133">
        <v>228788</v>
      </c>
      <c r="II37" s="148">
        <v>1395887</v>
      </c>
      <c r="IJ37" s="139">
        <v>1395887</v>
      </c>
      <c r="IK37" s="232">
        <v>0</v>
      </c>
      <c r="IL37" s="236">
        <v>0</v>
      </c>
      <c r="IM37" s="237">
        <v>0</v>
      </c>
      <c r="IN37" s="140"/>
      <c r="IO37" s="119">
        <v>0</v>
      </c>
      <c r="IP37" s="119">
        <v>85568</v>
      </c>
      <c r="IQ37" s="119">
        <v>0</v>
      </c>
      <c r="IR37" s="119">
        <v>0</v>
      </c>
      <c r="IS37" s="119">
        <v>0</v>
      </c>
      <c r="IT37" s="141">
        <v>85568</v>
      </c>
      <c r="IU37" s="318">
        <v>85568</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26628</v>
      </c>
      <c r="JL37" s="119">
        <v>4613</v>
      </c>
      <c r="JM37" s="119">
        <v>25448</v>
      </c>
      <c r="JN37" s="119">
        <v>0</v>
      </c>
      <c r="JO37" s="119">
        <v>0</v>
      </c>
      <c r="JP37" s="120">
        <v>56689</v>
      </c>
      <c r="JQ37" s="318">
        <v>56689</v>
      </c>
      <c r="JR37" s="142">
        <v>0</v>
      </c>
      <c r="JS37" s="119">
        <v>0</v>
      </c>
      <c r="JT37" s="141">
        <v>0</v>
      </c>
      <c r="JU37" s="118">
        <v>0</v>
      </c>
      <c r="JV37" s="119">
        <v>123158</v>
      </c>
      <c r="JW37" s="119">
        <v>0</v>
      </c>
      <c r="JX37" s="119">
        <v>0</v>
      </c>
      <c r="JY37" s="119">
        <v>0</v>
      </c>
      <c r="JZ37" s="119">
        <v>0</v>
      </c>
      <c r="KA37" s="120">
        <v>123158</v>
      </c>
      <c r="KB37" s="318">
        <v>123158</v>
      </c>
      <c r="KC37" s="234">
        <v>0</v>
      </c>
      <c r="KD37" s="230">
        <v>0</v>
      </c>
      <c r="KE37" s="120">
        <v>0</v>
      </c>
      <c r="KF37" s="118">
        <v>0</v>
      </c>
      <c r="KG37" s="119">
        <v>0</v>
      </c>
      <c r="KH37" s="119">
        <v>130928</v>
      </c>
      <c r="KI37" s="119">
        <v>0</v>
      </c>
      <c r="KJ37" s="119">
        <v>0</v>
      </c>
      <c r="KK37" s="119">
        <v>0</v>
      </c>
      <c r="KL37" s="120">
        <v>130928</v>
      </c>
      <c r="KM37" s="143">
        <v>130928</v>
      </c>
      <c r="KN37" s="232">
        <v>0</v>
      </c>
      <c r="KO37" s="236">
        <v>0</v>
      </c>
      <c r="KP37" s="237">
        <v>0</v>
      </c>
      <c r="KQ37" s="140"/>
      <c r="KR37" s="119">
        <v>0</v>
      </c>
      <c r="KS37" s="119">
        <v>0</v>
      </c>
      <c r="KT37" s="119">
        <v>204925</v>
      </c>
      <c r="KU37" s="119">
        <v>0</v>
      </c>
      <c r="KV37" s="119">
        <v>228788</v>
      </c>
      <c r="KW37" s="120">
        <v>433713</v>
      </c>
      <c r="KX37" s="318">
        <v>433713</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177247</v>
      </c>
      <c r="LQ37" s="119">
        <v>388584</v>
      </c>
      <c r="LR37" s="119">
        <v>0</v>
      </c>
      <c r="LS37" s="120">
        <v>565831</v>
      </c>
      <c r="LT37" s="318">
        <v>565831</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576434</v>
      </c>
      <c r="MN37" s="119">
        <v>534227</v>
      </c>
      <c r="MO37" s="120">
        <v>1110661</v>
      </c>
      <c r="MP37" s="143">
        <v>1110661</v>
      </c>
      <c r="MQ37" s="142">
        <v>0</v>
      </c>
      <c r="MR37" s="119">
        <v>0</v>
      </c>
      <c r="MS37" s="120">
        <v>0</v>
      </c>
      <c r="MT37" s="145"/>
      <c r="MU37" s="119">
        <v>0</v>
      </c>
      <c r="MV37" s="119">
        <v>0</v>
      </c>
      <c r="MW37" s="119">
        <v>0</v>
      </c>
      <c r="MX37" s="119">
        <v>0</v>
      </c>
      <c r="MY37" s="119">
        <v>258913</v>
      </c>
      <c r="MZ37" s="120">
        <v>258913</v>
      </c>
      <c r="NA37" s="143">
        <v>258913</v>
      </c>
      <c r="NB37" s="142">
        <v>0</v>
      </c>
      <c r="NC37" s="119">
        <v>0</v>
      </c>
      <c r="ND37" s="120">
        <v>0</v>
      </c>
      <c r="NE37" s="145"/>
      <c r="NF37" s="119">
        <v>0</v>
      </c>
      <c r="NG37" s="119">
        <v>0</v>
      </c>
      <c r="NH37" s="119">
        <v>0</v>
      </c>
      <c r="NI37" s="119">
        <v>576434</v>
      </c>
      <c r="NJ37" s="119">
        <v>275314</v>
      </c>
      <c r="NK37" s="120">
        <v>851748</v>
      </c>
      <c r="NL37" s="318">
        <v>851748</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39746</v>
      </c>
      <c r="OJ37" s="119">
        <v>0</v>
      </c>
      <c r="OK37" s="141">
        <v>39746</v>
      </c>
      <c r="OL37" s="118">
        <v>0</v>
      </c>
      <c r="OM37" s="119">
        <v>443154</v>
      </c>
      <c r="ON37" s="119">
        <v>735224</v>
      </c>
      <c r="OO37" s="119">
        <v>888066</v>
      </c>
      <c r="OP37" s="119">
        <v>1675763</v>
      </c>
      <c r="OQ37" s="119">
        <v>768307</v>
      </c>
      <c r="OR37" s="120">
        <v>4510514</v>
      </c>
      <c r="OS37" s="143">
        <v>4550260</v>
      </c>
    </row>
    <row r="38" spans="2:409" ht="21" customHeight="1" x14ac:dyDescent="0.2">
      <c r="B38" s="126" t="s">
        <v>33</v>
      </c>
      <c r="C38" s="110">
        <v>77687</v>
      </c>
      <c r="D38" s="114">
        <v>21942</v>
      </c>
      <c r="E38" s="113">
        <v>99629</v>
      </c>
      <c r="F38" s="109">
        <v>0</v>
      </c>
      <c r="G38" s="114">
        <v>424632</v>
      </c>
      <c r="H38" s="114">
        <v>100185</v>
      </c>
      <c r="I38" s="114">
        <v>522854</v>
      </c>
      <c r="J38" s="114">
        <v>392898</v>
      </c>
      <c r="K38" s="114">
        <v>148593</v>
      </c>
      <c r="L38" s="173">
        <v>1589162</v>
      </c>
      <c r="M38" s="116">
        <v>1688791</v>
      </c>
      <c r="N38" s="110">
        <v>7889</v>
      </c>
      <c r="O38" s="114">
        <v>3612</v>
      </c>
      <c r="P38" s="113">
        <v>11501</v>
      </c>
      <c r="Q38" s="110">
        <v>0</v>
      </c>
      <c r="R38" s="114">
        <v>124797</v>
      </c>
      <c r="S38" s="114">
        <v>83385</v>
      </c>
      <c r="T38" s="114">
        <v>109670</v>
      </c>
      <c r="U38" s="114">
        <v>53361</v>
      </c>
      <c r="V38" s="114">
        <v>27059</v>
      </c>
      <c r="W38" s="113">
        <v>398272</v>
      </c>
      <c r="X38" s="116">
        <v>409773</v>
      </c>
      <c r="Y38" s="110">
        <v>0</v>
      </c>
      <c r="Z38" s="114">
        <v>0</v>
      </c>
      <c r="AA38" s="113">
        <v>0</v>
      </c>
      <c r="AB38" s="110">
        <v>0</v>
      </c>
      <c r="AC38" s="114">
        <v>49456</v>
      </c>
      <c r="AD38" s="114">
        <v>0</v>
      </c>
      <c r="AE38" s="114">
        <v>9340</v>
      </c>
      <c r="AF38" s="114">
        <v>0</v>
      </c>
      <c r="AG38" s="114">
        <v>22005</v>
      </c>
      <c r="AH38" s="113">
        <v>80801</v>
      </c>
      <c r="AI38" s="116">
        <v>80801</v>
      </c>
      <c r="AJ38" s="110">
        <v>0</v>
      </c>
      <c r="AK38" s="114">
        <v>0</v>
      </c>
      <c r="AL38" s="113">
        <v>0</v>
      </c>
      <c r="AM38" s="110">
        <v>0</v>
      </c>
      <c r="AN38" s="114">
        <v>0</v>
      </c>
      <c r="AO38" s="114">
        <v>0</v>
      </c>
      <c r="AP38" s="114">
        <v>0</v>
      </c>
      <c r="AQ38" s="114">
        <v>49749</v>
      </c>
      <c r="AR38" s="114">
        <v>0</v>
      </c>
      <c r="AS38" s="113">
        <v>49749</v>
      </c>
      <c r="AT38" s="116">
        <v>49749</v>
      </c>
      <c r="AU38" s="110">
        <v>0</v>
      </c>
      <c r="AV38" s="114">
        <v>0</v>
      </c>
      <c r="AW38" s="113">
        <v>0</v>
      </c>
      <c r="AX38" s="110">
        <v>0</v>
      </c>
      <c r="AY38" s="114">
        <v>0</v>
      </c>
      <c r="AZ38" s="114">
        <v>33440</v>
      </c>
      <c r="BA38" s="114">
        <v>20261</v>
      </c>
      <c r="BB38" s="114">
        <v>0</v>
      </c>
      <c r="BC38" s="114">
        <v>0</v>
      </c>
      <c r="BD38" s="113">
        <v>53701</v>
      </c>
      <c r="BE38" s="116">
        <v>53701</v>
      </c>
      <c r="BF38" s="110">
        <v>0</v>
      </c>
      <c r="BG38" s="114">
        <v>0</v>
      </c>
      <c r="BH38" s="112">
        <v>0</v>
      </c>
      <c r="BI38" s="111">
        <v>0</v>
      </c>
      <c r="BJ38" s="114">
        <v>73528</v>
      </c>
      <c r="BK38" s="114">
        <v>45773</v>
      </c>
      <c r="BL38" s="114">
        <v>46791</v>
      </c>
      <c r="BM38" s="114">
        <v>0</v>
      </c>
      <c r="BN38" s="114">
        <v>0</v>
      </c>
      <c r="BO38" s="113">
        <v>166092</v>
      </c>
      <c r="BP38" s="116">
        <v>166092</v>
      </c>
      <c r="BQ38" s="110">
        <v>7889</v>
      </c>
      <c r="BR38" s="114">
        <v>3612</v>
      </c>
      <c r="BS38" s="113">
        <v>11501</v>
      </c>
      <c r="BT38" s="110">
        <v>0</v>
      </c>
      <c r="BU38" s="114">
        <v>1813</v>
      </c>
      <c r="BV38" s="114">
        <v>4172</v>
      </c>
      <c r="BW38" s="114">
        <v>33278</v>
      </c>
      <c r="BX38" s="114">
        <v>3612</v>
      </c>
      <c r="BY38" s="114">
        <v>5054</v>
      </c>
      <c r="BZ38" s="113">
        <v>47929</v>
      </c>
      <c r="CA38" s="116">
        <v>59430</v>
      </c>
      <c r="CB38" s="110">
        <v>0</v>
      </c>
      <c r="CC38" s="114">
        <v>0</v>
      </c>
      <c r="CD38" s="113">
        <v>0</v>
      </c>
      <c r="CE38" s="110">
        <v>0</v>
      </c>
      <c r="CF38" s="114">
        <v>116098</v>
      </c>
      <c r="CG38" s="114">
        <v>0</v>
      </c>
      <c r="CH38" s="114">
        <v>14778</v>
      </c>
      <c r="CI38" s="114">
        <v>0</v>
      </c>
      <c r="CJ38" s="114">
        <v>38600</v>
      </c>
      <c r="CK38" s="113">
        <v>169476</v>
      </c>
      <c r="CL38" s="116">
        <v>169476</v>
      </c>
      <c r="CM38" s="110">
        <v>0</v>
      </c>
      <c r="CN38" s="114">
        <v>0</v>
      </c>
      <c r="CO38" s="113">
        <v>0</v>
      </c>
      <c r="CP38" s="111">
        <v>0</v>
      </c>
      <c r="CQ38" s="114">
        <v>63662</v>
      </c>
      <c r="CR38" s="114">
        <v>0</v>
      </c>
      <c r="CS38" s="114">
        <v>0</v>
      </c>
      <c r="CT38" s="114">
        <v>0</v>
      </c>
      <c r="CU38" s="114">
        <v>38600</v>
      </c>
      <c r="CV38" s="113">
        <v>102262</v>
      </c>
      <c r="CW38" s="116">
        <v>102262</v>
      </c>
      <c r="CX38" s="110">
        <v>0</v>
      </c>
      <c r="CY38" s="114">
        <v>0</v>
      </c>
      <c r="CZ38" s="113">
        <v>0</v>
      </c>
      <c r="DA38" s="110">
        <v>0</v>
      </c>
      <c r="DB38" s="114">
        <v>52436</v>
      </c>
      <c r="DC38" s="114">
        <v>0</v>
      </c>
      <c r="DD38" s="114">
        <v>14778</v>
      </c>
      <c r="DE38" s="114">
        <v>0</v>
      </c>
      <c r="DF38" s="114">
        <v>0</v>
      </c>
      <c r="DG38" s="113">
        <v>67214</v>
      </c>
      <c r="DH38" s="116">
        <v>67214</v>
      </c>
      <c r="DI38" s="110">
        <v>0</v>
      </c>
      <c r="DJ38" s="114">
        <v>0</v>
      </c>
      <c r="DK38" s="112">
        <v>0</v>
      </c>
      <c r="DL38" s="111">
        <v>0</v>
      </c>
      <c r="DM38" s="114">
        <v>33261</v>
      </c>
      <c r="DN38" s="114">
        <v>0</v>
      </c>
      <c r="DO38" s="114">
        <v>21420</v>
      </c>
      <c r="DP38" s="114">
        <v>128679</v>
      </c>
      <c r="DQ38" s="114">
        <v>0</v>
      </c>
      <c r="DR38" s="113">
        <v>183360</v>
      </c>
      <c r="DS38" s="116">
        <v>183360</v>
      </c>
      <c r="DT38" s="110">
        <v>0</v>
      </c>
      <c r="DU38" s="114">
        <v>0</v>
      </c>
      <c r="DV38" s="113">
        <v>0</v>
      </c>
      <c r="DW38" s="110">
        <v>0</v>
      </c>
      <c r="DX38" s="114">
        <v>0</v>
      </c>
      <c r="DY38" s="114">
        <v>0</v>
      </c>
      <c r="DZ38" s="114">
        <v>21420</v>
      </c>
      <c r="EA38" s="114">
        <v>14892</v>
      </c>
      <c r="EB38" s="114">
        <v>0</v>
      </c>
      <c r="EC38" s="113">
        <v>36312</v>
      </c>
      <c r="ED38" s="116">
        <v>36312</v>
      </c>
      <c r="EE38" s="110">
        <v>0</v>
      </c>
      <c r="EF38" s="112">
        <v>0</v>
      </c>
      <c r="EG38" s="113">
        <v>0</v>
      </c>
      <c r="EH38" s="110">
        <v>0</v>
      </c>
      <c r="EI38" s="114">
        <v>33261</v>
      </c>
      <c r="EJ38" s="114">
        <v>0</v>
      </c>
      <c r="EK38" s="114">
        <v>0</v>
      </c>
      <c r="EL38" s="114">
        <v>113787</v>
      </c>
      <c r="EM38" s="114">
        <v>0</v>
      </c>
      <c r="EN38" s="112">
        <v>147048</v>
      </c>
      <c r="EO38" s="116">
        <v>147048</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5"/>
      <c r="FE38" s="114">
        <v>0</v>
      </c>
      <c r="FF38" s="114">
        <v>0</v>
      </c>
      <c r="FG38" s="114">
        <v>0</v>
      </c>
      <c r="FH38" s="114">
        <v>0</v>
      </c>
      <c r="FI38" s="114">
        <v>0</v>
      </c>
      <c r="FJ38" s="113">
        <v>0</v>
      </c>
      <c r="FK38" s="116">
        <v>0</v>
      </c>
      <c r="FL38" s="110">
        <v>21000</v>
      </c>
      <c r="FM38" s="114">
        <v>4900</v>
      </c>
      <c r="FN38" s="113">
        <v>25900</v>
      </c>
      <c r="FO38" s="110">
        <v>0</v>
      </c>
      <c r="FP38" s="114">
        <v>10710</v>
      </c>
      <c r="FQ38" s="114">
        <v>16800</v>
      </c>
      <c r="FR38" s="114">
        <v>21728</v>
      </c>
      <c r="FS38" s="114">
        <v>14700</v>
      </c>
      <c r="FT38" s="114">
        <v>48986</v>
      </c>
      <c r="FU38" s="113">
        <v>112924</v>
      </c>
      <c r="FV38" s="116">
        <v>138824</v>
      </c>
      <c r="FW38" s="115">
        <v>21000</v>
      </c>
      <c r="FX38" s="114">
        <v>4900</v>
      </c>
      <c r="FY38" s="112">
        <v>25900</v>
      </c>
      <c r="FZ38" s="111">
        <v>0</v>
      </c>
      <c r="GA38" s="114">
        <v>10710</v>
      </c>
      <c r="GB38" s="114">
        <v>16800</v>
      </c>
      <c r="GC38" s="114">
        <v>21728</v>
      </c>
      <c r="GD38" s="114">
        <v>14700</v>
      </c>
      <c r="GE38" s="114">
        <v>48986</v>
      </c>
      <c r="GF38" s="113">
        <v>112924</v>
      </c>
      <c r="GG38" s="316">
        <v>13882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48798</v>
      </c>
      <c r="HE38" s="114">
        <v>13430</v>
      </c>
      <c r="HF38" s="112">
        <v>62228</v>
      </c>
      <c r="HG38" s="111">
        <v>0</v>
      </c>
      <c r="HH38" s="114">
        <v>139766</v>
      </c>
      <c r="HI38" s="114">
        <v>0</v>
      </c>
      <c r="HJ38" s="114">
        <v>355258</v>
      </c>
      <c r="HK38" s="114">
        <v>196158</v>
      </c>
      <c r="HL38" s="114">
        <v>33948</v>
      </c>
      <c r="HM38" s="113">
        <v>725130</v>
      </c>
      <c r="HN38" s="109">
        <v>787358</v>
      </c>
      <c r="HO38" s="326"/>
      <c r="HP38" s="327"/>
      <c r="HQ38" s="328"/>
      <c r="HR38" s="329"/>
      <c r="HS38" s="327"/>
      <c r="HT38" s="327"/>
      <c r="HU38" s="327"/>
      <c r="HV38" s="327"/>
      <c r="HW38" s="327"/>
      <c r="HX38" s="330"/>
      <c r="HY38" s="331"/>
      <c r="HZ38" s="150">
        <v>0</v>
      </c>
      <c r="IA38" s="135">
        <v>0</v>
      </c>
      <c r="IB38" s="150">
        <v>0</v>
      </c>
      <c r="IC38" s="146">
        <v>0</v>
      </c>
      <c r="ID38" s="132">
        <v>36327</v>
      </c>
      <c r="IE38" s="147">
        <v>0</v>
      </c>
      <c r="IF38" s="133">
        <v>293652</v>
      </c>
      <c r="IG38" s="132">
        <v>39088</v>
      </c>
      <c r="IH38" s="133">
        <v>167260</v>
      </c>
      <c r="II38" s="148">
        <v>536327</v>
      </c>
      <c r="IJ38" s="150">
        <v>536327</v>
      </c>
      <c r="IK38" s="232">
        <v>0</v>
      </c>
      <c r="IL38" s="236">
        <v>0</v>
      </c>
      <c r="IM38" s="237">
        <v>0</v>
      </c>
      <c r="IN38" s="140"/>
      <c r="IO38" s="119">
        <v>0</v>
      </c>
      <c r="IP38" s="119">
        <v>0</v>
      </c>
      <c r="IQ38" s="119">
        <v>0</v>
      </c>
      <c r="IR38" s="119">
        <v>0</v>
      </c>
      <c r="IS38" s="119">
        <v>0</v>
      </c>
      <c r="IT38" s="141">
        <v>0</v>
      </c>
      <c r="IU38" s="318">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36327</v>
      </c>
      <c r="JL38" s="119">
        <v>0</v>
      </c>
      <c r="JM38" s="119">
        <v>66969</v>
      </c>
      <c r="JN38" s="119">
        <v>39088</v>
      </c>
      <c r="JO38" s="119">
        <v>0</v>
      </c>
      <c r="JP38" s="120">
        <v>142384</v>
      </c>
      <c r="JQ38" s="318">
        <v>142384</v>
      </c>
      <c r="JR38" s="142">
        <v>0</v>
      </c>
      <c r="JS38" s="119">
        <v>0</v>
      </c>
      <c r="JT38" s="141">
        <v>0</v>
      </c>
      <c r="JU38" s="118">
        <v>0</v>
      </c>
      <c r="JV38" s="119">
        <v>0</v>
      </c>
      <c r="JW38" s="119">
        <v>0</v>
      </c>
      <c r="JX38" s="119">
        <v>0</v>
      </c>
      <c r="JY38" s="119">
        <v>0</v>
      </c>
      <c r="JZ38" s="119">
        <v>0</v>
      </c>
      <c r="KA38" s="120">
        <v>0</v>
      </c>
      <c r="KB38" s="318">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18">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18">
        <v>0</v>
      </c>
      <c r="LU38" s="142">
        <v>0</v>
      </c>
      <c r="LV38" s="119">
        <v>0</v>
      </c>
      <c r="LW38" s="120">
        <v>0</v>
      </c>
      <c r="LX38" s="145"/>
      <c r="LY38" s="119">
        <v>0</v>
      </c>
      <c r="LZ38" s="119">
        <v>0</v>
      </c>
      <c r="MA38" s="119">
        <v>226683</v>
      </c>
      <c r="MB38" s="119">
        <v>0</v>
      </c>
      <c r="MC38" s="119">
        <v>167260</v>
      </c>
      <c r="MD38" s="120">
        <v>393943</v>
      </c>
      <c r="ME38" s="121">
        <v>393943</v>
      </c>
      <c r="MF38" s="142">
        <v>0</v>
      </c>
      <c r="MG38" s="119">
        <v>0</v>
      </c>
      <c r="MH38" s="120">
        <v>0</v>
      </c>
      <c r="MI38" s="145"/>
      <c r="MJ38" s="119">
        <v>0</v>
      </c>
      <c r="MK38" s="119">
        <v>0</v>
      </c>
      <c r="ML38" s="119">
        <v>0</v>
      </c>
      <c r="MM38" s="119">
        <v>549446</v>
      </c>
      <c r="MN38" s="119">
        <v>600086</v>
      </c>
      <c r="MO38" s="120">
        <v>1149532</v>
      </c>
      <c r="MP38" s="143">
        <v>1149532</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252723</v>
      </c>
      <c r="NJ38" s="119">
        <v>0</v>
      </c>
      <c r="NK38" s="120">
        <v>252723</v>
      </c>
      <c r="NL38" s="318">
        <v>252723</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0</v>
      </c>
      <c r="OE38" s="119">
        <v>296723</v>
      </c>
      <c r="OF38" s="119">
        <v>600086</v>
      </c>
      <c r="OG38" s="120">
        <v>896809</v>
      </c>
      <c r="OH38" s="121">
        <v>896809</v>
      </c>
      <c r="OI38" s="142">
        <v>77687</v>
      </c>
      <c r="OJ38" s="119">
        <v>21942</v>
      </c>
      <c r="OK38" s="141">
        <v>99629</v>
      </c>
      <c r="OL38" s="118">
        <v>0</v>
      </c>
      <c r="OM38" s="119">
        <v>460959</v>
      </c>
      <c r="ON38" s="119">
        <v>100185</v>
      </c>
      <c r="OO38" s="119">
        <v>816506</v>
      </c>
      <c r="OP38" s="119">
        <v>981432</v>
      </c>
      <c r="OQ38" s="119">
        <v>915939</v>
      </c>
      <c r="OR38" s="120">
        <v>3275021</v>
      </c>
      <c r="OS38" s="143">
        <v>3374650</v>
      </c>
    </row>
    <row r="39" spans="2:409" ht="21" customHeight="1" x14ac:dyDescent="0.2">
      <c r="B39" s="126" t="s">
        <v>34</v>
      </c>
      <c r="C39" s="110">
        <v>0</v>
      </c>
      <c r="D39" s="114">
        <v>0</v>
      </c>
      <c r="E39" s="174">
        <v>0</v>
      </c>
      <c r="F39" s="175">
        <v>0</v>
      </c>
      <c r="G39" s="176">
        <v>52570</v>
      </c>
      <c r="H39" s="176">
        <v>167794</v>
      </c>
      <c r="I39" s="176">
        <v>377832</v>
      </c>
      <c r="J39" s="176">
        <v>0</v>
      </c>
      <c r="K39" s="176">
        <v>20902</v>
      </c>
      <c r="L39" s="177">
        <v>619098</v>
      </c>
      <c r="M39" s="116">
        <v>619098</v>
      </c>
      <c r="N39" s="110">
        <v>0</v>
      </c>
      <c r="O39" s="114">
        <v>0</v>
      </c>
      <c r="P39" s="113">
        <v>0</v>
      </c>
      <c r="Q39" s="110">
        <v>0</v>
      </c>
      <c r="R39" s="114">
        <v>49070</v>
      </c>
      <c r="S39" s="114">
        <v>88116</v>
      </c>
      <c r="T39" s="114">
        <v>13538</v>
      </c>
      <c r="U39" s="114">
        <v>0</v>
      </c>
      <c r="V39" s="114">
        <v>4172</v>
      </c>
      <c r="W39" s="113">
        <v>154896</v>
      </c>
      <c r="X39" s="116">
        <v>154896</v>
      </c>
      <c r="Y39" s="110">
        <v>0</v>
      </c>
      <c r="Z39" s="114">
        <v>0</v>
      </c>
      <c r="AA39" s="113">
        <v>0</v>
      </c>
      <c r="AB39" s="110">
        <v>0</v>
      </c>
      <c r="AC39" s="114">
        <v>33537</v>
      </c>
      <c r="AD39" s="114">
        <v>66185</v>
      </c>
      <c r="AE39" s="114">
        <v>0</v>
      </c>
      <c r="AF39" s="114">
        <v>0</v>
      </c>
      <c r="AG39" s="114">
        <v>0</v>
      </c>
      <c r="AH39" s="113">
        <v>99722</v>
      </c>
      <c r="AI39" s="116">
        <v>99722</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11970</v>
      </c>
      <c r="BA39" s="114">
        <v>0</v>
      </c>
      <c r="BB39" s="114">
        <v>0</v>
      </c>
      <c r="BC39" s="114">
        <v>0</v>
      </c>
      <c r="BD39" s="113">
        <v>11970</v>
      </c>
      <c r="BE39" s="116">
        <v>11970</v>
      </c>
      <c r="BF39" s="110">
        <v>0</v>
      </c>
      <c r="BG39" s="114">
        <v>0</v>
      </c>
      <c r="BH39" s="112">
        <v>0</v>
      </c>
      <c r="BI39" s="111">
        <v>0</v>
      </c>
      <c r="BJ39" s="114">
        <v>0</v>
      </c>
      <c r="BK39" s="114">
        <v>0</v>
      </c>
      <c r="BL39" s="114">
        <v>0</v>
      </c>
      <c r="BM39" s="114">
        <v>0</v>
      </c>
      <c r="BN39" s="114">
        <v>0</v>
      </c>
      <c r="BO39" s="113">
        <v>0</v>
      </c>
      <c r="BP39" s="116">
        <v>0</v>
      </c>
      <c r="BQ39" s="110">
        <v>0</v>
      </c>
      <c r="BR39" s="114">
        <v>0</v>
      </c>
      <c r="BS39" s="113">
        <v>0</v>
      </c>
      <c r="BT39" s="110">
        <v>0</v>
      </c>
      <c r="BU39" s="114">
        <v>15533</v>
      </c>
      <c r="BV39" s="114">
        <v>9961</v>
      </c>
      <c r="BW39" s="114">
        <v>13538</v>
      </c>
      <c r="BX39" s="114">
        <v>0</v>
      </c>
      <c r="BY39" s="114">
        <v>4172</v>
      </c>
      <c r="BZ39" s="113">
        <v>43204</v>
      </c>
      <c r="CA39" s="116">
        <v>43204</v>
      </c>
      <c r="CB39" s="110">
        <v>0</v>
      </c>
      <c r="CC39" s="114">
        <v>0</v>
      </c>
      <c r="CD39" s="113">
        <v>0</v>
      </c>
      <c r="CE39" s="110">
        <v>0</v>
      </c>
      <c r="CF39" s="114">
        <v>0</v>
      </c>
      <c r="CG39" s="114">
        <v>77928</v>
      </c>
      <c r="CH39" s="114">
        <v>198527</v>
      </c>
      <c r="CI39" s="114">
        <v>0</v>
      </c>
      <c r="CJ39" s="114">
        <v>0</v>
      </c>
      <c r="CK39" s="113">
        <v>276455</v>
      </c>
      <c r="CL39" s="116">
        <v>276455</v>
      </c>
      <c r="CM39" s="110">
        <v>0</v>
      </c>
      <c r="CN39" s="114">
        <v>0</v>
      </c>
      <c r="CO39" s="113">
        <v>0</v>
      </c>
      <c r="CP39" s="111">
        <v>0</v>
      </c>
      <c r="CQ39" s="114">
        <v>0</v>
      </c>
      <c r="CR39" s="114">
        <v>77928</v>
      </c>
      <c r="CS39" s="114">
        <v>198527</v>
      </c>
      <c r="CT39" s="114">
        <v>0</v>
      </c>
      <c r="CU39" s="114">
        <v>0</v>
      </c>
      <c r="CV39" s="113">
        <v>276455</v>
      </c>
      <c r="CW39" s="116">
        <v>276455</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5"/>
      <c r="FE39" s="114">
        <v>0</v>
      </c>
      <c r="FF39" s="114">
        <v>0</v>
      </c>
      <c r="FG39" s="114">
        <v>0</v>
      </c>
      <c r="FH39" s="114">
        <v>0</v>
      </c>
      <c r="FI39" s="114">
        <v>0</v>
      </c>
      <c r="FJ39" s="113">
        <v>0</v>
      </c>
      <c r="FK39" s="116">
        <v>0</v>
      </c>
      <c r="FL39" s="110">
        <v>0</v>
      </c>
      <c r="FM39" s="114">
        <v>0</v>
      </c>
      <c r="FN39" s="113">
        <v>0</v>
      </c>
      <c r="FO39" s="110">
        <v>0</v>
      </c>
      <c r="FP39" s="114">
        <v>3500</v>
      </c>
      <c r="FQ39" s="114">
        <v>1750</v>
      </c>
      <c r="FR39" s="114">
        <v>0</v>
      </c>
      <c r="FS39" s="114">
        <v>0</v>
      </c>
      <c r="FT39" s="114">
        <v>16730</v>
      </c>
      <c r="FU39" s="113">
        <v>21980</v>
      </c>
      <c r="FV39" s="116">
        <v>21980</v>
      </c>
      <c r="FW39" s="115">
        <v>0</v>
      </c>
      <c r="FX39" s="114">
        <v>0</v>
      </c>
      <c r="FY39" s="112">
        <v>0</v>
      </c>
      <c r="FZ39" s="111">
        <v>0</v>
      </c>
      <c r="GA39" s="114">
        <v>3500</v>
      </c>
      <c r="GB39" s="114">
        <v>1750</v>
      </c>
      <c r="GC39" s="114">
        <v>0</v>
      </c>
      <c r="GD39" s="114">
        <v>0</v>
      </c>
      <c r="GE39" s="114">
        <v>16730</v>
      </c>
      <c r="GF39" s="113">
        <v>21980</v>
      </c>
      <c r="GG39" s="316">
        <v>21980</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0</v>
      </c>
      <c r="HJ39" s="114">
        <v>165767</v>
      </c>
      <c r="HK39" s="114">
        <v>0</v>
      </c>
      <c r="HL39" s="114">
        <v>0</v>
      </c>
      <c r="HM39" s="113">
        <v>165767</v>
      </c>
      <c r="HN39" s="109">
        <v>165767</v>
      </c>
      <c r="HO39" s="326"/>
      <c r="HP39" s="327"/>
      <c r="HQ39" s="328"/>
      <c r="HR39" s="329"/>
      <c r="HS39" s="327"/>
      <c r="HT39" s="327"/>
      <c r="HU39" s="327"/>
      <c r="HV39" s="327"/>
      <c r="HW39" s="327"/>
      <c r="HX39" s="330"/>
      <c r="HY39" s="331"/>
      <c r="HZ39" s="131">
        <v>0</v>
      </c>
      <c r="IA39" s="132">
        <v>0</v>
      </c>
      <c r="IB39" s="133">
        <v>0</v>
      </c>
      <c r="IC39" s="146">
        <v>0</v>
      </c>
      <c r="ID39" s="132">
        <v>98350</v>
      </c>
      <c r="IE39" s="147">
        <v>158683</v>
      </c>
      <c r="IF39" s="133">
        <v>0</v>
      </c>
      <c r="IG39" s="132">
        <v>0</v>
      </c>
      <c r="IH39" s="133">
        <v>273343</v>
      </c>
      <c r="II39" s="148">
        <v>530376</v>
      </c>
      <c r="IJ39" s="139">
        <v>530376</v>
      </c>
      <c r="IK39" s="232">
        <v>0</v>
      </c>
      <c r="IL39" s="236">
        <v>0</v>
      </c>
      <c r="IM39" s="237">
        <v>0</v>
      </c>
      <c r="IN39" s="140"/>
      <c r="IO39" s="119">
        <v>0</v>
      </c>
      <c r="IP39" s="119">
        <v>0</v>
      </c>
      <c r="IQ39" s="119">
        <v>0</v>
      </c>
      <c r="IR39" s="119">
        <v>0</v>
      </c>
      <c r="IS39" s="119">
        <v>0</v>
      </c>
      <c r="IT39" s="141">
        <v>0</v>
      </c>
      <c r="IU39" s="318">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18">
        <v>0</v>
      </c>
      <c r="JR39" s="142">
        <v>0</v>
      </c>
      <c r="JS39" s="119">
        <v>0</v>
      </c>
      <c r="JT39" s="141">
        <v>0</v>
      </c>
      <c r="JU39" s="118">
        <v>0</v>
      </c>
      <c r="JV39" s="119">
        <v>0</v>
      </c>
      <c r="JW39" s="119">
        <v>0</v>
      </c>
      <c r="JX39" s="119">
        <v>0</v>
      </c>
      <c r="JY39" s="119">
        <v>0</v>
      </c>
      <c r="JZ39" s="119">
        <v>0</v>
      </c>
      <c r="KA39" s="120">
        <v>0</v>
      </c>
      <c r="KB39" s="318">
        <v>0</v>
      </c>
      <c r="KC39" s="234">
        <v>0</v>
      </c>
      <c r="KD39" s="230">
        <v>0</v>
      </c>
      <c r="KE39" s="120">
        <v>0</v>
      </c>
      <c r="KF39" s="118">
        <v>0</v>
      </c>
      <c r="KG39" s="119">
        <v>98350</v>
      </c>
      <c r="KH39" s="119">
        <v>0</v>
      </c>
      <c r="KI39" s="119">
        <v>0</v>
      </c>
      <c r="KJ39" s="119">
        <v>0</v>
      </c>
      <c r="KK39" s="119">
        <v>0</v>
      </c>
      <c r="KL39" s="120">
        <v>98350</v>
      </c>
      <c r="KM39" s="143">
        <v>98350</v>
      </c>
      <c r="KN39" s="232">
        <v>0</v>
      </c>
      <c r="KO39" s="236">
        <v>0</v>
      </c>
      <c r="KP39" s="237">
        <v>0</v>
      </c>
      <c r="KQ39" s="140"/>
      <c r="KR39" s="119">
        <v>0</v>
      </c>
      <c r="KS39" s="119">
        <v>0</v>
      </c>
      <c r="KT39" s="119">
        <v>0</v>
      </c>
      <c r="KU39" s="119">
        <v>0</v>
      </c>
      <c r="KV39" s="119">
        <v>0</v>
      </c>
      <c r="KW39" s="120">
        <v>0</v>
      </c>
      <c r="KX39" s="318">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18">
        <v>0</v>
      </c>
      <c r="LU39" s="142">
        <v>0</v>
      </c>
      <c r="LV39" s="119">
        <v>0</v>
      </c>
      <c r="LW39" s="120">
        <v>0</v>
      </c>
      <c r="LX39" s="145"/>
      <c r="LY39" s="119">
        <v>0</v>
      </c>
      <c r="LZ39" s="119">
        <v>158683</v>
      </c>
      <c r="MA39" s="119">
        <v>0</v>
      </c>
      <c r="MB39" s="119">
        <v>0</v>
      </c>
      <c r="MC39" s="119">
        <v>273343</v>
      </c>
      <c r="MD39" s="120">
        <v>432026</v>
      </c>
      <c r="ME39" s="121">
        <v>432026</v>
      </c>
      <c r="MF39" s="142">
        <v>0</v>
      </c>
      <c r="MG39" s="119">
        <v>0</v>
      </c>
      <c r="MH39" s="120">
        <v>0</v>
      </c>
      <c r="MI39" s="145"/>
      <c r="MJ39" s="119">
        <v>0</v>
      </c>
      <c r="MK39" s="119">
        <v>308749</v>
      </c>
      <c r="ML39" s="119">
        <v>34951</v>
      </c>
      <c r="MM39" s="119">
        <v>0</v>
      </c>
      <c r="MN39" s="119">
        <v>0</v>
      </c>
      <c r="MO39" s="120">
        <v>343700</v>
      </c>
      <c r="MP39" s="143">
        <v>343700</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0</v>
      </c>
      <c r="NG39" s="119">
        <v>308749</v>
      </c>
      <c r="NH39" s="119">
        <v>34951</v>
      </c>
      <c r="NI39" s="119">
        <v>0</v>
      </c>
      <c r="NJ39" s="119">
        <v>0</v>
      </c>
      <c r="NK39" s="120">
        <v>343700</v>
      </c>
      <c r="NL39" s="318">
        <v>34370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150920</v>
      </c>
      <c r="ON39" s="119">
        <v>635226</v>
      </c>
      <c r="OO39" s="119">
        <v>412783</v>
      </c>
      <c r="OP39" s="119">
        <v>0</v>
      </c>
      <c r="OQ39" s="119">
        <v>294245</v>
      </c>
      <c r="OR39" s="120">
        <v>1493174</v>
      </c>
      <c r="OS39" s="143">
        <v>1493174</v>
      </c>
    </row>
    <row r="40" spans="2:409" ht="21" customHeight="1" x14ac:dyDescent="0.2">
      <c r="B40" s="126" t="s">
        <v>35</v>
      </c>
      <c r="C40" s="110">
        <v>226398</v>
      </c>
      <c r="D40" s="114">
        <v>318239</v>
      </c>
      <c r="E40" s="113">
        <v>544637</v>
      </c>
      <c r="F40" s="109">
        <v>0</v>
      </c>
      <c r="G40" s="114">
        <v>962178</v>
      </c>
      <c r="H40" s="114">
        <v>624488</v>
      </c>
      <c r="I40" s="114">
        <v>1032397</v>
      </c>
      <c r="J40" s="114">
        <v>1788055</v>
      </c>
      <c r="K40" s="114">
        <v>389284</v>
      </c>
      <c r="L40" s="173">
        <v>4796402</v>
      </c>
      <c r="M40" s="116">
        <v>5341039</v>
      </c>
      <c r="N40" s="110">
        <v>80451</v>
      </c>
      <c r="O40" s="114">
        <v>55298</v>
      </c>
      <c r="P40" s="113">
        <v>135749</v>
      </c>
      <c r="Q40" s="110">
        <v>0</v>
      </c>
      <c r="R40" s="114">
        <v>472715</v>
      </c>
      <c r="S40" s="114">
        <v>170730</v>
      </c>
      <c r="T40" s="114">
        <v>205933</v>
      </c>
      <c r="U40" s="114">
        <v>384870</v>
      </c>
      <c r="V40" s="114">
        <v>359240</v>
      </c>
      <c r="W40" s="113">
        <v>1593488</v>
      </c>
      <c r="X40" s="116">
        <v>1729237</v>
      </c>
      <c r="Y40" s="110">
        <v>0</v>
      </c>
      <c r="Z40" s="114">
        <v>0</v>
      </c>
      <c r="AA40" s="113">
        <v>0</v>
      </c>
      <c r="AB40" s="110">
        <v>0</v>
      </c>
      <c r="AC40" s="114">
        <v>249413</v>
      </c>
      <c r="AD40" s="114">
        <v>73647</v>
      </c>
      <c r="AE40" s="114">
        <v>94563</v>
      </c>
      <c r="AF40" s="114">
        <v>98094</v>
      </c>
      <c r="AG40" s="114">
        <v>223139</v>
      </c>
      <c r="AH40" s="113">
        <v>738856</v>
      </c>
      <c r="AI40" s="116">
        <v>738856</v>
      </c>
      <c r="AJ40" s="110">
        <v>0</v>
      </c>
      <c r="AK40" s="114">
        <v>0</v>
      </c>
      <c r="AL40" s="113">
        <v>0</v>
      </c>
      <c r="AM40" s="110">
        <v>0</v>
      </c>
      <c r="AN40" s="114">
        <v>0</v>
      </c>
      <c r="AO40" s="114">
        <v>0</v>
      </c>
      <c r="AP40" s="114">
        <v>0</v>
      </c>
      <c r="AQ40" s="114">
        <v>91077</v>
      </c>
      <c r="AR40" s="114">
        <v>0</v>
      </c>
      <c r="AS40" s="113">
        <v>91077</v>
      </c>
      <c r="AT40" s="116">
        <v>91077</v>
      </c>
      <c r="AU40" s="110">
        <v>31738</v>
      </c>
      <c r="AV40" s="114">
        <v>21670</v>
      </c>
      <c r="AW40" s="113">
        <v>53408</v>
      </c>
      <c r="AX40" s="110">
        <v>0</v>
      </c>
      <c r="AY40" s="114">
        <v>93620</v>
      </c>
      <c r="AZ40" s="114">
        <v>59031</v>
      </c>
      <c r="BA40" s="114">
        <v>64176</v>
      </c>
      <c r="BB40" s="114">
        <v>111979</v>
      </c>
      <c r="BC40" s="114">
        <v>124705</v>
      </c>
      <c r="BD40" s="113">
        <v>453511</v>
      </c>
      <c r="BE40" s="116">
        <v>506919</v>
      </c>
      <c r="BF40" s="110">
        <v>0</v>
      </c>
      <c r="BG40" s="114">
        <v>21910</v>
      </c>
      <c r="BH40" s="112">
        <v>21910</v>
      </c>
      <c r="BI40" s="111">
        <v>0</v>
      </c>
      <c r="BJ40" s="114">
        <v>115269</v>
      </c>
      <c r="BK40" s="114">
        <v>0</v>
      </c>
      <c r="BL40" s="114">
        <v>0</v>
      </c>
      <c r="BM40" s="114">
        <v>0</v>
      </c>
      <c r="BN40" s="114">
        <v>0</v>
      </c>
      <c r="BO40" s="113">
        <v>115269</v>
      </c>
      <c r="BP40" s="116">
        <v>137179</v>
      </c>
      <c r="BQ40" s="110">
        <v>48713</v>
      </c>
      <c r="BR40" s="114">
        <v>11718</v>
      </c>
      <c r="BS40" s="113">
        <v>60431</v>
      </c>
      <c r="BT40" s="110">
        <v>0</v>
      </c>
      <c r="BU40" s="114">
        <v>14413</v>
      </c>
      <c r="BV40" s="114">
        <v>38052</v>
      </c>
      <c r="BW40" s="114">
        <v>47194</v>
      </c>
      <c r="BX40" s="114">
        <v>83720</v>
      </c>
      <c r="BY40" s="114">
        <v>11396</v>
      </c>
      <c r="BZ40" s="113">
        <v>194775</v>
      </c>
      <c r="CA40" s="116">
        <v>255206</v>
      </c>
      <c r="CB40" s="110">
        <v>0</v>
      </c>
      <c r="CC40" s="114">
        <v>98462</v>
      </c>
      <c r="CD40" s="113">
        <v>98462</v>
      </c>
      <c r="CE40" s="110">
        <v>0</v>
      </c>
      <c r="CF40" s="114">
        <v>287602</v>
      </c>
      <c r="CG40" s="114">
        <v>204603</v>
      </c>
      <c r="CH40" s="114">
        <v>94640</v>
      </c>
      <c r="CI40" s="114">
        <v>178552</v>
      </c>
      <c r="CJ40" s="114">
        <v>0</v>
      </c>
      <c r="CK40" s="113">
        <v>765397</v>
      </c>
      <c r="CL40" s="116">
        <v>863859</v>
      </c>
      <c r="CM40" s="110">
        <v>0</v>
      </c>
      <c r="CN40" s="114">
        <v>0</v>
      </c>
      <c r="CO40" s="113">
        <v>0</v>
      </c>
      <c r="CP40" s="111">
        <v>0</v>
      </c>
      <c r="CQ40" s="114">
        <v>249011</v>
      </c>
      <c r="CR40" s="114">
        <v>149814</v>
      </c>
      <c r="CS40" s="114">
        <v>94640</v>
      </c>
      <c r="CT40" s="114">
        <v>80486</v>
      </c>
      <c r="CU40" s="114">
        <v>0</v>
      </c>
      <c r="CV40" s="113">
        <v>573951</v>
      </c>
      <c r="CW40" s="116">
        <v>573951</v>
      </c>
      <c r="CX40" s="110">
        <v>0</v>
      </c>
      <c r="CY40" s="114">
        <v>98462</v>
      </c>
      <c r="CZ40" s="113">
        <v>98462</v>
      </c>
      <c r="DA40" s="110">
        <v>0</v>
      </c>
      <c r="DB40" s="114">
        <v>38591</v>
      </c>
      <c r="DC40" s="114">
        <v>54789</v>
      </c>
      <c r="DD40" s="114">
        <v>0</v>
      </c>
      <c r="DE40" s="114">
        <v>98066</v>
      </c>
      <c r="DF40" s="114">
        <v>0</v>
      </c>
      <c r="DG40" s="113">
        <v>191446</v>
      </c>
      <c r="DH40" s="116">
        <v>289908</v>
      </c>
      <c r="DI40" s="110">
        <v>0</v>
      </c>
      <c r="DJ40" s="114">
        <v>0</v>
      </c>
      <c r="DK40" s="112">
        <v>0</v>
      </c>
      <c r="DL40" s="111">
        <v>0</v>
      </c>
      <c r="DM40" s="114">
        <v>77751</v>
      </c>
      <c r="DN40" s="114">
        <v>0</v>
      </c>
      <c r="DO40" s="114">
        <v>0</v>
      </c>
      <c r="DP40" s="114">
        <v>296051</v>
      </c>
      <c r="DQ40" s="114">
        <v>0</v>
      </c>
      <c r="DR40" s="113">
        <v>373802</v>
      </c>
      <c r="DS40" s="116">
        <v>373802</v>
      </c>
      <c r="DT40" s="110">
        <v>0</v>
      </c>
      <c r="DU40" s="114">
        <v>0</v>
      </c>
      <c r="DV40" s="113">
        <v>0</v>
      </c>
      <c r="DW40" s="110">
        <v>0</v>
      </c>
      <c r="DX40" s="114">
        <v>77751</v>
      </c>
      <c r="DY40" s="114">
        <v>0</v>
      </c>
      <c r="DZ40" s="114">
        <v>0</v>
      </c>
      <c r="EA40" s="114">
        <v>296051</v>
      </c>
      <c r="EB40" s="114">
        <v>0</v>
      </c>
      <c r="EC40" s="113">
        <v>373802</v>
      </c>
      <c r="ED40" s="116">
        <v>373802</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5"/>
      <c r="FE40" s="114">
        <v>0</v>
      </c>
      <c r="FF40" s="114">
        <v>0</v>
      </c>
      <c r="FG40" s="114">
        <v>0</v>
      </c>
      <c r="FH40" s="114">
        <v>0</v>
      </c>
      <c r="FI40" s="114">
        <v>0</v>
      </c>
      <c r="FJ40" s="113">
        <v>0</v>
      </c>
      <c r="FK40" s="116">
        <v>0</v>
      </c>
      <c r="FL40" s="110">
        <v>4550</v>
      </c>
      <c r="FM40" s="114">
        <v>164479</v>
      </c>
      <c r="FN40" s="113">
        <v>169029</v>
      </c>
      <c r="FO40" s="110">
        <v>0</v>
      </c>
      <c r="FP40" s="114">
        <v>40866</v>
      </c>
      <c r="FQ40" s="114">
        <v>56420</v>
      </c>
      <c r="FR40" s="114">
        <v>120393</v>
      </c>
      <c r="FS40" s="114">
        <v>86940</v>
      </c>
      <c r="FT40" s="114">
        <v>30044</v>
      </c>
      <c r="FU40" s="113">
        <v>334663</v>
      </c>
      <c r="FV40" s="116">
        <v>503692</v>
      </c>
      <c r="FW40" s="115">
        <v>4550</v>
      </c>
      <c r="FX40" s="114">
        <v>6062</v>
      </c>
      <c r="FY40" s="112">
        <v>10612</v>
      </c>
      <c r="FZ40" s="111">
        <v>0</v>
      </c>
      <c r="GA40" s="114">
        <v>40866</v>
      </c>
      <c r="GB40" s="114">
        <v>56420</v>
      </c>
      <c r="GC40" s="114">
        <v>120393</v>
      </c>
      <c r="GD40" s="114">
        <v>86940</v>
      </c>
      <c r="GE40" s="114">
        <v>30044</v>
      </c>
      <c r="GF40" s="113">
        <v>334663</v>
      </c>
      <c r="GG40" s="316">
        <v>345275</v>
      </c>
      <c r="GH40" s="115">
        <v>0</v>
      </c>
      <c r="GI40" s="114">
        <v>18417</v>
      </c>
      <c r="GJ40" s="112">
        <v>18417</v>
      </c>
      <c r="GK40" s="111">
        <v>0</v>
      </c>
      <c r="GL40" s="114">
        <v>0</v>
      </c>
      <c r="GM40" s="114">
        <v>0</v>
      </c>
      <c r="GN40" s="114">
        <v>0</v>
      </c>
      <c r="GO40" s="114">
        <v>0</v>
      </c>
      <c r="GP40" s="114">
        <v>0</v>
      </c>
      <c r="GQ40" s="113">
        <v>0</v>
      </c>
      <c r="GR40" s="116">
        <v>18417</v>
      </c>
      <c r="GS40" s="110">
        <v>0</v>
      </c>
      <c r="GT40" s="114">
        <v>140000</v>
      </c>
      <c r="GU40" s="113">
        <v>140000</v>
      </c>
      <c r="GV40" s="110">
        <v>0</v>
      </c>
      <c r="GW40" s="114">
        <v>0</v>
      </c>
      <c r="GX40" s="114">
        <v>0</v>
      </c>
      <c r="GY40" s="114">
        <v>0</v>
      </c>
      <c r="GZ40" s="114">
        <v>0</v>
      </c>
      <c r="HA40" s="114">
        <v>0</v>
      </c>
      <c r="HB40" s="112">
        <v>0</v>
      </c>
      <c r="HC40" s="116">
        <v>140000</v>
      </c>
      <c r="HD40" s="110">
        <v>141397</v>
      </c>
      <c r="HE40" s="114">
        <v>0</v>
      </c>
      <c r="HF40" s="112">
        <v>141397</v>
      </c>
      <c r="HG40" s="111">
        <v>0</v>
      </c>
      <c r="HH40" s="114">
        <v>83244</v>
      </c>
      <c r="HI40" s="114">
        <v>192735</v>
      </c>
      <c r="HJ40" s="114">
        <v>611431</v>
      </c>
      <c r="HK40" s="114">
        <v>841642</v>
      </c>
      <c r="HL40" s="114">
        <v>0</v>
      </c>
      <c r="HM40" s="113">
        <v>1729052</v>
      </c>
      <c r="HN40" s="109">
        <v>1870449</v>
      </c>
      <c r="HO40" s="326"/>
      <c r="HP40" s="327"/>
      <c r="HQ40" s="328"/>
      <c r="HR40" s="329"/>
      <c r="HS40" s="327"/>
      <c r="HT40" s="327"/>
      <c r="HU40" s="327"/>
      <c r="HV40" s="327"/>
      <c r="HW40" s="327"/>
      <c r="HX40" s="330"/>
      <c r="HY40" s="331"/>
      <c r="HZ40" s="150">
        <v>0</v>
      </c>
      <c r="IA40" s="135">
        <v>0</v>
      </c>
      <c r="IB40" s="150">
        <v>0</v>
      </c>
      <c r="IC40" s="146">
        <v>0</v>
      </c>
      <c r="ID40" s="132">
        <v>0</v>
      </c>
      <c r="IE40" s="147">
        <v>0</v>
      </c>
      <c r="IF40" s="133">
        <v>0</v>
      </c>
      <c r="IG40" s="132">
        <v>217742</v>
      </c>
      <c r="IH40" s="133">
        <v>0</v>
      </c>
      <c r="II40" s="148">
        <v>217742</v>
      </c>
      <c r="IJ40" s="150">
        <v>217742</v>
      </c>
      <c r="IK40" s="232">
        <v>0</v>
      </c>
      <c r="IL40" s="236">
        <v>0</v>
      </c>
      <c r="IM40" s="237">
        <v>0</v>
      </c>
      <c r="IN40" s="140"/>
      <c r="IO40" s="119">
        <v>0</v>
      </c>
      <c r="IP40" s="119">
        <v>0</v>
      </c>
      <c r="IQ40" s="119">
        <v>0</v>
      </c>
      <c r="IR40" s="119">
        <v>0</v>
      </c>
      <c r="IS40" s="119">
        <v>0</v>
      </c>
      <c r="IT40" s="141">
        <v>0</v>
      </c>
      <c r="IU40" s="318">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18">
        <v>0</v>
      </c>
      <c r="JR40" s="142">
        <v>0</v>
      </c>
      <c r="JS40" s="119">
        <v>0</v>
      </c>
      <c r="JT40" s="141">
        <v>0</v>
      </c>
      <c r="JU40" s="118">
        <v>0</v>
      </c>
      <c r="JV40" s="119">
        <v>0</v>
      </c>
      <c r="JW40" s="119">
        <v>0</v>
      </c>
      <c r="JX40" s="119">
        <v>0</v>
      </c>
      <c r="JY40" s="119">
        <v>0</v>
      </c>
      <c r="JZ40" s="119">
        <v>0</v>
      </c>
      <c r="KA40" s="120">
        <v>0</v>
      </c>
      <c r="KB40" s="318">
        <v>0</v>
      </c>
      <c r="KC40" s="234">
        <v>0</v>
      </c>
      <c r="KD40" s="230">
        <v>0</v>
      </c>
      <c r="KE40" s="120">
        <v>0</v>
      </c>
      <c r="KF40" s="118">
        <v>0</v>
      </c>
      <c r="KG40" s="119">
        <v>0</v>
      </c>
      <c r="KH40" s="119">
        <v>0</v>
      </c>
      <c r="KI40" s="119">
        <v>0</v>
      </c>
      <c r="KJ40" s="119">
        <v>0</v>
      </c>
      <c r="KK40" s="119">
        <v>0</v>
      </c>
      <c r="KL40" s="120">
        <v>0</v>
      </c>
      <c r="KM40" s="143">
        <v>0</v>
      </c>
      <c r="KN40" s="232">
        <v>0</v>
      </c>
      <c r="KO40" s="236">
        <v>0</v>
      </c>
      <c r="KP40" s="237">
        <v>0</v>
      </c>
      <c r="KQ40" s="140"/>
      <c r="KR40" s="119">
        <v>0</v>
      </c>
      <c r="KS40" s="119">
        <v>0</v>
      </c>
      <c r="KT40" s="119">
        <v>0</v>
      </c>
      <c r="KU40" s="119">
        <v>217742</v>
      </c>
      <c r="KV40" s="119">
        <v>0</v>
      </c>
      <c r="KW40" s="120">
        <v>217742</v>
      </c>
      <c r="KX40" s="318">
        <v>217742</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18">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0</v>
      </c>
      <c r="MM40" s="119">
        <v>231945</v>
      </c>
      <c r="MN40" s="119">
        <v>0</v>
      </c>
      <c r="MO40" s="120">
        <v>231945</v>
      </c>
      <c r="MP40" s="143">
        <v>231945</v>
      </c>
      <c r="MQ40" s="142">
        <v>0</v>
      </c>
      <c r="MR40" s="119">
        <v>0</v>
      </c>
      <c r="MS40" s="120">
        <v>0</v>
      </c>
      <c r="MT40" s="145"/>
      <c r="MU40" s="119">
        <v>0</v>
      </c>
      <c r="MV40" s="119">
        <v>0</v>
      </c>
      <c r="MW40" s="119">
        <v>0</v>
      </c>
      <c r="MX40" s="119">
        <v>231945</v>
      </c>
      <c r="MY40" s="119">
        <v>0</v>
      </c>
      <c r="MZ40" s="120">
        <v>231945</v>
      </c>
      <c r="NA40" s="143">
        <v>231945</v>
      </c>
      <c r="NB40" s="142">
        <v>0</v>
      </c>
      <c r="NC40" s="119">
        <v>0</v>
      </c>
      <c r="ND40" s="120">
        <v>0</v>
      </c>
      <c r="NE40" s="145"/>
      <c r="NF40" s="119">
        <v>0</v>
      </c>
      <c r="NG40" s="119">
        <v>0</v>
      </c>
      <c r="NH40" s="119">
        <v>0</v>
      </c>
      <c r="NI40" s="119">
        <v>0</v>
      </c>
      <c r="NJ40" s="119">
        <v>0</v>
      </c>
      <c r="NK40" s="120">
        <v>0</v>
      </c>
      <c r="NL40" s="318">
        <v>0</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26398</v>
      </c>
      <c r="OJ40" s="119">
        <v>318239</v>
      </c>
      <c r="OK40" s="141">
        <v>544637</v>
      </c>
      <c r="OL40" s="118">
        <v>0</v>
      </c>
      <c r="OM40" s="119">
        <v>962178</v>
      </c>
      <c r="ON40" s="119">
        <v>624488</v>
      </c>
      <c r="OO40" s="119">
        <v>1032397</v>
      </c>
      <c r="OP40" s="119">
        <v>2237742</v>
      </c>
      <c r="OQ40" s="119">
        <v>389284</v>
      </c>
      <c r="OR40" s="120">
        <v>5246089</v>
      </c>
      <c r="OS40" s="143">
        <v>5790726</v>
      </c>
    </row>
    <row r="41" spans="2:409" ht="21" customHeight="1" x14ac:dyDescent="0.2">
      <c r="B41" s="126" t="s">
        <v>36</v>
      </c>
      <c r="C41" s="110">
        <v>0</v>
      </c>
      <c r="D41" s="114">
        <v>79614</v>
      </c>
      <c r="E41" s="113">
        <v>79614</v>
      </c>
      <c r="F41" s="109">
        <v>0</v>
      </c>
      <c r="G41" s="114">
        <v>349731</v>
      </c>
      <c r="H41" s="114">
        <v>407247</v>
      </c>
      <c r="I41" s="114">
        <v>513913</v>
      </c>
      <c r="J41" s="114">
        <v>1471589</v>
      </c>
      <c r="K41" s="114">
        <v>311578</v>
      </c>
      <c r="L41" s="173">
        <v>3054058</v>
      </c>
      <c r="M41" s="116">
        <v>3133672</v>
      </c>
      <c r="N41" s="110">
        <v>0</v>
      </c>
      <c r="O41" s="114">
        <v>18014</v>
      </c>
      <c r="P41" s="113">
        <v>18014</v>
      </c>
      <c r="Q41" s="110">
        <v>0</v>
      </c>
      <c r="R41" s="114">
        <v>175267</v>
      </c>
      <c r="S41" s="114">
        <v>89590</v>
      </c>
      <c r="T41" s="114">
        <v>21938</v>
      </c>
      <c r="U41" s="114">
        <v>399082</v>
      </c>
      <c r="V41" s="114">
        <v>225400</v>
      </c>
      <c r="W41" s="113">
        <v>911277</v>
      </c>
      <c r="X41" s="116">
        <v>929291</v>
      </c>
      <c r="Y41" s="110">
        <v>0</v>
      </c>
      <c r="Z41" s="114">
        <v>0</v>
      </c>
      <c r="AA41" s="113">
        <v>0</v>
      </c>
      <c r="AB41" s="110">
        <v>0</v>
      </c>
      <c r="AC41" s="114">
        <v>51965</v>
      </c>
      <c r="AD41" s="114">
        <v>12967</v>
      </c>
      <c r="AE41" s="114">
        <v>0</v>
      </c>
      <c r="AF41" s="114">
        <v>292521</v>
      </c>
      <c r="AG41" s="114">
        <v>198527</v>
      </c>
      <c r="AH41" s="113">
        <v>555980</v>
      </c>
      <c r="AI41" s="116">
        <v>555980</v>
      </c>
      <c r="AJ41" s="110">
        <v>0</v>
      </c>
      <c r="AK41" s="114">
        <v>0</v>
      </c>
      <c r="AL41" s="113">
        <v>0</v>
      </c>
      <c r="AM41" s="110">
        <v>0</v>
      </c>
      <c r="AN41" s="114">
        <v>0</v>
      </c>
      <c r="AO41" s="114">
        <v>0</v>
      </c>
      <c r="AP41" s="114">
        <v>0</v>
      </c>
      <c r="AQ41" s="114">
        <v>0</v>
      </c>
      <c r="AR41" s="114">
        <v>0</v>
      </c>
      <c r="AS41" s="113">
        <v>0</v>
      </c>
      <c r="AT41" s="116">
        <v>0</v>
      </c>
      <c r="AU41" s="110">
        <v>0</v>
      </c>
      <c r="AV41" s="114">
        <v>18014</v>
      </c>
      <c r="AW41" s="113">
        <v>18014</v>
      </c>
      <c r="AX41" s="110">
        <v>0</v>
      </c>
      <c r="AY41" s="114">
        <v>75362</v>
      </c>
      <c r="AZ41" s="114">
        <v>63085</v>
      </c>
      <c r="BA41" s="114">
        <v>0</v>
      </c>
      <c r="BB41" s="114">
        <v>43288</v>
      </c>
      <c r="BC41" s="114">
        <v>0</v>
      </c>
      <c r="BD41" s="113">
        <v>181735</v>
      </c>
      <c r="BE41" s="116">
        <v>199749</v>
      </c>
      <c r="BF41" s="110">
        <v>0</v>
      </c>
      <c r="BG41" s="114">
        <v>0</v>
      </c>
      <c r="BH41" s="112">
        <v>0</v>
      </c>
      <c r="BI41" s="111">
        <v>0</v>
      </c>
      <c r="BJ41" s="114">
        <v>32050</v>
      </c>
      <c r="BK41" s="114">
        <v>0</v>
      </c>
      <c r="BL41" s="114">
        <v>0</v>
      </c>
      <c r="BM41" s="114">
        <v>0</v>
      </c>
      <c r="BN41" s="114">
        <v>0</v>
      </c>
      <c r="BO41" s="113">
        <v>32050</v>
      </c>
      <c r="BP41" s="116">
        <v>32050</v>
      </c>
      <c r="BQ41" s="110">
        <v>0</v>
      </c>
      <c r="BR41" s="114">
        <v>0</v>
      </c>
      <c r="BS41" s="113">
        <v>0</v>
      </c>
      <c r="BT41" s="110">
        <v>0</v>
      </c>
      <c r="BU41" s="114">
        <v>15890</v>
      </c>
      <c r="BV41" s="114">
        <v>13538</v>
      </c>
      <c r="BW41" s="114">
        <v>21938</v>
      </c>
      <c r="BX41" s="114">
        <v>63273</v>
      </c>
      <c r="BY41" s="114">
        <v>26873</v>
      </c>
      <c r="BZ41" s="113">
        <v>141512</v>
      </c>
      <c r="CA41" s="116">
        <v>141512</v>
      </c>
      <c r="CB41" s="110">
        <v>0</v>
      </c>
      <c r="CC41" s="114">
        <v>0</v>
      </c>
      <c r="CD41" s="113">
        <v>0</v>
      </c>
      <c r="CE41" s="110">
        <v>0</v>
      </c>
      <c r="CF41" s="114">
        <v>142264</v>
      </c>
      <c r="CG41" s="114">
        <v>29991</v>
      </c>
      <c r="CH41" s="114">
        <v>138818</v>
      </c>
      <c r="CI41" s="114">
        <v>215988</v>
      </c>
      <c r="CJ41" s="114">
        <v>48322</v>
      </c>
      <c r="CK41" s="113">
        <v>575383</v>
      </c>
      <c r="CL41" s="116">
        <v>575383</v>
      </c>
      <c r="CM41" s="110">
        <v>0</v>
      </c>
      <c r="CN41" s="114">
        <v>0</v>
      </c>
      <c r="CO41" s="113">
        <v>0</v>
      </c>
      <c r="CP41" s="111">
        <v>0</v>
      </c>
      <c r="CQ41" s="114">
        <v>117835</v>
      </c>
      <c r="CR41" s="114">
        <v>29991</v>
      </c>
      <c r="CS41" s="114">
        <v>138818</v>
      </c>
      <c r="CT41" s="114">
        <v>215988</v>
      </c>
      <c r="CU41" s="114">
        <v>48322</v>
      </c>
      <c r="CV41" s="113">
        <v>550954</v>
      </c>
      <c r="CW41" s="116">
        <v>550954</v>
      </c>
      <c r="CX41" s="110">
        <v>0</v>
      </c>
      <c r="CY41" s="114">
        <v>0</v>
      </c>
      <c r="CZ41" s="113">
        <v>0</v>
      </c>
      <c r="DA41" s="110">
        <v>0</v>
      </c>
      <c r="DB41" s="114">
        <v>24429</v>
      </c>
      <c r="DC41" s="114">
        <v>0</v>
      </c>
      <c r="DD41" s="114">
        <v>0</v>
      </c>
      <c r="DE41" s="114">
        <v>0</v>
      </c>
      <c r="DF41" s="114">
        <v>0</v>
      </c>
      <c r="DG41" s="113">
        <v>24429</v>
      </c>
      <c r="DH41" s="116">
        <v>24429</v>
      </c>
      <c r="DI41" s="110">
        <v>0</v>
      </c>
      <c r="DJ41" s="114">
        <v>0</v>
      </c>
      <c r="DK41" s="112">
        <v>0</v>
      </c>
      <c r="DL41" s="111">
        <v>0</v>
      </c>
      <c r="DM41" s="114">
        <v>0</v>
      </c>
      <c r="DN41" s="114">
        <v>124363</v>
      </c>
      <c r="DO41" s="114">
        <v>0</v>
      </c>
      <c r="DP41" s="114">
        <v>104587</v>
      </c>
      <c r="DQ41" s="114">
        <v>0</v>
      </c>
      <c r="DR41" s="113">
        <v>228950</v>
      </c>
      <c r="DS41" s="116">
        <v>228950</v>
      </c>
      <c r="DT41" s="110">
        <v>0</v>
      </c>
      <c r="DU41" s="114">
        <v>0</v>
      </c>
      <c r="DV41" s="113">
        <v>0</v>
      </c>
      <c r="DW41" s="110">
        <v>0</v>
      </c>
      <c r="DX41" s="114">
        <v>0</v>
      </c>
      <c r="DY41" s="114">
        <v>124363</v>
      </c>
      <c r="DZ41" s="114">
        <v>0</v>
      </c>
      <c r="EA41" s="114">
        <v>104587</v>
      </c>
      <c r="EB41" s="114">
        <v>0</v>
      </c>
      <c r="EC41" s="113">
        <v>228950</v>
      </c>
      <c r="ED41" s="116">
        <v>228950</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5"/>
      <c r="FE41" s="114">
        <v>0</v>
      </c>
      <c r="FF41" s="114">
        <v>0</v>
      </c>
      <c r="FG41" s="114">
        <v>0</v>
      </c>
      <c r="FH41" s="114">
        <v>0</v>
      </c>
      <c r="FI41" s="114">
        <v>0</v>
      </c>
      <c r="FJ41" s="113">
        <v>0</v>
      </c>
      <c r="FK41" s="116">
        <v>0</v>
      </c>
      <c r="FL41" s="110">
        <v>0</v>
      </c>
      <c r="FM41" s="114">
        <v>61600</v>
      </c>
      <c r="FN41" s="113">
        <v>61600</v>
      </c>
      <c r="FO41" s="110">
        <v>0</v>
      </c>
      <c r="FP41" s="114">
        <v>32200</v>
      </c>
      <c r="FQ41" s="114">
        <v>10185</v>
      </c>
      <c r="FR41" s="114">
        <v>4550</v>
      </c>
      <c r="FS41" s="114">
        <v>193221</v>
      </c>
      <c r="FT41" s="114">
        <v>37856</v>
      </c>
      <c r="FU41" s="113">
        <v>278012</v>
      </c>
      <c r="FV41" s="116">
        <v>339612</v>
      </c>
      <c r="FW41" s="115">
        <v>0</v>
      </c>
      <c r="FX41" s="114">
        <v>0</v>
      </c>
      <c r="FY41" s="112">
        <v>0</v>
      </c>
      <c r="FZ41" s="111">
        <v>0</v>
      </c>
      <c r="GA41" s="114">
        <v>32200</v>
      </c>
      <c r="GB41" s="114">
        <v>10185</v>
      </c>
      <c r="GC41" s="114">
        <v>4550</v>
      </c>
      <c r="GD41" s="114">
        <v>70791</v>
      </c>
      <c r="GE41" s="114">
        <v>37856</v>
      </c>
      <c r="GF41" s="113">
        <v>155582</v>
      </c>
      <c r="GG41" s="316">
        <v>155582</v>
      </c>
      <c r="GH41" s="115">
        <v>0</v>
      </c>
      <c r="GI41" s="114">
        <v>0</v>
      </c>
      <c r="GJ41" s="112">
        <v>0</v>
      </c>
      <c r="GK41" s="111">
        <v>0</v>
      </c>
      <c r="GL41" s="114">
        <v>0</v>
      </c>
      <c r="GM41" s="114">
        <v>0</v>
      </c>
      <c r="GN41" s="114">
        <v>0</v>
      </c>
      <c r="GO41" s="114">
        <v>0</v>
      </c>
      <c r="GP41" s="114">
        <v>0</v>
      </c>
      <c r="GQ41" s="113">
        <v>0</v>
      </c>
      <c r="GR41" s="116">
        <v>0</v>
      </c>
      <c r="GS41" s="110">
        <v>0</v>
      </c>
      <c r="GT41" s="114">
        <v>61600</v>
      </c>
      <c r="GU41" s="113">
        <v>61600</v>
      </c>
      <c r="GV41" s="110">
        <v>0</v>
      </c>
      <c r="GW41" s="114">
        <v>0</v>
      </c>
      <c r="GX41" s="114">
        <v>0</v>
      </c>
      <c r="GY41" s="114">
        <v>0</v>
      </c>
      <c r="GZ41" s="114">
        <v>122430</v>
      </c>
      <c r="HA41" s="114">
        <v>0</v>
      </c>
      <c r="HB41" s="112">
        <v>122430</v>
      </c>
      <c r="HC41" s="116">
        <v>184030</v>
      </c>
      <c r="HD41" s="110">
        <v>0</v>
      </c>
      <c r="HE41" s="114">
        <v>0</v>
      </c>
      <c r="HF41" s="112">
        <v>0</v>
      </c>
      <c r="HG41" s="111">
        <v>0</v>
      </c>
      <c r="HH41" s="114">
        <v>0</v>
      </c>
      <c r="HI41" s="114">
        <v>153118</v>
      </c>
      <c r="HJ41" s="114">
        <v>348607</v>
      </c>
      <c r="HK41" s="114">
        <v>558711</v>
      </c>
      <c r="HL41" s="114">
        <v>0</v>
      </c>
      <c r="HM41" s="113">
        <v>1060436</v>
      </c>
      <c r="HN41" s="109">
        <v>1060436</v>
      </c>
      <c r="HO41" s="326"/>
      <c r="HP41" s="327"/>
      <c r="HQ41" s="328"/>
      <c r="HR41" s="329"/>
      <c r="HS41" s="327"/>
      <c r="HT41" s="327"/>
      <c r="HU41" s="327"/>
      <c r="HV41" s="327"/>
      <c r="HW41" s="327"/>
      <c r="HX41" s="330"/>
      <c r="HY41" s="331"/>
      <c r="HZ41" s="131">
        <v>0</v>
      </c>
      <c r="IA41" s="132">
        <v>0</v>
      </c>
      <c r="IB41" s="133">
        <v>0</v>
      </c>
      <c r="IC41" s="146">
        <v>0</v>
      </c>
      <c r="ID41" s="132">
        <v>316771</v>
      </c>
      <c r="IE41" s="147">
        <v>216713</v>
      </c>
      <c r="IF41" s="133">
        <v>0</v>
      </c>
      <c r="IG41" s="132">
        <v>111524</v>
      </c>
      <c r="IH41" s="133">
        <v>231672</v>
      </c>
      <c r="II41" s="148">
        <v>876680</v>
      </c>
      <c r="IJ41" s="139">
        <v>876680</v>
      </c>
      <c r="IK41" s="232">
        <v>0</v>
      </c>
      <c r="IL41" s="236">
        <v>0</v>
      </c>
      <c r="IM41" s="237">
        <v>0</v>
      </c>
      <c r="IN41" s="140"/>
      <c r="IO41" s="119">
        <v>0</v>
      </c>
      <c r="IP41" s="119">
        <v>0</v>
      </c>
      <c r="IQ41" s="119">
        <v>0</v>
      </c>
      <c r="IR41" s="119">
        <v>0</v>
      </c>
      <c r="IS41" s="119">
        <v>0</v>
      </c>
      <c r="IT41" s="141">
        <v>0</v>
      </c>
      <c r="IU41" s="318">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3832</v>
      </c>
      <c r="JL41" s="119">
        <v>0</v>
      </c>
      <c r="JM41" s="119">
        <v>0</v>
      </c>
      <c r="JN41" s="119">
        <v>111524</v>
      </c>
      <c r="JO41" s="119">
        <v>0</v>
      </c>
      <c r="JP41" s="120">
        <v>125356</v>
      </c>
      <c r="JQ41" s="318">
        <v>125356</v>
      </c>
      <c r="JR41" s="142">
        <v>0</v>
      </c>
      <c r="JS41" s="119">
        <v>0</v>
      </c>
      <c r="JT41" s="141">
        <v>0</v>
      </c>
      <c r="JU41" s="118">
        <v>0</v>
      </c>
      <c r="JV41" s="119">
        <v>0</v>
      </c>
      <c r="JW41" s="119">
        <v>0</v>
      </c>
      <c r="JX41" s="119">
        <v>0</v>
      </c>
      <c r="JY41" s="119">
        <v>0</v>
      </c>
      <c r="JZ41" s="119">
        <v>0</v>
      </c>
      <c r="KA41" s="120">
        <v>0</v>
      </c>
      <c r="KB41" s="318">
        <v>0</v>
      </c>
      <c r="KC41" s="234">
        <v>0</v>
      </c>
      <c r="KD41" s="230">
        <v>0</v>
      </c>
      <c r="KE41" s="120">
        <v>0</v>
      </c>
      <c r="KF41" s="118">
        <v>0</v>
      </c>
      <c r="KG41" s="119">
        <v>95406</v>
      </c>
      <c r="KH41" s="119">
        <v>0</v>
      </c>
      <c r="KI41" s="119">
        <v>0</v>
      </c>
      <c r="KJ41" s="119">
        <v>0</v>
      </c>
      <c r="KK41" s="119">
        <v>0</v>
      </c>
      <c r="KL41" s="120">
        <v>95406</v>
      </c>
      <c r="KM41" s="143">
        <v>95406</v>
      </c>
      <c r="KN41" s="232">
        <v>0</v>
      </c>
      <c r="KO41" s="236">
        <v>0</v>
      </c>
      <c r="KP41" s="237">
        <v>0</v>
      </c>
      <c r="KQ41" s="140"/>
      <c r="KR41" s="119">
        <v>207533</v>
      </c>
      <c r="KS41" s="119">
        <v>216713</v>
      </c>
      <c r="KT41" s="119">
        <v>0</v>
      </c>
      <c r="KU41" s="119">
        <v>0</v>
      </c>
      <c r="KV41" s="119">
        <v>231672</v>
      </c>
      <c r="KW41" s="120">
        <v>655918</v>
      </c>
      <c r="KX41" s="318">
        <v>655918</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18">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202614</v>
      </c>
      <c r="MK41" s="119">
        <v>0</v>
      </c>
      <c r="ML41" s="119">
        <v>627881</v>
      </c>
      <c r="MM41" s="119">
        <v>945126</v>
      </c>
      <c r="MN41" s="119">
        <v>502890</v>
      </c>
      <c r="MO41" s="120">
        <v>2278511</v>
      </c>
      <c r="MP41" s="143">
        <v>2278511</v>
      </c>
      <c r="MQ41" s="142">
        <v>0</v>
      </c>
      <c r="MR41" s="119">
        <v>0</v>
      </c>
      <c r="MS41" s="120">
        <v>0</v>
      </c>
      <c r="MT41" s="145"/>
      <c r="MU41" s="119">
        <v>0</v>
      </c>
      <c r="MV41" s="119">
        <v>0</v>
      </c>
      <c r="MW41" s="119">
        <v>399500</v>
      </c>
      <c r="MX41" s="119">
        <v>0</v>
      </c>
      <c r="MY41" s="119">
        <v>502890</v>
      </c>
      <c r="MZ41" s="120">
        <v>902390</v>
      </c>
      <c r="NA41" s="143">
        <v>902390</v>
      </c>
      <c r="NB41" s="142">
        <v>0</v>
      </c>
      <c r="NC41" s="119">
        <v>0</v>
      </c>
      <c r="ND41" s="120">
        <v>0</v>
      </c>
      <c r="NE41" s="145"/>
      <c r="NF41" s="119">
        <v>202614</v>
      </c>
      <c r="NG41" s="119">
        <v>0</v>
      </c>
      <c r="NH41" s="119">
        <v>228381</v>
      </c>
      <c r="NI41" s="119">
        <v>945126</v>
      </c>
      <c r="NJ41" s="119">
        <v>0</v>
      </c>
      <c r="NK41" s="120">
        <v>1376121</v>
      </c>
      <c r="NL41" s="318">
        <v>1376121</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79614</v>
      </c>
      <c r="OK41" s="141">
        <v>79614</v>
      </c>
      <c r="OL41" s="118">
        <v>0</v>
      </c>
      <c r="OM41" s="119">
        <v>869116</v>
      </c>
      <c r="ON41" s="119">
        <v>623960</v>
      </c>
      <c r="OO41" s="119">
        <v>1141794</v>
      </c>
      <c r="OP41" s="119">
        <v>2528239</v>
      </c>
      <c r="OQ41" s="119">
        <v>1046140</v>
      </c>
      <c r="OR41" s="120">
        <v>6209249</v>
      </c>
      <c r="OS41" s="143">
        <v>6288863</v>
      </c>
    </row>
    <row r="42" spans="2:409" ht="21" customHeight="1" thickBot="1" x14ac:dyDescent="0.25">
      <c r="B42" s="127" t="s">
        <v>37</v>
      </c>
      <c r="C42" s="117">
        <v>0</v>
      </c>
      <c r="D42" s="178">
        <v>0</v>
      </c>
      <c r="E42" s="179">
        <v>0</v>
      </c>
      <c r="F42" s="180">
        <v>0</v>
      </c>
      <c r="G42" s="178">
        <v>0</v>
      </c>
      <c r="H42" s="178">
        <v>0</v>
      </c>
      <c r="I42" s="178">
        <v>0</v>
      </c>
      <c r="J42" s="178">
        <v>194616</v>
      </c>
      <c r="K42" s="178">
        <v>168982</v>
      </c>
      <c r="L42" s="180">
        <v>363598</v>
      </c>
      <c r="M42" s="181">
        <v>363598</v>
      </c>
      <c r="N42" s="117">
        <v>0</v>
      </c>
      <c r="O42" s="178">
        <v>0</v>
      </c>
      <c r="P42" s="179">
        <v>0</v>
      </c>
      <c r="Q42" s="117">
        <v>0</v>
      </c>
      <c r="R42" s="178">
        <v>0</v>
      </c>
      <c r="S42" s="178">
        <v>0</v>
      </c>
      <c r="T42" s="178">
        <v>0</v>
      </c>
      <c r="U42" s="178">
        <v>8400</v>
      </c>
      <c r="V42" s="178">
        <v>95233</v>
      </c>
      <c r="W42" s="179">
        <v>103633</v>
      </c>
      <c r="X42" s="181">
        <v>103633</v>
      </c>
      <c r="Y42" s="117">
        <v>0</v>
      </c>
      <c r="Z42" s="178">
        <v>0</v>
      </c>
      <c r="AA42" s="179">
        <v>0</v>
      </c>
      <c r="AB42" s="117">
        <v>0</v>
      </c>
      <c r="AC42" s="178">
        <v>0</v>
      </c>
      <c r="AD42" s="178">
        <v>0</v>
      </c>
      <c r="AE42" s="178">
        <v>0</v>
      </c>
      <c r="AF42" s="178">
        <v>0</v>
      </c>
      <c r="AG42" s="178">
        <v>48206</v>
      </c>
      <c r="AH42" s="179">
        <v>48206</v>
      </c>
      <c r="AI42" s="181">
        <v>48206</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35617</v>
      </c>
      <c r="BD42" s="179">
        <v>35617</v>
      </c>
      <c r="BE42" s="181">
        <v>35617</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11410</v>
      </c>
      <c r="BZ42" s="179">
        <v>19810</v>
      </c>
      <c r="CA42" s="181">
        <v>19810</v>
      </c>
      <c r="CB42" s="117">
        <v>0</v>
      </c>
      <c r="CC42" s="178">
        <v>0</v>
      </c>
      <c r="CD42" s="179">
        <v>0</v>
      </c>
      <c r="CE42" s="117">
        <v>0</v>
      </c>
      <c r="CF42" s="178">
        <v>0</v>
      </c>
      <c r="CG42" s="178">
        <v>0</v>
      </c>
      <c r="CH42" s="178">
        <v>0</v>
      </c>
      <c r="CI42" s="178">
        <v>0</v>
      </c>
      <c r="CJ42" s="178">
        <v>0</v>
      </c>
      <c r="CK42" s="179">
        <v>0</v>
      </c>
      <c r="CL42" s="181">
        <v>0</v>
      </c>
      <c r="CM42" s="117">
        <v>0</v>
      </c>
      <c r="CN42" s="178">
        <v>0</v>
      </c>
      <c r="CO42" s="179">
        <v>0</v>
      </c>
      <c r="CP42" s="182">
        <v>0</v>
      </c>
      <c r="CQ42" s="178">
        <v>0</v>
      </c>
      <c r="CR42" s="178">
        <v>0</v>
      </c>
      <c r="CS42" s="178">
        <v>0</v>
      </c>
      <c r="CT42" s="178">
        <v>0</v>
      </c>
      <c r="CU42" s="178">
        <v>0</v>
      </c>
      <c r="CV42" s="179">
        <v>0</v>
      </c>
      <c r="CW42" s="181">
        <v>0</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39589</v>
      </c>
      <c r="DR42" s="179">
        <v>39589</v>
      </c>
      <c r="DS42" s="181">
        <v>39589</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39589</v>
      </c>
      <c r="EN42" s="183">
        <v>39589</v>
      </c>
      <c r="EO42" s="181">
        <v>39589</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6"/>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4160</v>
      </c>
      <c r="FU42" s="179">
        <v>34160</v>
      </c>
      <c r="FV42" s="181">
        <v>34160</v>
      </c>
      <c r="FW42" s="184">
        <v>0</v>
      </c>
      <c r="FX42" s="178">
        <v>0</v>
      </c>
      <c r="FY42" s="183">
        <v>0</v>
      </c>
      <c r="FZ42" s="182">
        <v>0</v>
      </c>
      <c r="GA42" s="178">
        <v>0</v>
      </c>
      <c r="GB42" s="178">
        <v>0</v>
      </c>
      <c r="GC42" s="178">
        <v>0</v>
      </c>
      <c r="GD42" s="178">
        <v>0</v>
      </c>
      <c r="GE42" s="178">
        <v>34160</v>
      </c>
      <c r="GF42" s="179">
        <v>34160</v>
      </c>
      <c r="GG42" s="317">
        <v>341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6216</v>
      </c>
      <c r="HL42" s="178">
        <v>0</v>
      </c>
      <c r="HM42" s="179">
        <v>186216</v>
      </c>
      <c r="HN42" s="180">
        <v>186216</v>
      </c>
      <c r="HO42" s="332"/>
      <c r="HP42" s="333"/>
      <c r="HQ42" s="334"/>
      <c r="HR42" s="335"/>
      <c r="HS42" s="333"/>
      <c r="HT42" s="333"/>
      <c r="HU42" s="333"/>
      <c r="HV42" s="333"/>
      <c r="HW42" s="333"/>
      <c r="HX42" s="336"/>
      <c r="HY42" s="337"/>
      <c r="HZ42" s="151">
        <v>0</v>
      </c>
      <c r="IA42" s="152">
        <v>0</v>
      </c>
      <c r="IB42" s="153">
        <v>0</v>
      </c>
      <c r="IC42" s="154">
        <v>0</v>
      </c>
      <c r="ID42" s="155">
        <v>0</v>
      </c>
      <c r="IE42" s="156">
        <v>0</v>
      </c>
      <c r="IF42" s="157">
        <v>0</v>
      </c>
      <c r="IG42" s="155">
        <v>0</v>
      </c>
      <c r="IH42" s="157">
        <v>125239</v>
      </c>
      <c r="II42" s="158">
        <v>125239</v>
      </c>
      <c r="IJ42" s="159">
        <v>125239</v>
      </c>
      <c r="IK42" s="233">
        <v>0</v>
      </c>
      <c r="IL42" s="238">
        <v>0</v>
      </c>
      <c r="IM42" s="239">
        <v>0</v>
      </c>
      <c r="IN42" s="160"/>
      <c r="IO42" s="161">
        <v>0</v>
      </c>
      <c r="IP42" s="161">
        <v>0</v>
      </c>
      <c r="IQ42" s="161">
        <v>0</v>
      </c>
      <c r="IR42" s="161">
        <v>0</v>
      </c>
      <c r="IS42" s="161">
        <v>0</v>
      </c>
      <c r="IT42" s="162">
        <v>0</v>
      </c>
      <c r="IU42" s="319">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125239</v>
      </c>
      <c r="JP42" s="165">
        <v>125239</v>
      </c>
      <c r="JQ42" s="319">
        <v>125239</v>
      </c>
      <c r="JR42" s="163">
        <v>0</v>
      </c>
      <c r="JS42" s="161">
        <v>0</v>
      </c>
      <c r="JT42" s="162">
        <v>0</v>
      </c>
      <c r="JU42" s="164">
        <v>0</v>
      </c>
      <c r="JV42" s="161">
        <v>0</v>
      </c>
      <c r="JW42" s="161">
        <v>0</v>
      </c>
      <c r="JX42" s="161">
        <v>0</v>
      </c>
      <c r="JY42" s="161">
        <v>0</v>
      </c>
      <c r="JZ42" s="161">
        <v>0</v>
      </c>
      <c r="KA42" s="165">
        <v>0</v>
      </c>
      <c r="KB42" s="319">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19">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19">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0</v>
      </c>
      <c r="MO42" s="165">
        <v>0</v>
      </c>
      <c r="MP42" s="167">
        <v>0</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0</v>
      </c>
      <c r="NI42" s="161">
        <v>0</v>
      </c>
      <c r="NJ42" s="161">
        <v>0</v>
      </c>
      <c r="NK42" s="165">
        <v>0</v>
      </c>
      <c r="NL42" s="319">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0</v>
      </c>
      <c r="OK42" s="162">
        <v>0</v>
      </c>
      <c r="OL42" s="164">
        <v>0</v>
      </c>
      <c r="OM42" s="161">
        <v>0</v>
      </c>
      <c r="ON42" s="161">
        <v>0</v>
      </c>
      <c r="OO42" s="161">
        <v>0</v>
      </c>
      <c r="OP42" s="161">
        <v>194616</v>
      </c>
      <c r="OQ42" s="161">
        <v>294221</v>
      </c>
      <c r="OR42" s="165">
        <v>488837</v>
      </c>
      <c r="OS42" s="167">
        <v>488837</v>
      </c>
    </row>
    <row r="43" spans="2:409" x14ac:dyDescent="0.2">
      <c r="B43" s="44"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10.6640625" style="291" customWidth="1"/>
    <col min="2" max="3" width="9.21875" style="291" bestFit="1" customWidth="1"/>
    <col min="4" max="4" width="10.77734375" style="291" bestFit="1" customWidth="1"/>
    <col min="5" max="5" width="7.88671875" style="291" customWidth="1"/>
    <col min="6" max="10" width="10.44140625" style="291" bestFit="1" customWidth="1"/>
    <col min="11" max="12" width="11.6640625" style="291" bestFit="1" customWidth="1"/>
    <col min="13" max="15" width="9.21875" style="291" bestFit="1" customWidth="1"/>
    <col min="16" max="16" width="7.44140625" style="291" customWidth="1"/>
    <col min="17" max="17" width="9.21875" style="291" bestFit="1" customWidth="1"/>
    <col min="18" max="21" width="10.44140625" style="291" bestFit="1" customWidth="1"/>
    <col min="22" max="23" width="11.6640625" style="291" bestFit="1" customWidth="1"/>
    <col min="24" max="26" width="9.109375" style="291" bestFit="1" customWidth="1"/>
    <col min="27" max="27" width="7" style="291" customWidth="1"/>
    <col min="28" max="29" width="9.109375" style="291" bestFit="1" customWidth="1"/>
    <col min="30" max="31" width="9.6640625" style="291" bestFit="1" customWidth="1"/>
    <col min="32" max="32" width="9.109375" style="291" bestFit="1" customWidth="1"/>
    <col min="33" max="34" width="9.6640625" style="291" bestFit="1" customWidth="1"/>
    <col min="35" max="37" width="9.109375" style="291" bestFit="1" customWidth="1"/>
    <col min="38" max="38" width="7.33203125" style="291" customWidth="1"/>
    <col min="39" max="48" width="9.109375" style="291" bestFit="1" customWidth="1"/>
    <col min="49" max="49" width="7.33203125" style="291" customWidth="1"/>
    <col min="50" max="59" width="9.109375" style="291" bestFit="1" customWidth="1"/>
    <col min="60" max="60" width="7.77734375" style="291" customWidth="1"/>
    <col min="61" max="70" width="9.109375" style="291" bestFit="1" customWidth="1"/>
    <col min="71" max="71" width="7.77734375" style="291" customWidth="1"/>
    <col min="72" max="76" width="9.109375" style="291" bestFit="1" customWidth="1"/>
    <col min="77" max="78" width="9.6640625" style="291" bestFit="1" customWidth="1"/>
    <col min="79" max="81" width="9.109375" style="291" bestFit="1" customWidth="1"/>
    <col min="82" max="82" width="7.88671875" style="291" customWidth="1"/>
    <col min="83" max="92" width="9.109375" style="291" bestFit="1" customWidth="1"/>
    <col min="93" max="93" width="8" style="291" customWidth="1"/>
    <col min="94" max="103" width="9.109375" style="291" bestFit="1" customWidth="1"/>
    <col min="104" max="104" width="8" style="291" customWidth="1"/>
    <col min="105" max="114" width="9.109375" style="291" bestFit="1" customWidth="1"/>
    <col min="115" max="115" width="7.6640625" style="291" customWidth="1"/>
    <col min="116" max="116" width="9.109375" style="291" bestFit="1" customWidth="1"/>
    <col min="117" max="120" width="9.6640625" style="291" bestFit="1" customWidth="1"/>
    <col min="121" max="122" width="10.6640625" style="291" bestFit="1" customWidth="1"/>
    <col min="123" max="125" width="9.109375" style="291" bestFit="1" customWidth="1"/>
    <col min="126" max="126" width="7.44140625" style="291" customWidth="1"/>
    <col min="127" max="128" width="9.109375" style="291" bestFit="1" customWidth="1"/>
    <col min="129" max="133" width="9.6640625" style="291" bestFit="1" customWidth="1"/>
    <col min="134" max="136" width="9.109375" style="291" bestFit="1" customWidth="1"/>
    <col min="137" max="137" width="7.6640625" style="291" customWidth="1"/>
    <col min="138" max="147" width="9.109375" style="291" bestFit="1" customWidth="1"/>
    <col min="148" max="148" width="7.77734375" style="291" customWidth="1"/>
    <col min="149" max="158" width="9.109375" style="291" bestFit="1" customWidth="1"/>
    <col min="159" max="159" width="7.77734375" style="291" customWidth="1"/>
    <col min="160" max="169" width="9.109375" style="291" bestFit="1" customWidth="1"/>
    <col min="170" max="170" width="7.33203125" style="291" customWidth="1"/>
    <col min="171" max="180" width="9.109375" style="291" bestFit="1" customWidth="1"/>
    <col min="181" max="181" width="8" style="291" customWidth="1"/>
    <col min="182" max="187" width="9.109375" style="291" bestFit="1" customWidth="1"/>
    <col min="188" max="188" width="9.6640625" style="291" bestFit="1" customWidth="1"/>
    <col min="189" max="191" width="9.109375" style="291" bestFit="1" customWidth="1"/>
    <col min="192" max="192" width="7.44140625" style="291" customWidth="1"/>
    <col min="193" max="202" width="9.109375" style="291" bestFit="1" customWidth="1"/>
    <col min="203" max="203" width="7.88671875" style="291" customWidth="1"/>
    <col min="204" max="213" width="9.109375" style="291" bestFit="1" customWidth="1"/>
    <col min="214" max="214" width="7.88671875" style="291" customWidth="1"/>
    <col min="215" max="224" width="9.109375" style="291" bestFit="1" customWidth="1"/>
    <col min="225" max="225" width="7.6640625" style="291" customWidth="1"/>
    <col min="226" max="228" width="9.6640625" style="291" bestFit="1" customWidth="1"/>
    <col min="229" max="229" width="10.6640625" style="291" bestFit="1" customWidth="1"/>
    <col min="230" max="230" width="9.6640625" style="291" bestFit="1" customWidth="1"/>
    <col min="231" max="232" width="10.6640625" style="291" bestFit="1" customWidth="1"/>
    <col min="233" max="16384" width="9" style="291"/>
  </cols>
  <sheetData>
    <row r="1" spans="1:232" s="1" customFormat="1" ht="24" customHeight="1" x14ac:dyDescent="0.2">
      <c r="A1" s="20" t="s">
        <v>0</v>
      </c>
      <c r="B1" s="39"/>
      <c r="C1" s="39"/>
      <c r="D1" s="496">
        <f>第１表!F2</f>
        <v>5</v>
      </c>
      <c r="E1" s="497">
        <f>第１表!G2</f>
        <v>7</v>
      </c>
      <c r="F1" s="673">
        <f>IF(E1&lt;3,E1-2+12,E1-2)</f>
        <v>5</v>
      </c>
      <c r="G1" s="673"/>
      <c r="K1" s="39"/>
      <c r="CK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row>
    <row r="2" spans="1:232" ht="24" customHeight="1" thickBot="1" x14ac:dyDescent="0.25">
      <c r="A2" s="20" t="s">
        <v>120</v>
      </c>
    </row>
    <row r="3" spans="1:232" ht="21" customHeight="1" thickBot="1" x14ac:dyDescent="0.25">
      <c r="A3" s="741"/>
      <c r="B3" s="754" t="s">
        <v>116</v>
      </c>
      <c r="C3" s="755"/>
      <c r="D3" s="755"/>
      <c r="E3" s="755"/>
      <c r="F3" s="755"/>
      <c r="G3" s="755"/>
      <c r="H3" s="755"/>
      <c r="I3" s="755"/>
      <c r="J3" s="755"/>
      <c r="K3" s="755"/>
      <c r="L3" s="755"/>
      <c r="M3" s="506"/>
      <c r="N3" s="506"/>
      <c r="O3" s="506"/>
      <c r="P3" s="506"/>
      <c r="Q3" s="506"/>
      <c r="R3" s="506"/>
      <c r="S3" s="506"/>
      <c r="T3" s="506"/>
      <c r="U3" s="506"/>
      <c r="V3" s="506"/>
      <c r="W3" s="506"/>
      <c r="X3" s="506"/>
      <c r="Y3" s="506"/>
      <c r="Z3" s="506"/>
      <c r="AA3" s="506"/>
      <c r="AB3" s="506"/>
      <c r="AC3" s="506"/>
      <c r="AD3" s="506"/>
      <c r="AE3" s="506"/>
      <c r="AF3" s="506"/>
      <c r="AG3" s="506"/>
      <c r="AH3" s="506"/>
      <c r="AI3" s="506"/>
      <c r="AJ3" s="506"/>
      <c r="AK3" s="506"/>
      <c r="AL3" s="506"/>
      <c r="AM3" s="506"/>
      <c r="AN3" s="506"/>
      <c r="AO3" s="506"/>
      <c r="AP3" s="506"/>
      <c r="AQ3" s="506"/>
      <c r="AR3" s="506"/>
      <c r="AS3" s="506"/>
      <c r="AT3" s="506"/>
      <c r="AU3" s="506"/>
      <c r="AV3" s="506"/>
      <c r="AW3" s="506"/>
      <c r="AX3" s="506"/>
      <c r="AY3" s="506"/>
      <c r="AZ3" s="506"/>
      <c r="BA3" s="506"/>
      <c r="BB3" s="506"/>
      <c r="BC3" s="506"/>
      <c r="BD3" s="506"/>
      <c r="BE3" s="506"/>
      <c r="BF3" s="506"/>
      <c r="BG3" s="506"/>
      <c r="BH3" s="506"/>
      <c r="BI3" s="506"/>
      <c r="BJ3" s="506"/>
      <c r="BK3" s="506"/>
      <c r="BL3" s="506"/>
      <c r="BM3" s="506"/>
      <c r="BN3" s="506"/>
      <c r="BO3" s="506"/>
      <c r="BP3" s="506"/>
      <c r="BQ3" s="506"/>
      <c r="BR3" s="506"/>
      <c r="BS3" s="506"/>
      <c r="BT3" s="506"/>
      <c r="BU3" s="506"/>
      <c r="BV3" s="506"/>
      <c r="BW3" s="506"/>
      <c r="BX3" s="506"/>
      <c r="BY3" s="506"/>
      <c r="BZ3" s="506"/>
      <c r="CA3" s="506"/>
      <c r="CB3" s="506"/>
      <c r="CC3" s="506"/>
      <c r="CD3" s="506"/>
      <c r="CE3" s="506"/>
      <c r="CF3" s="506"/>
      <c r="CG3" s="506"/>
      <c r="CH3" s="506"/>
      <c r="CI3" s="506"/>
      <c r="CJ3" s="506"/>
      <c r="CK3" s="506"/>
      <c r="CL3" s="506"/>
      <c r="CM3" s="506"/>
      <c r="CN3" s="506"/>
      <c r="CO3" s="506"/>
      <c r="CP3" s="506"/>
      <c r="CQ3" s="506"/>
      <c r="CR3" s="506"/>
      <c r="CS3" s="506"/>
      <c r="CT3" s="506"/>
      <c r="CU3" s="506"/>
      <c r="CV3" s="506"/>
      <c r="CW3" s="506"/>
      <c r="CX3" s="506"/>
      <c r="CY3" s="506"/>
      <c r="CZ3" s="506"/>
      <c r="DA3" s="506"/>
      <c r="DB3" s="506"/>
      <c r="DC3" s="506"/>
      <c r="DD3" s="506"/>
      <c r="DE3" s="506"/>
      <c r="DF3" s="506"/>
      <c r="DG3" s="507"/>
      <c r="DH3" s="754" t="s">
        <v>118</v>
      </c>
      <c r="DI3" s="755"/>
      <c r="DJ3" s="755"/>
      <c r="DK3" s="755"/>
      <c r="DL3" s="755"/>
      <c r="DM3" s="755"/>
      <c r="DN3" s="755"/>
      <c r="DO3" s="755"/>
      <c r="DP3" s="755"/>
      <c r="DQ3" s="755"/>
      <c r="DR3" s="755"/>
      <c r="DS3" s="755"/>
      <c r="DT3" s="755"/>
      <c r="DU3" s="755"/>
      <c r="DV3" s="755"/>
      <c r="DW3" s="755"/>
      <c r="DX3" s="755"/>
      <c r="DY3" s="755"/>
      <c r="DZ3" s="755"/>
      <c r="EA3" s="755"/>
      <c r="EB3" s="755"/>
      <c r="EC3" s="755"/>
      <c r="ED3" s="755"/>
      <c r="EE3" s="755"/>
      <c r="EF3" s="755"/>
      <c r="EG3" s="755"/>
      <c r="EH3" s="755"/>
      <c r="EI3" s="755"/>
      <c r="EJ3" s="755"/>
      <c r="EK3" s="755"/>
      <c r="EL3" s="755"/>
      <c r="EM3" s="755"/>
      <c r="EN3" s="755"/>
      <c r="EO3" s="755"/>
      <c r="EP3" s="755"/>
      <c r="EQ3" s="755"/>
      <c r="ER3" s="755"/>
      <c r="ES3" s="755"/>
      <c r="ET3" s="755"/>
      <c r="EU3" s="755"/>
      <c r="EV3" s="755"/>
      <c r="EW3" s="755"/>
      <c r="EX3" s="755"/>
      <c r="EY3" s="755"/>
      <c r="EZ3" s="755"/>
      <c r="FA3" s="755"/>
      <c r="FB3" s="755"/>
      <c r="FC3" s="755"/>
      <c r="FD3" s="755"/>
      <c r="FE3" s="755"/>
      <c r="FF3" s="755"/>
      <c r="FG3" s="755"/>
      <c r="FH3" s="755"/>
      <c r="FI3" s="755"/>
      <c r="FJ3" s="755"/>
      <c r="FK3" s="755"/>
      <c r="FL3" s="755"/>
      <c r="FM3" s="755"/>
      <c r="FN3" s="755"/>
      <c r="FO3" s="755"/>
      <c r="FP3" s="755"/>
      <c r="FQ3" s="755"/>
      <c r="FR3" s="755"/>
      <c r="FS3" s="755"/>
      <c r="FT3" s="755"/>
      <c r="FU3" s="755"/>
      <c r="FV3" s="755"/>
      <c r="FW3" s="755"/>
      <c r="FX3" s="755"/>
      <c r="FY3" s="755"/>
      <c r="FZ3" s="755"/>
      <c r="GA3" s="755"/>
      <c r="GB3" s="755"/>
      <c r="GC3" s="755"/>
      <c r="GD3" s="755"/>
      <c r="GE3" s="755"/>
      <c r="GF3" s="755"/>
      <c r="GG3" s="755"/>
      <c r="GH3" s="755"/>
      <c r="GI3" s="755"/>
      <c r="GJ3" s="755"/>
      <c r="GK3" s="755"/>
      <c r="GL3" s="755"/>
      <c r="GM3" s="755"/>
      <c r="GN3" s="755"/>
      <c r="GO3" s="755"/>
      <c r="GP3" s="755"/>
      <c r="GQ3" s="755"/>
      <c r="GR3" s="755"/>
      <c r="GS3" s="755"/>
      <c r="GT3" s="755"/>
      <c r="GU3" s="755"/>
      <c r="GV3" s="755"/>
      <c r="GW3" s="755"/>
      <c r="GX3" s="755"/>
      <c r="GY3" s="755"/>
      <c r="GZ3" s="755"/>
      <c r="HA3" s="755"/>
      <c r="HB3" s="755"/>
      <c r="HC3" s="755"/>
      <c r="HD3" s="755"/>
      <c r="HE3" s="755"/>
      <c r="HF3" s="755"/>
      <c r="HG3" s="755"/>
      <c r="HH3" s="755"/>
      <c r="HI3" s="755"/>
      <c r="HJ3" s="755"/>
      <c r="HK3" s="755"/>
      <c r="HL3" s="755"/>
      <c r="HM3" s="756"/>
      <c r="HN3" s="748" t="s">
        <v>60</v>
      </c>
      <c r="HO3" s="749"/>
      <c r="HP3" s="749"/>
      <c r="HQ3" s="749"/>
      <c r="HR3" s="749"/>
      <c r="HS3" s="749"/>
      <c r="HT3" s="749"/>
      <c r="HU3" s="749"/>
      <c r="HV3" s="749"/>
      <c r="HW3" s="749"/>
      <c r="HX3" s="750"/>
    </row>
    <row r="4" spans="1:232" ht="21" customHeight="1" thickBot="1" x14ac:dyDescent="0.25">
      <c r="A4" s="742"/>
      <c r="B4" s="729"/>
      <c r="C4" s="730"/>
      <c r="D4" s="730"/>
      <c r="E4" s="730"/>
      <c r="F4" s="730"/>
      <c r="G4" s="730"/>
      <c r="H4" s="730"/>
      <c r="I4" s="730"/>
      <c r="J4" s="730"/>
      <c r="K4" s="730"/>
      <c r="L4" s="757"/>
      <c r="M4" s="744" t="s">
        <v>57</v>
      </c>
      <c r="N4" s="745"/>
      <c r="O4" s="745"/>
      <c r="P4" s="745"/>
      <c r="Q4" s="745"/>
      <c r="R4" s="745"/>
      <c r="S4" s="745"/>
      <c r="T4" s="745"/>
      <c r="U4" s="745"/>
      <c r="V4" s="745"/>
      <c r="W4" s="746"/>
      <c r="X4" s="744" t="s">
        <v>58</v>
      </c>
      <c r="Y4" s="745"/>
      <c r="Z4" s="745"/>
      <c r="AA4" s="745"/>
      <c r="AB4" s="745"/>
      <c r="AC4" s="745"/>
      <c r="AD4" s="745"/>
      <c r="AE4" s="745"/>
      <c r="AF4" s="745"/>
      <c r="AG4" s="745"/>
      <c r="AH4" s="746"/>
      <c r="AI4" s="744" t="s">
        <v>59</v>
      </c>
      <c r="AJ4" s="745"/>
      <c r="AK4" s="745"/>
      <c r="AL4" s="745"/>
      <c r="AM4" s="745"/>
      <c r="AN4" s="745"/>
      <c r="AO4" s="745"/>
      <c r="AP4" s="745"/>
      <c r="AQ4" s="745"/>
      <c r="AR4" s="745"/>
      <c r="AS4" s="746"/>
      <c r="AT4" s="744" t="s">
        <v>150</v>
      </c>
      <c r="AU4" s="745"/>
      <c r="AV4" s="745"/>
      <c r="AW4" s="745"/>
      <c r="AX4" s="745"/>
      <c r="AY4" s="745"/>
      <c r="AZ4" s="745"/>
      <c r="BA4" s="745"/>
      <c r="BB4" s="745"/>
      <c r="BC4" s="745"/>
      <c r="BD4" s="746"/>
      <c r="BE4" s="744" t="s">
        <v>117</v>
      </c>
      <c r="BF4" s="745"/>
      <c r="BG4" s="745"/>
      <c r="BH4" s="745"/>
      <c r="BI4" s="745"/>
      <c r="BJ4" s="745"/>
      <c r="BK4" s="745"/>
      <c r="BL4" s="745"/>
      <c r="BM4" s="745"/>
      <c r="BN4" s="745"/>
      <c r="BO4" s="746"/>
      <c r="BP4" s="744" t="s">
        <v>77</v>
      </c>
      <c r="BQ4" s="745"/>
      <c r="BR4" s="745"/>
      <c r="BS4" s="745"/>
      <c r="BT4" s="745"/>
      <c r="BU4" s="745"/>
      <c r="BV4" s="745"/>
      <c r="BW4" s="745"/>
      <c r="BX4" s="745"/>
      <c r="BY4" s="745"/>
      <c r="BZ4" s="746"/>
      <c r="CA4" s="744" t="s">
        <v>78</v>
      </c>
      <c r="CB4" s="745"/>
      <c r="CC4" s="745"/>
      <c r="CD4" s="745"/>
      <c r="CE4" s="745"/>
      <c r="CF4" s="745"/>
      <c r="CG4" s="745"/>
      <c r="CH4" s="745"/>
      <c r="CI4" s="745"/>
      <c r="CJ4" s="745"/>
      <c r="CK4" s="746"/>
      <c r="CL4" s="744" t="s">
        <v>79</v>
      </c>
      <c r="CM4" s="745"/>
      <c r="CN4" s="745"/>
      <c r="CO4" s="745"/>
      <c r="CP4" s="745"/>
      <c r="CQ4" s="745"/>
      <c r="CR4" s="745"/>
      <c r="CS4" s="745"/>
      <c r="CT4" s="745"/>
      <c r="CU4" s="745"/>
      <c r="CV4" s="746"/>
      <c r="CW4" s="744" t="s">
        <v>151</v>
      </c>
      <c r="CX4" s="745"/>
      <c r="CY4" s="745"/>
      <c r="CZ4" s="745"/>
      <c r="DA4" s="745"/>
      <c r="DB4" s="745"/>
      <c r="DC4" s="745"/>
      <c r="DD4" s="745"/>
      <c r="DE4" s="745"/>
      <c r="DF4" s="745"/>
      <c r="DG4" s="746"/>
      <c r="DH4" s="729"/>
      <c r="DI4" s="730"/>
      <c r="DJ4" s="730"/>
      <c r="DK4" s="730"/>
      <c r="DL4" s="730"/>
      <c r="DM4" s="730"/>
      <c r="DN4" s="730"/>
      <c r="DO4" s="730"/>
      <c r="DP4" s="730"/>
      <c r="DQ4" s="730"/>
      <c r="DR4" s="731"/>
      <c r="DS4" s="744" t="s">
        <v>57</v>
      </c>
      <c r="DT4" s="745"/>
      <c r="DU4" s="745"/>
      <c r="DV4" s="745"/>
      <c r="DW4" s="745"/>
      <c r="DX4" s="745"/>
      <c r="DY4" s="745"/>
      <c r="DZ4" s="745"/>
      <c r="EA4" s="745"/>
      <c r="EB4" s="745"/>
      <c r="EC4" s="746"/>
      <c r="ED4" s="744" t="s">
        <v>58</v>
      </c>
      <c r="EE4" s="745"/>
      <c r="EF4" s="745"/>
      <c r="EG4" s="745"/>
      <c r="EH4" s="745"/>
      <c r="EI4" s="745"/>
      <c r="EJ4" s="745"/>
      <c r="EK4" s="745"/>
      <c r="EL4" s="745"/>
      <c r="EM4" s="745"/>
      <c r="EN4" s="746"/>
      <c r="EO4" s="744" t="s">
        <v>59</v>
      </c>
      <c r="EP4" s="745"/>
      <c r="EQ4" s="745"/>
      <c r="ER4" s="745"/>
      <c r="ES4" s="745"/>
      <c r="ET4" s="745"/>
      <c r="EU4" s="745"/>
      <c r="EV4" s="745"/>
      <c r="EW4" s="745"/>
      <c r="EX4" s="745"/>
      <c r="EY4" s="746"/>
      <c r="EZ4" s="744" t="s">
        <v>150</v>
      </c>
      <c r="FA4" s="745"/>
      <c r="FB4" s="745"/>
      <c r="FC4" s="745"/>
      <c r="FD4" s="745"/>
      <c r="FE4" s="745"/>
      <c r="FF4" s="745"/>
      <c r="FG4" s="745"/>
      <c r="FH4" s="745"/>
      <c r="FI4" s="745"/>
      <c r="FJ4" s="746"/>
      <c r="FK4" s="744" t="s">
        <v>117</v>
      </c>
      <c r="FL4" s="745"/>
      <c r="FM4" s="745"/>
      <c r="FN4" s="745"/>
      <c r="FO4" s="745"/>
      <c r="FP4" s="745"/>
      <c r="FQ4" s="745"/>
      <c r="FR4" s="745"/>
      <c r="FS4" s="745"/>
      <c r="FT4" s="745"/>
      <c r="FU4" s="746"/>
      <c r="FV4" s="744" t="s">
        <v>77</v>
      </c>
      <c r="FW4" s="745"/>
      <c r="FX4" s="745"/>
      <c r="FY4" s="745"/>
      <c r="FZ4" s="745"/>
      <c r="GA4" s="745"/>
      <c r="GB4" s="745"/>
      <c r="GC4" s="745"/>
      <c r="GD4" s="745"/>
      <c r="GE4" s="745"/>
      <c r="GF4" s="746"/>
      <c r="GG4" s="744" t="s">
        <v>78</v>
      </c>
      <c r="GH4" s="745"/>
      <c r="GI4" s="745"/>
      <c r="GJ4" s="745"/>
      <c r="GK4" s="745"/>
      <c r="GL4" s="745"/>
      <c r="GM4" s="745"/>
      <c r="GN4" s="745"/>
      <c r="GO4" s="745"/>
      <c r="GP4" s="745"/>
      <c r="GQ4" s="746"/>
      <c r="GR4" s="744" t="s">
        <v>79</v>
      </c>
      <c r="GS4" s="745"/>
      <c r="GT4" s="745"/>
      <c r="GU4" s="745"/>
      <c r="GV4" s="745"/>
      <c r="GW4" s="745"/>
      <c r="GX4" s="745"/>
      <c r="GY4" s="745"/>
      <c r="GZ4" s="745"/>
      <c r="HA4" s="745"/>
      <c r="HB4" s="746"/>
      <c r="HC4" s="744" t="s">
        <v>151</v>
      </c>
      <c r="HD4" s="745"/>
      <c r="HE4" s="745"/>
      <c r="HF4" s="745"/>
      <c r="HG4" s="745"/>
      <c r="HH4" s="745"/>
      <c r="HI4" s="745"/>
      <c r="HJ4" s="745"/>
      <c r="HK4" s="745"/>
      <c r="HL4" s="745"/>
      <c r="HM4" s="746"/>
      <c r="HN4" s="751"/>
      <c r="HO4" s="752"/>
      <c r="HP4" s="752"/>
      <c r="HQ4" s="752"/>
      <c r="HR4" s="752"/>
      <c r="HS4" s="752"/>
      <c r="HT4" s="752"/>
      <c r="HU4" s="752"/>
      <c r="HV4" s="752"/>
      <c r="HW4" s="752"/>
      <c r="HX4" s="753"/>
    </row>
    <row r="5" spans="1:232" ht="21" customHeight="1" x14ac:dyDescent="0.2">
      <c r="A5" s="742"/>
      <c r="B5" s="734" t="s">
        <v>61</v>
      </c>
      <c r="C5" s="735"/>
      <c r="D5" s="736"/>
      <c r="E5" s="737" t="s">
        <v>62</v>
      </c>
      <c r="F5" s="735"/>
      <c r="G5" s="735"/>
      <c r="H5" s="735"/>
      <c r="I5" s="735"/>
      <c r="J5" s="735"/>
      <c r="K5" s="738"/>
      <c r="L5" s="747" t="s">
        <v>52</v>
      </c>
      <c r="M5" s="729" t="s">
        <v>61</v>
      </c>
      <c r="N5" s="730"/>
      <c r="O5" s="731"/>
      <c r="P5" s="732" t="s">
        <v>62</v>
      </c>
      <c r="Q5" s="730"/>
      <c r="R5" s="730"/>
      <c r="S5" s="730"/>
      <c r="T5" s="730"/>
      <c r="U5" s="730"/>
      <c r="V5" s="733"/>
      <c r="W5" s="629" t="s">
        <v>52</v>
      </c>
      <c r="X5" s="729" t="s">
        <v>61</v>
      </c>
      <c r="Y5" s="730"/>
      <c r="Z5" s="731"/>
      <c r="AA5" s="732" t="s">
        <v>62</v>
      </c>
      <c r="AB5" s="730"/>
      <c r="AC5" s="730"/>
      <c r="AD5" s="730"/>
      <c r="AE5" s="730"/>
      <c r="AF5" s="730"/>
      <c r="AG5" s="733"/>
      <c r="AH5" s="629" t="s">
        <v>52</v>
      </c>
      <c r="AI5" s="729" t="s">
        <v>61</v>
      </c>
      <c r="AJ5" s="730"/>
      <c r="AK5" s="731"/>
      <c r="AL5" s="732" t="s">
        <v>62</v>
      </c>
      <c r="AM5" s="730"/>
      <c r="AN5" s="730"/>
      <c r="AO5" s="730"/>
      <c r="AP5" s="730"/>
      <c r="AQ5" s="730"/>
      <c r="AR5" s="733"/>
      <c r="AS5" s="629" t="s">
        <v>52</v>
      </c>
      <c r="AT5" s="729" t="s">
        <v>61</v>
      </c>
      <c r="AU5" s="730"/>
      <c r="AV5" s="731"/>
      <c r="AW5" s="732" t="s">
        <v>62</v>
      </c>
      <c r="AX5" s="730"/>
      <c r="AY5" s="730"/>
      <c r="AZ5" s="730"/>
      <c r="BA5" s="730"/>
      <c r="BB5" s="730"/>
      <c r="BC5" s="733"/>
      <c r="BD5" s="629" t="s">
        <v>52</v>
      </c>
      <c r="BE5" s="729" t="s">
        <v>61</v>
      </c>
      <c r="BF5" s="730"/>
      <c r="BG5" s="731"/>
      <c r="BH5" s="732" t="s">
        <v>62</v>
      </c>
      <c r="BI5" s="730"/>
      <c r="BJ5" s="730"/>
      <c r="BK5" s="730"/>
      <c r="BL5" s="730"/>
      <c r="BM5" s="730"/>
      <c r="BN5" s="733"/>
      <c r="BO5" s="629" t="s">
        <v>52</v>
      </c>
      <c r="BP5" s="729" t="s">
        <v>61</v>
      </c>
      <c r="BQ5" s="730"/>
      <c r="BR5" s="731"/>
      <c r="BS5" s="732" t="s">
        <v>62</v>
      </c>
      <c r="BT5" s="730"/>
      <c r="BU5" s="730"/>
      <c r="BV5" s="730"/>
      <c r="BW5" s="730"/>
      <c r="BX5" s="730"/>
      <c r="BY5" s="733"/>
      <c r="BZ5" s="629" t="s">
        <v>52</v>
      </c>
      <c r="CA5" s="729" t="s">
        <v>61</v>
      </c>
      <c r="CB5" s="730"/>
      <c r="CC5" s="731"/>
      <c r="CD5" s="732" t="s">
        <v>62</v>
      </c>
      <c r="CE5" s="730"/>
      <c r="CF5" s="730"/>
      <c r="CG5" s="730"/>
      <c r="CH5" s="730"/>
      <c r="CI5" s="730"/>
      <c r="CJ5" s="733"/>
      <c r="CK5" s="629" t="s">
        <v>52</v>
      </c>
      <c r="CL5" s="729" t="s">
        <v>61</v>
      </c>
      <c r="CM5" s="730"/>
      <c r="CN5" s="731"/>
      <c r="CO5" s="732" t="s">
        <v>62</v>
      </c>
      <c r="CP5" s="730"/>
      <c r="CQ5" s="730"/>
      <c r="CR5" s="730"/>
      <c r="CS5" s="730"/>
      <c r="CT5" s="730"/>
      <c r="CU5" s="733"/>
      <c r="CV5" s="629" t="s">
        <v>52</v>
      </c>
      <c r="CW5" s="729" t="s">
        <v>61</v>
      </c>
      <c r="CX5" s="730"/>
      <c r="CY5" s="731"/>
      <c r="CZ5" s="732" t="s">
        <v>62</v>
      </c>
      <c r="DA5" s="730"/>
      <c r="DB5" s="730"/>
      <c r="DC5" s="730"/>
      <c r="DD5" s="730"/>
      <c r="DE5" s="730"/>
      <c r="DF5" s="733"/>
      <c r="DG5" s="629" t="s">
        <v>52</v>
      </c>
      <c r="DH5" s="734" t="s">
        <v>61</v>
      </c>
      <c r="DI5" s="735"/>
      <c r="DJ5" s="736"/>
      <c r="DK5" s="737" t="s">
        <v>62</v>
      </c>
      <c r="DL5" s="735"/>
      <c r="DM5" s="735"/>
      <c r="DN5" s="735"/>
      <c r="DO5" s="735"/>
      <c r="DP5" s="735"/>
      <c r="DQ5" s="738"/>
      <c r="DR5" s="739" t="s">
        <v>52</v>
      </c>
      <c r="DS5" s="729" t="s">
        <v>61</v>
      </c>
      <c r="DT5" s="730"/>
      <c r="DU5" s="731"/>
      <c r="DV5" s="732" t="s">
        <v>62</v>
      </c>
      <c r="DW5" s="730"/>
      <c r="DX5" s="730"/>
      <c r="DY5" s="730"/>
      <c r="DZ5" s="730"/>
      <c r="EA5" s="730"/>
      <c r="EB5" s="733"/>
      <c r="EC5" s="629" t="s">
        <v>52</v>
      </c>
      <c r="ED5" s="729" t="s">
        <v>61</v>
      </c>
      <c r="EE5" s="730"/>
      <c r="EF5" s="731"/>
      <c r="EG5" s="732" t="s">
        <v>62</v>
      </c>
      <c r="EH5" s="730"/>
      <c r="EI5" s="730"/>
      <c r="EJ5" s="730"/>
      <c r="EK5" s="730"/>
      <c r="EL5" s="730"/>
      <c r="EM5" s="733"/>
      <c r="EN5" s="629" t="s">
        <v>52</v>
      </c>
      <c r="EO5" s="729" t="s">
        <v>61</v>
      </c>
      <c r="EP5" s="730"/>
      <c r="EQ5" s="731"/>
      <c r="ER5" s="732" t="s">
        <v>62</v>
      </c>
      <c r="ES5" s="730"/>
      <c r="ET5" s="730"/>
      <c r="EU5" s="730"/>
      <c r="EV5" s="730"/>
      <c r="EW5" s="730"/>
      <c r="EX5" s="733"/>
      <c r="EY5" s="629" t="s">
        <v>52</v>
      </c>
      <c r="EZ5" s="729" t="s">
        <v>61</v>
      </c>
      <c r="FA5" s="730"/>
      <c r="FB5" s="731"/>
      <c r="FC5" s="732" t="s">
        <v>62</v>
      </c>
      <c r="FD5" s="730"/>
      <c r="FE5" s="730"/>
      <c r="FF5" s="730"/>
      <c r="FG5" s="730"/>
      <c r="FH5" s="730"/>
      <c r="FI5" s="733"/>
      <c r="FJ5" s="629" t="s">
        <v>52</v>
      </c>
      <c r="FK5" s="729" t="s">
        <v>61</v>
      </c>
      <c r="FL5" s="730"/>
      <c r="FM5" s="731"/>
      <c r="FN5" s="732" t="s">
        <v>62</v>
      </c>
      <c r="FO5" s="730"/>
      <c r="FP5" s="730"/>
      <c r="FQ5" s="730"/>
      <c r="FR5" s="730"/>
      <c r="FS5" s="730"/>
      <c r="FT5" s="733"/>
      <c r="FU5" s="629" t="s">
        <v>52</v>
      </c>
      <c r="FV5" s="729" t="s">
        <v>61</v>
      </c>
      <c r="FW5" s="730"/>
      <c r="FX5" s="731"/>
      <c r="FY5" s="732" t="s">
        <v>62</v>
      </c>
      <c r="FZ5" s="730"/>
      <c r="GA5" s="730"/>
      <c r="GB5" s="730"/>
      <c r="GC5" s="730"/>
      <c r="GD5" s="730"/>
      <c r="GE5" s="733"/>
      <c r="GF5" s="629" t="s">
        <v>52</v>
      </c>
      <c r="GG5" s="729" t="s">
        <v>61</v>
      </c>
      <c r="GH5" s="730"/>
      <c r="GI5" s="731"/>
      <c r="GJ5" s="732" t="s">
        <v>62</v>
      </c>
      <c r="GK5" s="730"/>
      <c r="GL5" s="730"/>
      <c r="GM5" s="730"/>
      <c r="GN5" s="730"/>
      <c r="GO5" s="730"/>
      <c r="GP5" s="733"/>
      <c r="GQ5" s="629" t="s">
        <v>52</v>
      </c>
      <c r="GR5" s="729" t="s">
        <v>61</v>
      </c>
      <c r="GS5" s="730"/>
      <c r="GT5" s="731"/>
      <c r="GU5" s="732" t="s">
        <v>62</v>
      </c>
      <c r="GV5" s="730"/>
      <c r="GW5" s="730"/>
      <c r="GX5" s="730"/>
      <c r="GY5" s="730"/>
      <c r="GZ5" s="730"/>
      <c r="HA5" s="733"/>
      <c r="HB5" s="629" t="s">
        <v>52</v>
      </c>
      <c r="HC5" s="729" t="s">
        <v>61</v>
      </c>
      <c r="HD5" s="730"/>
      <c r="HE5" s="731"/>
      <c r="HF5" s="732" t="s">
        <v>62</v>
      </c>
      <c r="HG5" s="730"/>
      <c r="HH5" s="730"/>
      <c r="HI5" s="730"/>
      <c r="HJ5" s="730"/>
      <c r="HK5" s="730"/>
      <c r="HL5" s="733"/>
      <c r="HM5" s="629" t="s">
        <v>52</v>
      </c>
      <c r="HN5" s="729" t="s">
        <v>61</v>
      </c>
      <c r="HO5" s="730"/>
      <c r="HP5" s="731"/>
      <c r="HQ5" s="732" t="s">
        <v>62</v>
      </c>
      <c r="HR5" s="730"/>
      <c r="HS5" s="730"/>
      <c r="HT5" s="730"/>
      <c r="HU5" s="730"/>
      <c r="HV5" s="730"/>
      <c r="HW5" s="733"/>
      <c r="HX5" s="629" t="s">
        <v>52</v>
      </c>
    </row>
    <row r="6" spans="1:232" ht="30" customHeight="1" thickBot="1" x14ac:dyDescent="0.25">
      <c r="A6" s="743"/>
      <c r="B6" s="369" t="s">
        <v>119</v>
      </c>
      <c r="C6" s="370" t="s">
        <v>44</v>
      </c>
      <c r="D6" s="377" t="s">
        <v>45</v>
      </c>
      <c r="E6" s="378" t="s">
        <v>83</v>
      </c>
      <c r="F6" s="370" t="s">
        <v>47</v>
      </c>
      <c r="G6" s="370" t="s">
        <v>48</v>
      </c>
      <c r="H6" s="370" t="s">
        <v>49</v>
      </c>
      <c r="I6" s="370" t="s">
        <v>50</v>
      </c>
      <c r="J6" s="370" t="s">
        <v>51</v>
      </c>
      <c r="K6" s="379" t="s">
        <v>45</v>
      </c>
      <c r="L6" s="728"/>
      <c r="M6" s="369" t="s">
        <v>119</v>
      </c>
      <c r="N6" s="370" t="s">
        <v>44</v>
      </c>
      <c r="O6" s="377" t="s">
        <v>45</v>
      </c>
      <c r="P6" s="378" t="s">
        <v>83</v>
      </c>
      <c r="Q6" s="370" t="s">
        <v>47</v>
      </c>
      <c r="R6" s="370" t="s">
        <v>48</v>
      </c>
      <c r="S6" s="370" t="s">
        <v>49</v>
      </c>
      <c r="T6" s="370" t="s">
        <v>50</v>
      </c>
      <c r="U6" s="370" t="s">
        <v>51</v>
      </c>
      <c r="V6" s="379" t="s">
        <v>45</v>
      </c>
      <c r="W6" s="728"/>
      <c r="X6" s="369" t="s">
        <v>119</v>
      </c>
      <c r="Y6" s="370" t="s">
        <v>44</v>
      </c>
      <c r="Z6" s="377" t="s">
        <v>45</v>
      </c>
      <c r="AA6" s="378" t="s">
        <v>83</v>
      </c>
      <c r="AB6" s="370" t="s">
        <v>47</v>
      </c>
      <c r="AC6" s="370" t="s">
        <v>48</v>
      </c>
      <c r="AD6" s="370" t="s">
        <v>49</v>
      </c>
      <c r="AE6" s="370" t="s">
        <v>50</v>
      </c>
      <c r="AF6" s="370" t="s">
        <v>51</v>
      </c>
      <c r="AG6" s="379" t="s">
        <v>45</v>
      </c>
      <c r="AH6" s="728"/>
      <c r="AI6" s="369" t="s">
        <v>119</v>
      </c>
      <c r="AJ6" s="370" t="s">
        <v>44</v>
      </c>
      <c r="AK6" s="377" t="s">
        <v>45</v>
      </c>
      <c r="AL6" s="378" t="s">
        <v>83</v>
      </c>
      <c r="AM6" s="370" t="s">
        <v>47</v>
      </c>
      <c r="AN6" s="370" t="s">
        <v>48</v>
      </c>
      <c r="AO6" s="370" t="s">
        <v>49</v>
      </c>
      <c r="AP6" s="370" t="s">
        <v>50</v>
      </c>
      <c r="AQ6" s="370" t="s">
        <v>51</v>
      </c>
      <c r="AR6" s="379" t="s">
        <v>45</v>
      </c>
      <c r="AS6" s="728"/>
      <c r="AT6" s="369" t="s">
        <v>119</v>
      </c>
      <c r="AU6" s="370" t="s">
        <v>44</v>
      </c>
      <c r="AV6" s="377" t="s">
        <v>45</v>
      </c>
      <c r="AW6" s="378" t="s">
        <v>83</v>
      </c>
      <c r="AX6" s="370" t="s">
        <v>47</v>
      </c>
      <c r="AY6" s="370" t="s">
        <v>48</v>
      </c>
      <c r="AZ6" s="370" t="s">
        <v>49</v>
      </c>
      <c r="BA6" s="370" t="s">
        <v>50</v>
      </c>
      <c r="BB6" s="370" t="s">
        <v>51</v>
      </c>
      <c r="BC6" s="379" t="s">
        <v>45</v>
      </c>
      <c r="BD6" s="728"/>
      <c r="BE6" s="369" t="s">
        <v>119</v>
      </c>
      <c r="BF6" s="370" t="s">
        <v>44</v>
      </c>
      <c r="BG6" s="377" t="s">
        <v>45</v>
      </c>
      <c r="BH6" s="378" t="s">
        <v>83</v>
      </c>
      <c r="BI6" s="370" t="s">
        <v>47</v>
      </c>
      <c r="BJ6" s="370" t="s">
        <v>48</v>
      </c>
      <c r="BK6" s="370" t="s">
        <v>49</v>
      </c>
      <c r="BL6" s="370" t="s">
        <v>50</v>
      </c>
      <c r="BM6" s="370" t="s">
        <v>51</v>
      </c>
      <c r="BN6" s="379" t="s">
        <v>45</v>
      </c>
      <c r="BO6" s="728"/>
      <c r="BP6" s="369" t="s">
        <v>119</v>
      </c>
      <c r="BQ6" s="370" t="s">
        <v>44</v>
      </c>
      <c r="BR6" s="377" t="s">
        <v>45</v>
      </c>
      <c r="BS6" s="378" t="s">
        <v>83</v>
      </c>
      <c r="BT6" s="370" t="s">
        <v>47</v>
      </c>
      <c r="BU6" s="370" t="s">
        <v>48</v>
      </c>
      <c r="BV6" s="370" t="s">
        <v>49</v>
      </c>
      <c r="BW6" s="370" t="s">
        <v>50</v>
      </c>
      <c r="BX6" s="370" t="s">
        <v>51</v>
      </c>
      <c r="BY6" s="379" t="s">
        <v>45</v>
      </c>
      <c r="BZ6" s="728"/>
      <c r="CA6" s="369" t="s">
        <v>119</v>
      </c>
      <c r="CB6" s="370" t="s">
        <v>44</v>
      </c>
      <c r="CC6" s="377" t="s">
        <v>45</v>
      </c>
      <c r="CD6" s="378" t="s">
        <v>83</v>
      </c>
      <c r="CE6" s="370" t="s">
        <v>47</v>
      </c>
      <c r="CF6" s="370" t="s">
        <v>48</v>
      </c>
      <c r="CG6" s="370" t="s">
        <v>49</v>
      </c>
      <c r="CH6" s="370" t="s">
        <v>50</v>
      </c>
      <c r="CI6" s="370" t="s">
        <v>51</v>
      </c>
      <c r="CJ6" s="379" t="s">
        <v>45</v>
      </c>
      <c r="CK6" s="728"/>
      <c r="CL6" s="369" t="s">
        <v>119</v>
      </c>
      <c r="CM6" s="370" t="s">
        <v>44</v>
      </c>
      <c r="CN6" s="377" t="s">
        <v>45</v>
      </c>
      <c r="CO6" s="378" t="s">
        <v>83</v>
      </c>
      <c r="CP6" s="370" t="s">
        <v>47</v>
      </c>
      <c r="CQ6" s="370" t="s">
        <v>48</v>
      </c>
      <c r="CR6" s="370" t="s">
        <v>49</v>
      </c>
      <c r="CS6" s="370" t="s">
        <v>50</v>
      </c>
      <c r="CT6" s="370" t="s">
        <v>51</v>
      </c>
      <c r="CU6" s="379" t="s">
        <v>45</v>
      </c>
      <c r="CV6" s="728"/>
      <c r="CW6" s="369" t="s">
        <v>119</v>
      </c>
      <c r="CX6" s="370" t="s">
        <v>44</v>
      </c>
      <c r="CY6" s="377" t="s">
        <v>45</v>
      </c>
      <c r="CZ6" s="378" t="s">
        <v>83</v>
      </c>
      <c r="DA6" s="370" t="s">
        <v>47</v>
      </c>
      <c r="DB6" s="370" t="s">
        <v>48</v>
      </c>
      <c r="DC6" s="370" t="s">
        <v>49</v>
      </c>
      <c r="DD6" s="370" t="s">
        <v>50</v>
      </c>
      <c r="DE6" s="370" t="s">
        <v>51</v>
      </c>
      <c r="DF6" s="379" t="s">
        <v>45</v>
      </c>
      <c r="DG6" s="728"/>
      <c r="DH6" s="369" t="s">
        <v>119</v>
      </c>
      <c r="DI6" s="370" t="s">
        <v>44</v>
      </c>
      <c r="DJ6" s="377" t="s">
        <v>45</v>
      </c>
      <c r="DK6" s="378" t="s">
        <v>83</v>
      </c>
      <c r="DL6" s="370" t="s">
        <v>47</v>
      </c>
      <c r="DM6" s="370" t="s">
        <v>48</v>
      </c>
      <c r="DN6" s="370" t="s">
        <v>49</v>
      </c>
      <c r="DO6" s="370" t="s">
        <v>50</v>
      </c>
      <c r="DP6" s="370" t="s">
        <v>51</v>
      </c>
      <c r="DQ6" s="379" t="s">
        <v>45</v>
      </c>
      <c r="DR6" s="740"/>
      <c r="DS6" s="369" t="s">
        <v>119</v>
      </c>
      <c r="DT6" s="370" t="s">
        <v>44</v>
      </c>
      <c r="DU6" s="377" t="s">
        <v>45</v>
      </c>
      <c r="DV6" s="378" t="s">
        <v>83</v>
      </c>
      <c r="DW6" s="370" t="s">
        <v>47</v>
      </c>
      <c r="DX6" s="370" t="s">
        <v>48</v>
      </c>
      <c r="DY6" s="370" t="s">
        <v>49</v>
      </c>
      <c r="DZ6" s="370" t="s">
        <v>50</v>
      </c>
      <c r="EA6" s="370" t="s">
        <v>51</v>
      </c>
      <c r="EB6" s="379" t="s">
        <v>45</v>
      </c>
      <c r="EC6" s="728"/>
      <c r="ED6" s="369" t="s">
        <v>119</v>
      </c>
      <c r="EE6" s="370" t="s">
        <v>44</v>
      </c>
      <c r="EF6" s="377" t="s">
        <v>45</v>
      </c>
      <c r="EG6" s="378" t="s">
        <v>83</v>
      </c>
      <c r="EH6" s="370" t="s">
        <v>47</v>
      </c>
      <c r="EI6" s="370" t="s">
        <v>48</v>
      </c>
      <c r="EJ6" s="370" t="s">
        <v>49</v>
      </c>
      <c r="EK6" s="370" t="s">
        <v>50</v>
      </c>
      <c r="EL6" s="370" t="s">
        <v>51</v>
      </c>
      <c r="EM6" s="379" t="s">
        <v>45</v>
      </c>
      <c r="EN6" s="728"/>
      <c r="EO6" s="369" t="s">
        <v>119</v>
      </c>
      <c r="EP6" s="370" t="s">
        <v>44</v>
      </c>
      <c r="EQ6" s="377" t="s">
        <v>45</v>
      </c>
      <c r="ER6" s="378" t="s">
        <v>83</v>
      </c>
      <c r="ES6" s="370" t="s">
        <v>47</v>
      </c>
      <c r="ET6" s="370" t="s">
        <v>48</v>
      </c>
      <c r="EU6" s="370" t="s">
        <v>49</v>
      </c>
      <c r="EV6" s="370" t="s">
        <v>50</v>
      </c>
      <c r="EW6" s="370" t="s">
        <v>51</v>
      </c>
      <c r="EX6" s="379" t="s">
        <v>45</v>
      </c>
      <c r="EY6" s="728"/>
      <c r="EZ6" s="369" t="s">
        <v>119</v>
      </c>
      <c r="FA6" s="370" t="s">
        <v>44</v>
      </c>
      <c r="FB6" s="377" t="s">
        <v>45</v>
      </c>
      <c r="FC6" s="378" t="s">
        <v>83</v>
      </c>
      <c r="FD6" s="370" t="s">
        <v>47</v>
      </c>
      <c r="FE6" s="370" t="s">
        <v>48</v>
      </c>
      <c r="FF6" s="370" t="s">
        <v>49</v>
      </c>
      <c r="FG6" s="370" t="s">
        <v>50</v>
      </c>
      <c r="FH6" s="370" t="s">
        <v>51</v>
      </c>
      <c r="FI6" s="379" t="s">
        <v>45</v>
      </c>
      <c r="FJ6" s="728"/>
      <c r="FK6" s="369" t="s">
        <v>119</v>
      </c>
      <c r="FL6" s="370" t="s">
        <v>44</v>
      </c>
      <c r="FM6" s="377" t="s">
        <v>45</v>
      </c>
      <c r="FN6" s="378" t="s">
        <v>83</v>
      </c>
      <c r="FO6" s="370" t="s">
        <v>47</v>
      </c>
      <c r="FP6" s="370" t="s">
        <v>48</v>
      </c>
      <c r="FQ6" s="370" t="s">
        <v>49</v>
      </c>
      <c r="FR6" s="370" t="s">
        <v>50</v>
      </c>
      <c r="FS6" s="370" t="s">
        <v>51</v>
      </c>
      <c r="FT6" s="379" t="s">
        <v>45</v>
      </c>
      <c r="FU6" s="728"/>
      <c r="FV6" s="369" t="s">
        <v>119</v>
      </c>
      <c r="FW6" s="370" t="s">
        <v>44</v>
      </c>
      <c r="FX6" s="377" t="s">
        <v>45</v>
      </c>
      <c r="FY6" s="378" t="s">
        <v>83</v>
      </c>
      <c r="FZ6" s="370" t="s">
        <v>47</v>
      </c>
      <c r="GA6" s="370" t="s">
        <v>48</v>
      </c>
      <c r="GB6" s="370" t="s">
        <v>49</v>
      </c>
      <c r="GC6" s="370" t="s">
        <v>50</v>
      </c>
      <c r="GD6" s="370" t="s">
        <v>51</v>
      </c>
      <c r="GE6" s="379" t="s">
        <v>45</v>
      </c>
      <c r="GF6" s="728"/>
      <c r="GG6" s="369" t="s">
        <v>119</v>
      </c>
      <c r="GH6" s="370" t="s">
        <v>44</v>
      </c>
      <c r="GI6" s="377" t="s">
        <v>45</v>
      </c>
      <c r="GJ6" s="378" t="s">
        <v>83</v>
      </c>
      <c r="GK6" s="370" t="s">
        <v>47</v>
      </c>
      <c r="GL6" s="370" t="s">
        <v>48</v>
      </c>
      <c r="GM6" s="370" t="s">
        <v>49</v>
      </c>
      <c r="GN6" s="370" t="s">
        <v>50</v>
      </c>
      <c r="GO6" s="370" t="s">
        <v>51</v>
      </c>
      <c r="GP6" s="379" t="s">
        <v>45</v>
      </c>
      <c r="GQ6" s="728"/>
      <c r="GR6" s="369" t="s">
        <v>119</v>
      </c>
      <c r="GS6" s="370" t="s">
        <v>44</v>
      </c>
      <c r="GT6" s="377" t="s">
        <v>45</v>
      </c>
      <c r="GU6" s="378" t="s">
        <v>83</v>
      </c>
      <c r="GV6" s="370" t="s">
        <v>47</v>
      </c>
      <c r="GW6" s="370" t="s">
        <v>48</v>
      </c>
      <c r="GX6" s="370" t="s">
        <v>49</v>
      </c>
      <c r="GY6" s="370" t="s">
        <v>50</v>
      </c>
      <c r="GZ6" s="370" t="s">
        <v>51</v>
      </c>
      <c r="HA6" s="379" t="s">
        <v>45</v>
      </c>
      <c r="HB6" s="728"/>
      <c r="HC6" s="369" t="s">
        <v>119</v>
      </c>
      <c r="HD6" s="370" t="s">
        <v>44</v>
      </c>
      <c r="HE6" s="377" t="s">
        <v>45</v>
      </c>
      <c r="HF6" s="378" t="s">
        <v>83</v>
      </c>
      <c r="HG6" s="370" t="s">
        <v>47</v>
      </c>
      <c r="HH6" s="370" t="s">
        <v>48</v>
      </c>
      <c r="HI6" s="370" t="s">
        <v>49</v>
      </c>
      <c r="HJ6" s="370" t="s">
        <v>50</v>
      </c>
      <c r="HK6" s="370" t="s">
        <v>51</v>
      </c>
      <c r="HL6" s="379" t="s">
        <v>45</v>
      </c>
      <c r="HM6" s="728"/>
      <c r="HN6" s="369" t="s">
        <v>119</v>
      </c>
      <c r="HO6" s="370" t="s">
        <v>44</v>
      </c>
      <c r="HP6" s="377" t="s">
        <v>45</v>
      </c>
      <c r="HQ6" s="378" t="s">
        <v>83</v>
      </c>
      <c r="HR6" s="370" t="s">
        <v>47</v>
      </c>
      <c r="HS6" s="370" t="s">
        <v>48</v>
      </c>
      <c r="HT6" s="370" t="s">
        <v>49</v>
      </c>
      <c r="HU6" s="370" t="s">
        <v>50</v>
      </c>
      <c r="HV6" s="370" t="s">
        <v>51</v>
      </c>
      <c r="HW6" s="379" t="s">
        <v>45</v>
      </c>
      <c r="HX6" s="728"/>
    </row>
    <row r="7" spans="1:232" s="487" customFormat="1" ht="21" customHeight="1" x14ac:dyDescent="0.2">
      <c r="A7" s="500" t="s">
        <v>4</v>
      </c>
      <c r="B7" s="479">
        <v>11280</v>
      </c>
      <c r="C7" s="480">
        <v>96430</v>
      </c>
      <c r="D7" s="481">
        <v>107710</v>
      </c>
      <c r="E7" s="482">
        <v>0</v>
      </c>
      <c r="F7" s="480">
        <v>17529100</v>
      </c>
      <c r="G7" s="480">
        <v>39058395</v>
      </c>
      <c r="H7" s="480">
        <v>119684554</v>
      </c>
      <c r="I7" s="480">
        <v>163182429</v>
      </c>
      <c r="J7" s="480">
        <v>103151816</v>
      </c>
      <c r="K7" s="483">
        <v>442606294</v>
      </c>
      <c r="L7" s="484">
        <v>442714004</v>
      </c>
      <c r="M7" s="479">
        <v>0</v>
      </c>
      <c r="N7" s="480">
        <v>0</v>
      </c>
      <c r="O7" s="481">
        <v>0</v>
      </c>
      <c r="P7" s="485"/>
      <c r="Q7" s="480">
        <v>4393653</v>
      </c>
      <c r="R7" s="480">
        <v>13587152</v>
      </c>
      <c r="S7" s="480">
        <v>81077851</v>
      </c>
      <c r="T7" s="480">
        <v>119610263</v>
      </c>
      <c r="U7" s="480">
        <v>79679151</v>
      </c>
      <c r="V7" s="483">
        <v>298348070</v>
      </c>
      <c r="W7" s="484">
        <v>298348070</v>
      </c>
      <c r="X7" s="479">
        <v>0</v>
      </c>
      <c r="Y7" s="480">
        <v>0</v>
      </c>
      <c r="Z7" s="481">
        <v>0</v>
      </c>
      <c r="AA7" s="485"/>
      <c r="AB7" s="480">
        <v>11137658</v>
      </c>
      <c r="AC7" s="480">
        <v>20584826</v>
      </c>
      <c r="AD7" s="480">
        <v>28016300</v>
      </c>
      <c r="AE7" s="480">
        <v>31705745</v>
      </c>
      <c r="AF7" s="480">
        <v>14342930</v>
      </c>
      <c r="AG7" s="483">
        <v>105787459</v>
      </c>
      <c r="AH7" s="484">
        <v>105787459</v>
      </c>
      <c r="AI7" s="479">
        <v>0</v>
      </c>
      <c r="AJ7" s="480">
        <v>0</v>
      </c>
      <c r="AK7" s="481">
        <v>0</v>
      </c>
      <c r="AL7" s="485"/>
      <c r="AM7" s="480">
        <v>0</v>
      </c>
      <c r="AN7" s="480">
        <v>24645</v>
      </c>
      <c r="AO7" s="480">
        <v>43855</v>
      </c>
      <c r="AP7" s="480">
        <v>724870</v>
      </c>
      <c r="AQ7" s="480">
        <v>645370</v>
      </c>
      <c r="AR7" s="483">
        <v>1438740</v>
      </c>
      <c r="AS7" s="484">
        <v>1438740</v>
      </c>
      <c r="AT7" s="479">
        <v>0</v>
      </c>
      <c r="AU7" s="480">
        <v>0</v>
      </c>
      <c r="AV7" s="481">
        <v>0</v>
      </c>
      <c r="AW7" s="485"/>
      <c r="AX7" s="480">
        <v>188170</v>
      </c>
      <c r="AY7" s="480">
        <v>141015</v>
      </c>
      <c r="AZ7" s="480">
        <v>563120</v>
      </c>
      <c r="BA7" s="480">
        <v>1825595</v>
      </c>
      <c r="BB7" s="480">
        <v>2895450</v>
      </c>
      <c r="BC7" s="483">
        <v>5613350</v>
      </c>
      <c r="BD7" s="484">
        <v>5613350</v>
      </c>
      <c r="BE7" s="479">
        <v>0</v>
      </c>
      <c r="BF7" s="480">
        <v>0</v>
      </c>
      <c r="BG7" s="481">
        <v>0</v>
      </c>
      <c r="BH7" s="485"/>
      <c r="BI7" s="480">
        <v>97960</v>
      </c>
      <c r="BJ7" s="480">
        <v>259160</v>
      </c>
      <c r="BK7" s="480">
        <v>1513795</v>
      </c>
      <c r="BL7" s="480">
        <v>1759800</v>
      </c>
      <c r="BM7" s="480">
        <v>1542050</v>
      </c>
      <c r="BN7" s="483">
        <v>5172765</v>
      </c>
      <c r="BO7" s="484">
        <v>5172765</v>
      </c>
      <c r="BP7" s="479">
        <v>11280</v>
      </c>
      <c r="BQ7" s="480">
        <v>96430</v>
      </c>
      <c r="BR7" s="481">
        <v>107710</v>
      </c>
      <c r="BS7" s="482">
        <v>0</v>
      </c>
      <c r="BT7" s="480">
        <v>1606375</v>
      </c>
      <c r="BU7" s="480">
        <v>4273446</v>
      </c>
      <c r="BV7" s="480">
        <v>8143376</v>
      </c>
      <c r="BW7" s="480">
        <v>7172375</v>
      </c>
      <c r="BX7" s="480">
        <v>3748133</v>
      </c>
      <c r="BY7" s="483">
        <v>24943705</v>
      </c>
      <c r="BZ7" s="484">
        <v>25051415</v>
      </c>
      <c r="CA7" s="479">
        <v>0</v>
      </c>
      <c r="CB7" s="480">
        <v>0</v>
      </c>
      <c r="CC7" s="481">
        <v>0</v>
      </c>
      <c r="CD7" s="482">
        <v>0</v>
      </c>
      <c r="CE7" s="480">
        <v>105284</v>
      </c>
      <c r="CF7" s="480">
        <v>188151</v>
      </c>
      <c r="CG7" s="480">
        <v>326257</v>
      </c>
      <c r="CH7" s="480">
        <v>383781</v>
      </c>
      <c r="CI7" s="480">
        <v>298732</v>
      </c>
      <c r="CJ7" s="483">
        <v>1302205</v>
      </c>
      <c r="CK7" s="484">
        <v>1302205</v>
      </c>
      <c r="CL7" s="479">
        <v>0</v>
      </c>
      <c r="CM7" s="480">
        <v>0</v>
      </c>
      <c r="CN7" s="481">
        <v>0</v>
      </c>
      <c r="CO7" s="482">
        <v>0</v>
      </c>
      <c r="CP7" s="480">
        <v>0</v>
      </c>
      <c r="CQ7" s="480">
        <v>0</v>
      </c>
      <c r="CR7" s="480">
        <v>0</v>
      </c>
      <c r="CS7" s="480">
        <v>0</v>
      </c>
      <c r="CT7" s="480">
        <v>0</v>
      </c>
      <c r="CU7" s="483">
        <v>0</v>
      </c>
      <c r="CV7" s="484">
        <v>0</v>
      </c>
      <c r="CW7" s="479">
        <v>0</v>
      </c>
      <c r="CX7" s="480">
        <v>0</v>
      </c>
      <c r="CY7" s="481">
        <v>0</v>
      </c>
      <c r="CZ7" s="485"/>
      <c r="DA7" s="480">
        <v>0</v>
      </c>
      <c r="DB7" s="480">
        <v>0</v>
      </c>
      <c r="DC7" s="480">
        <v>0</v>
      </c>
      <c r="DD7" s="480">
        <v>0</v>
      </c>
      <c r="DE7" s="480">
        <v>0</v>
      </c>
      <c r="DF7" s="483">
        <v>0</v>
      </c>
      <c r="DG7" s="484">
        <v>0</v>
      </c>
      <c r="DH7" s="479">
        <v>22856</v>
      </c>
      <c r="DI7" s="480">
        <v>174948</v>
      </c>
      <c r="DJ7" s="481">
        <v>197804</v>
      </c>
      <c r="DK7" s="482">
        <v>0</v>
      </c>
      <c r="DL7" s="480">
        <v>11105150</v>
      </c>
      <c r="DM7" s="480">
        <v>31533913</v>
      </c>
      <c r="DN7" s="480">
        <v>128712762</v>
      </c>
      <c r="DO7" s="480">
        <v>171283611</v>
      </c>
      <c r="DP7" s="480">
        <v>108358795</v>
      </c>
      <c r="DQ7" s="483">
        <v>450994231</v>
      </c>
      <c r="DR7" s="486">
        <v>451192035</v>
      </c>
      <c r="DS7" s="479">
        <v>0</v>
      </c>
      <c r="DT7" s="480">
        <v>0</v>
      </c>
      <c r="DU7" s="481">
        <v>0</v>
      </c>
      <c r="DV7" s="485"/>
      <c r="DW7" s="480">
        <v>5643790</v>
      </c>
      <c r="DX7" s="480">
        <v>19119079</v>
      </c>
      <c r="DY7" s="480">
        <v>106414289</v>
      </c>
      <c r="DZ7" s="480">
        <v>149139942</v>
      </c>
      <c r="EA7" s="480">
        <v>95680046</v>
      </c>
      <c r="EB7" s="483">
        <v>375997146</v>
      </c>
      <c r="EC7" s="484">
        <v>375997146</v>
      </c>
      <c r="ED7" s="479">
        <v>0</v>
      </c>
      <c r="EE7" s="480">
        <v>0</v>
      </c>
      <c r="EF7" s="481">
        <v>0</v>
      </c>
      <c r="EG7" s="485"/>
      <c r="EH7" s="480">
        <v>2599913</v>
      </c>
      <c r="EI7" s="480">
        <v>5269546</v>
      </c>
      <c r="EJ7" s="480">
        <v>6397814</v>
      </c>
      <c r="EK7" s="480">
        <v>7546877</v>
      </c>
      <c r="EL7" s="480">
        <v>3966968</v>
      </c>
      <c r="EM7" s="483">
        <v>25781118</v>
      </c>
      <c r="EN7" s="484">
        <v>25781118</v>
      </c>
      <c r="EO7" s="479">
        <v>0</v>
      </c>
      <c r="EP7" s="480">
        <v>0</v>
      </c>
      <c r="EQ7" s="481">
        <v>0</v>
      </c>
      <c r="ER7" s="485"/>
      <c r="ES7" s="480">
        <v>0</v>
      </c>
      <c r="ET7" s="480">
        <v>217</v>
      </c>
      <c r="EU7" s="480">
        <v>35271</v>
      </c>
      <c r="EV7" s="480">
        <v>109985</v>
      </c>
      <c r="EW7" s="480">
        <v>112980</v>
      </c>
      <c r="EX7" s="483">
        <v>258453</v>
      </c>
      <c r="EY7" s="484">
        <v>258453</v>
      </c>
      <c r="EZ7" s="479">
        <v>0</v>
      </c>
      <c r="FA7" s="480">
        <v>0</v>
      </c>
      <c r="FB7" s="481">
        <v>0</v>
      </c>
      <c r="FC7" s="485"/>
      <c r="FD7" s="480">
        <v>12989</v>
      </c>
      <c r="FE7" s="480">
        <v>35543</v>
      </c>
      <c r="FF7" s="480">
        <v>87105</v>
      </c>
      <c r="FG7" s="480">
        <v>259992</v>
      </c>
      <c r="FH7" s="480">
        <v>434106</v>
      </c>
      <c r="FI7" s="483">
        <v>829735</v>
      </c>
      <c r="FJ7" s="484">
        <v>829735</v>
      </c>
      <c r="FK7" s="479">
        <v>0</v>
      </c>
      <c r="FL7" s="480">
        <v>0</v>
      </c>
      <c r="FM7" s="481">
        <v>0</v>
      </c>
      <c r="FN7" s="485"/>
      <c r="FO7" s="480">
        <v>159836</v>
      </c>
      <c r="FP7" s="480">
        <v>336939</v>
      </c>
      <c r="FQ7" s="480">
        <v>2676499</v>
      </c>
      <c r="FR7" s="480">
        <v>3207824</v>
      </c>
      <c r="FS7" s="480">
        <v>2483687</v>
      </c>
      <c r="FT7" s="483">
        <v>8864785</v>
      </c>
      <c r="FU7" s="484">
        <v>8864785</v>
      </c>
      <c r="FV7" s="479">
        <v>22856</v>
      </c>
      <c r="FW7" s="480">
        <v>174948</v>
      </c>
      <c r="FX7" s="481">
        <v>197804</v>
      </c>
      <c r="FY7" s="482">
        <v>0</v>
      </c>
      <c r="FZ7" s="480">
        <v>2638124</v>
      </c>
      <c r="GA7" s="480">
        <v>6675729</v>
      </c>
      <c r="GB7" s="480">
        <v>12910025</v>
      </c>
      <c r="GC7" s="480">
        <v>10772881</v>
      </c>
      <c r="GD7" s="480">
        <v>5519343</v>
      </c>
      <c r="GE7" s="483">
        <v>38516102</v>
      </c>
      <c r="GF7" s="484">
        <v>38713906</v>
      </c>
      <c r="GG7" s="479">
        <v>0</v>
      </c>
      <c r="GH7" s="480">
        <v>0</v>
      </c>
      <c r="GI7" s="481">
        <v>0</v>
      </c>
      <c r="GJ7" s="482">
        <v>0</v>
      </c>
      <c r="GK7" s="480">
        <v>50498</v>
      </c>
      <c r="GL7" s="480">
        <v>96860</v>
      </c>
      <c r="GM7" s="480">
        <v>191759</v>
      </c>
      <c r="GN7" s="480">
        <v>246110</v>
      </c>
      <c r="GO7" s="480">
        <v>161665</v>
      </c>
      <c r="GP7" s="483">
        <v>746892</v>
      </c>
      <c r="GQ7" s="484">
        <v>746892</v>
      </c>
      <c r="GR7" s="479">
        <v>0</v>
      </c>
      <c r="GS7" s="480">
        <v>0</v>
      </c>
      <c r="GT7" s="481">
        <v>0</v>
      </c>
      <c r="GU7" s="482">
        <v>0</v>
      </c>
      <c r="GV7" s="480">
        <v>0</v>
      </c>
      <c r="GW7" s="480">
        <v>0</v>
      </c>
      <c r="GX7" s="480">
        <v>0</v>
      </c>
      <c r="GY7" s="480">
        <v>0</v>
      </c>
      <c r="GZ7" s="480">
        <v>0</v>
      </c>
      <c r="HA7" s="483">
        <v>0</v>
      </c>
      <c r="HB7" s="484">
        <v>0</v>
      </c>
      <c r="HC7" s="479">
        <v>0</v>
      </c>
      <c r="HD7" s="480">
        <v>0</v>
      </c>
      <c r="HE7" s="481">
        <v>0</v>
      </c>
      <c r="HF7" s="485"/>
      <c r="HG7" s="480">
        <v>0</v>
      </c>
      <c r="HH7" s="480">
        <v>0</v>
      </c>
      <c r="HI7" s="480">
        <v>0</v>
      </c>
      <c r="HJ7" s="480">
        <v>0</v>
      </c>
      <c r="HK7" s="480">
        <v>0</v>
      </c>
      <c r="HL7" s="483">
        <v>0</v>
      </c>
      <c r="HM7" s="484">
        <v>0</v>
      </c>
      <c r="HN7" s="479">
        <v>34136</v>
      </c>
      <c r="HO7" s="480">
        <v>271378</v>
      </c>
      <c r="HP7" s="481">
        <v>305514</v>
      </c>
      <c r="HQ7" s="482">
        <v>0</v>
      </c>
      <c r="HR7" s="480">
        <v>28634250</v>
      </c>
      <c r="HS7" s="480">
        <v>70592308</v>
      </c>
      <c r="HT7" s="480">
        <v>248397316</v>
      </c>
      <c r="HU7" s="480">
        <v>334466040</v>
      </c>
      <c r="HV7" s="480">
        <v>211510611</v>
      </c>
      <c r="HW7" s="483">
        <v>893600525</v>
      </c>
      <c r="HX7" s="484">
        <v>893906039</v>
      </c>
    </row>
    <row r="8" spans="1:232" s="487" customFormat="1" ht="21" customHeight="1" x14ac:dyDescent="0.2">
      <c r="A8" s="501" t="s">
        <v>5</v>
      </c>
      <c r="B8" s="488">
        <v>880</v>
      </c>
      <c r="C8" s="489">
        <v>16203</v>
      </c>
      <c r="D8" s="490">
        <v>17083</v>
      </c>
      <c r="E8" s="491">
        <v>0</v>
      </c>
      <c r="F8" s="489">
        <v>6870839</v>
      </c>
      <c r="G8" s="489">
        <v>19554396</v>
      </c>
      <c r="H8" s="489">
        <v>50142965</v>
      </c>
      <c r="I8" s="489">
        <v>69441456</v>
      </c>
      <c r="J8" s="489">
        <v>44006640</v>
      </c>
      <c r="K8" s="492">
        <v>190016296</v>
      </c>
      <c r="L8" s="493">
        <v>190033379</v>
      </c>
      <c r="M8" s="488">
        <v>0</v>
      </c>
      <c r="N8" s="489">
        <v>0</v>
      </c>
      <c r="O8" s="490">
        <v>0</v>
      </c>
      <c r="P8" s="494"/>
      <c r="Q8" s="489">
        <v>2546829</v>
      </c>
      <c r="R8" s="489">
        <v>8798586</v>
      </c>
      <c r="S8" s="489">
        <v>34492544</v>
      </c>
      <c r="T8" s="489">
        <v>51184857</v>
      </c>
      <c r="U8" s="489">
        <v>34384961</v>
      </c>
      <c r="V8" s="492">
        <v>131407777</v>
      </c>
      <c r="W8" s="493">
        <v>131407777</v>
      </c>
      <c r="X8" s="488">
        <v>0</v>
      </c>
      <c r="Y8" s="489">
        <v>0</v>
      </c>
      <c r="Z8" s="490">
        <v>0</v>
      </c>
      <c r="AA8" s="494"/>
      <c r="AB8" s="489">
        <v>3828808</v>
      </c>
      <c r="AC8" s="489">
        <v>8764243</v>
      </c>
      <c r="AD8" s="489">
        <v>11832992</v>
      </c>
      <c r="AE8" s="489">
        <v>14399065</v>
      </c>
      <c r="AF8" s="489">
        <v>6714499</v>
      </c>
      <c r="AG8" s="492">
        <v>45539607</v>
      </c>
      <c r="AH8" s="493">
        <v>45539607</v>
      </c>
      <c r="AI8" s="488">
        <v>0</v>
      </c>
      <c r="AJ8" s="489">
        <v>0</v>
      </c>
      <c r="AK8" s="490">
        <v>0</v>
      </c>
      <c r="AL8" s="494"/>
      <c r="AM8" s="489">
        <v>0</v>
      </c>
      <c r="AN8" s="489">
        <v>0</v>
      </c>
      <c r="AO8" s="489">
        <v>30915</v>
      </c>
      <c r="AP8" s="489">
        <v>179350</v>
      </c>
      <c r="AQ8" s="489">
        <v>149570</v>
      </c>
      <c r="AR8" s="492">
        <v>359835</v>
      </c>
      <c r="AS8" s="493">
        <v>359835</v>
      </c>
      <c r="AT8" s="488">
        <v>0</v>
      </c>
      <c r="AU8" s="489">
        <v>0</v>
      </c>
      <c r="AV8" s="490">
        <v>0</v>
      </c>
      <c r="AW8" s="494"/>
      <c r="AX8" s="489">
        <v>0</v>
      </c>
      <c r="AY8" s="489">
        <v>62775</v>
      </c>
      <c r="AZ8" s="489">
        <v>53555</v>
      </c>
      <c r="BA8" s="489">
        <v>385775</v>
      </c>
      <c r="BB8" s="489">
        <v>595185</v>
      </c>
      <c r="BC8" s="492">
        <v>1097290</v>
      </c>
      <c r="BD8" s="493">
        <v>1097290</v>
      </c>
      <c r="BE8" s="488">
        <v>0</v>
      </c>
      <c r="BF8" s="489">
        <v>0</v>
      </c>
      <c r="BG8" s="490">
        <v>0</v>
      </c>
      <c r="BH8" s="494"/>
      <c r="BI8" s="489">
        <v>68045</v>
      </c>
      <c r="BJ8" s="489">
        <v>139345</v>
      </c>
      <c r="BK8" s="489">
        <v>260185</v>
      </c>
      <c r="BL8" s="489">
        <v>209540</v>
      </c>
      <c r="BM8" s="489">
        <v>275560</v>
      </c>
      <c r="BN8" s="492">
        <v>952675</v>
      </c>
      <c r="BO8" s="493">
        <v>952675</v>
      </c>
      <c r="BP8" s="488">
        <v>880</v>
      </c>
      <c r="BQ8" s="489">
        <v>16203</v>
      </c>
      <c r="BR8" s="490">
        <v>17083</v>
      </c>
      <c r="BS8" s="491">
        <v>0</v>
      </c>
      <c r="BT8" s="489">
        <v>363968</v>
      </c>
      <c r="BU8" s="489">
        <v>1682926</v>
      </c>
      <c r="BV8" s="489">
        <v>3281661</v>
      </c>
      <c r="BW8" s="489">
        <v>2879186</v>
      </c>
      <c r="BX8" s="489">
        <v>1732902</v>
      </c>
      <c r="BY8" s="492">
        <v>9940643</v>
      </c>
      <c r="BZ8" s="493">
        <v>9957726</v>
      </c>
      <c r="CA8" s="488">
        <v>0</v>
      </c>
      <c r="CB8" s="489">
        <v>0</v>
      </c>
      <c r="CC8" s="490">
        <v>0</v>
      </c>
      <c r="CD8" s="491">
        <v>0</v>
      </c>
      <c r="CE8" s="489">
        <v>63189</v>
      </c>
      <c r="CF8" s="489">
        <v>106521</v>
      </c>
      <c r="CG8" s="489">
        <v>191113</v>
      </c>
      <c r="CH8" s="489">
        <v>203683</v>
      </c>
      <c r="CI8" s="489">
        <v>153963</v>
      </c>
      <c r="CJ8" s="492">
        <v>718469</v>
      </c>
      <c r="CK8" s="493">
        <v>718469</v>
      </c>
      <c r="CL8" s="488">
        <v>0</v>
      </c>
      <c r="CM8" s="489">
        <v>0</v>
      </c>
      <c r="CN8" s="490">
        <v>0</v>
      </c>
      <c r="CO8" s="491">
        <v>0</v>
      </c>
      <c r="CP8" s="489">
        <v>0</v>
      </c>
      <c r="CQ8" s="489">
        <v>0</v>
      </c>
      <c r="CR8" s="489">
        <v>0</v>
      </c>
      <c r="CS8" s="489">
        <v>0</v>
      </c>
      <c r="CT8" s="489">
        <v>0</v>
      </c>
      <c r="CU8" s="492">
        <v>0</v>
      </c>
      <c r="CV8" s="493">
        <v>0</v>
      </c>
      <c r="CW8" s="488">
        <v>0</v>
      </c>
      <c r="CX8" s="489">
        <v>0</v>
      </c>
      <c r="CY8" s="490">
        <v>0</v>
      </c>
      <c r="CZ8" s="494"/>
      <c r="DA8" s="489">
        <v>0</v>
      </c>
      <c r="DB8" s="489">
        <v>0</v>
      </c>
      <c r="DC8" s="489">
        <v>0</v>
      </c>
      <c r="DD8" s="489">
        <v>0</v>
      </c>
      <c r="DE8" s="489">
        <v>0</v>
      </c>
      <c r="DF8" s="492">
        <v>0</v>
      </c>
      <c r="DG8" s="493">
        <v>0</v>
      </c>
      <c r="DH8" s="488">
        <v>5568</v>
      </c>
      <c r="DI8" s="489">
        <v>59474</v>
      </c>
      <c r="DJ8" s="490">
        <v>65042</v>
      </c>
      <c r="DK8" s="491">
        <v>0</v>
      </c>
      <c r="DL8" s="489">
        <v>5902540</v>
      </c>
      <c r="DM8" s="489">
        <v>18683822</v>
      </c>
      <c r="DN8" s="489">
        <v>56390671</v>
      </c>
      <c r="DO8" s="489">
        <v>73789957</v>
      </c>
      <c r="DP8" s="489">
        <v>48239282</v>
      </c>
      <c r="DQ8" s="492">
        <v>203006272</v>
      </c>
      <c r="DR8" s="495">
        <v>203071314</v>
      </c>
      <c r="DS8" s="488">
        <v>0</v>
      </c>
      <c r="DT8" s="489">
        <v>0</v>
      </c>
      <c r="DU8" s="490">
        <v>0</v>
      </c>
      <c r="DV8" s="494"/>
      <c r="DW8" s="489">
        <v>3655513</v>
      </c>
      <c r="DX8" s="489">
        <v>12567419</v>
      </c>
      <c r="DY8" s="489">
        <v>46806045</v>
      </c>
      <c r="DZ8" s="489">
        <v>64729833</v>
      </c>
      <c r="EA8" s="489">
        <v>42493883</v>
      </c>
      <c r="EB8" s="492">
        <v>170252693</v>
      </c>
      <c r="EC8" s="493">
        <v>170252693</v>
      </c>
      <c r="ED8" s="488">
        <v>0</v>
      </c>
      <c r="EE8" s="489">
        <v>0</v>
      </c>
      <c r="EF8" s="490">
        <v>0</v>
      </c>
      <c r="EG8" s="494"/>
      <c r="EH8" s="489">
        <v>1354045</v>
      </c>
      <c r="EI8" s="489">
        <v>3096031</v>
      </c>
      <c r="EJ8" s="489">
        <v>3717951</v>
      </c>
      <c r="EK8" s="489">
        <v>4073493</v>
      </c>
      <c r="EL8" s="489">
        <v>2532308</v>
      </c>
      <c r="EM8" s="492">
        <v>14773828</v>
      </c>
      <c r="EN8" s="493">
        <v>14773828</v>
      </c>
      <c r="EO8" s="488">
        <v>0</v>
      </c>
      <c r="EP8" s="489">
        <v>0</v>
      </c>
      <c r="EQ8" s="490">
        <v>0</v>
      </c>
      <c r="ER8" s="494"/>
      <c r="ES8" s="489">
        <v>0</v>
      </c>
      <c r="ET8" s="489">
        <v>0</v>
      </c>
      <c r="EU8" s="489">
        <v>11470</v>
      </c>
      <c r="EV8" s="489">
        <v>36748</v>
      </c>
      <c r="EW8" s="489">
        <v>24893</v>
      </c>
      <c r="EX8" s="492">
        <v>73111</v>
      </c>
      <c r="EY8" s="493">
        <v>73111</v>
      </c>
      <c r="EZ8" s="488">
        <v>0</v>
      </c>
      <c r="FA8" s="489">
        <v>0</v>
      </c>
      <c r="FB8" s="490">
        <v>0</v>
      </c>
      <c r="FC8" s="494"/>
      <c r="FD8" s="489">
        <v>0</v>
      </c>
      <c r="FE8" s="489">
        <v>23002</v>
      </c>
      <c r="FF8" s="489">
        <v>1127</v>
      </c>
      <c r="FG8" s="489">
        <v>63888</v>
      </c>
      <c r="FH8" s="489">
        <v>143253</v>
      </c>
      <c r="FI8" s="492">
        <v>231270</v>
      </c>
      <c r="FJ8" s="493">
        <v>231270</v>
      </c>
      <c r="FK8" s="488">
        <v>0</v>
      </c>
      <c r="FL8" s="489">
        <v>0</v>
      </c>
      <c r="FM8" s="490">
        <v>0</v>
      </c>
      <c r="FN8" s="494"/>
      <c r="FO8" s="489">
        <v>95108</v>
      </c>
      <c r="FP8" s="489">
        <v>138260</v>
      </c>
      <c r="FQ8" s="489">
        <v>421166</v>
      </c>
      <c r="FR8" s="489">
        <v>361432</v>
      </c>
      <c r="FS8" s="489">
        <v>406022</v>
      </c>
      <c r="FT8" s="492">
        <v>1421988</v>
      </c>
      <c r="FU8" s="493">
        <v>1421988</v>
      </c>
      <c r="FV8" s="488">
        <v>5568</v>
      </c>
      <c r="FW8" s="489">
        <v>59474</v>
      </c>
      <c r="FX8" s="490">
        <v>65042</v>
      </c>
      <c r="FY8" s="491">
        <v>0</v>
      </c>
      <c r="FZ8" s="489">
        <v>766447</v>
      </c>
      <c r="GA8" s="489">
        <v>2803089</v>
      </c>
      <c r="GB8" s="489">
        <v>5332314</v>
      </c>
      <c r="GC8" s="489">
        <v>4397705</v>
      </c>
      <c r="GD8" s="489">
        <v>2536174</v>
      </c>
      <c r="GE8" s="492">
        <v>15835729</v>
      </c>
      <c r="GF8" s="493">
        <v>15900771</v>
      </c>
      <c r="GG8" s="488">
        <v>0</v>
      </c>
      <c r="GH8" s="489">
        <v>0</v>
      </c>
      <c r="GI8" s="490">
        <v>0</v>
      </c>
      <c r="GJ8" s="491">
        <v>0</v>
      </c>
      <c r="GK8" s="489">
        <v>31427</v>
      </c>
      <c r="GL8" s="489">
        <v>56021</v>
      </c>
      <c r="GM8" s="489">
        <v>100598</v>
      </c>
      <c r="GN8" s="489">
        <v>126858</v>
      </c>
      <c r="GO8" s="489">
        <v>102749</v>
      </c>
      <c r="GP8" s="492">
        <v>417653</v>
      </c>
      <c r="GQ8" s="493">
        <v>417653</v>
      </c>
      <c r="GR8" s="488">
        <v>0</v>
      </c>
      <c r="GS8" s="489">
        <v>0</v>
      </c>
      <c r="GT8" s="490">
        <v>0</v>
      </c>
      <c r="GU8" s="491">
        <v>0</v>
      </c>
      <c r="GV8" s="489">
        <v>0</v>
      </c>
      <c r="GW8" s="489">
        <v>0</v>
      </c>
      <c r="GX8" s="489">
        <v>0</v>
      </c>
      <c r="GY8" s="489">
        <v>0</v>
      </c>
      <c r="GZ8" s="489">
        <v>0</v>
      </c>
      <c r="HA8" s="492">
        <v>0</v>
      </c>
      <c r="HB8" s="493">
        <v>0</v>
      </c>
      <c r="HC8" s="488">
        <v>0</v>
      </c>
      <c r="HD8" s="489">
        <v>0</v>
      </c>
      <c r="HE8" s="490">
        <v>0</v>
      </c>
      <c r="HF8" s="494"/>
      <c r="HG8" s="489">
        <v>0</v>
      </c>
      <c r="HH8" s="489">
        <v>0</v>
      </c>
      <c r="HI8" s="489">
        <v>0</v>
      </c>
      <c r="HJ8" s="489">
        <v>0</v>
      </c>
      <c r="HK8" s="489">
        <v>0</v>
      </c>
      <c r="HL8" s="492">
        <v>0</v>
      </c>
      <c r="HM8" s="493">
        <v>0</v>
      </c>
      <c r="HN8" s="488">
        <v>6448</v>
      </c>
      <c r="HO8" s="489">
        <v>75677</v>
      </c>
      <c r="HP8" s="490">
        <v>82125</v>
      </c>
      <c r="HQ8" s="491">
        <v>0</v>
      </c>
      <c r="HR8" s="489">
        <v>12773379</v>
      </c>
      <c r="HS8" s="489">
        <v>38238218</v>
      </c>
      <c r="HT8" s="489">
        <v>106533636</v>
      </c>
      <c r="HU8" s="489">
        <v>143231413</v>
      </c>
      <c r="HV8" s="489">
        <v>92245922</v>
      </c>
      <c r="HW8" s="492">
        <v>393022568</v>
      </c>
      <c r="HX8" s="493">
        <v>393104693</v>
      </c>
    </row>
    <row r="9" spans="1:232" ht="21" customHeight="1" x14ac:dyDescent="0.2">
      <c r="A9" s="498" t="s">
        <v>6</v>
      </c>
      <c r="B9" s="292">
        <v>0</v>
      </c>
      <c r="C9" s="293">
        <v>23735</v>
      </c>
      <c r="D9" s="294">
        <v>23735</v>
      </c>
      <c r="E9" s="295">
        <v>0</v>
      </c>
      <c r="F9" s="293">
        <v>2557088</v>
      </c>
      <c r="G9" s="293">
        <v>4358892</v>
      </c>
      <c r="H9" s="293">
        <v>15596885</v>
      </c>
      <c r="I9" s="293">
        <v>22779483</v>
      </c>
      <c r="J9" s="293">
        <v>14913831</v>
      </c>
      <c r="K9" s="296">
        <v>60206179</v>
      </c>
      <c r="L9" s="297">
        <v>60229914</v>
      </c>
      <c r="M9" s="292">
        <v>0</v>
      </c>
      <c r="N9" s="293">
        <v>0</v>
      </c>
      <c r="O9" s="294">
        <v>0</v>
      </c>
      <c r="P9" s="298"/>
      <c r="Q9" s="293">
        <v>897690</v>
      </c>
      <c r="R9" s="293">
        <v>1640023</v>
      </c>
      <c r="S9" s="293">
        <v>11230600</v>
      </c>
      <c r="T9" s="293">
        <v>16289145</v>
      </c>
      <c r="U9" s="293">
        <v>11343200</v>
      </c>
      <c r="V9" s="296">
        <v>41400658</v>
      </c>
      <c r="W9" s="297">
        <v>41400658</v>
      </c>
      <c r="X9" s="292">
        <v>0</v>
      </c>
      <c r="Y9" s="293">
        <v>0</v>
      </c>
      <c r="Z9" s="294">
        <v>0</v>
      </c>
      <c r="AA9" s="298"/>
      <c r="AB9" s="293">
        <v>1335455</v>
      </c>
      <c r="AC9" s="293">
        <v>2133620</v>
      </c>
      <c r="AD9" s="293">
        <v>2936395</v>
      </c>
      <c r="AE9" s="293">
        <v>4549330</v>
      </c>
      <c r="AF9" s="293">
        <v>2015830</v>
      </c>
      <c r="AG9" s="296">
        <v>12970630</v>
      </c>
      <c r="AH9" s="297">
        <v>12970630</v>
      </c>
      <c r="AI9" s="292">
        <v>0</v>
      </c>
      <c r="AJ9" s="293">
        <v>0</v>
      </c>
      <c r="AK9" s="294">
        <v>0</v>
      </c>
      <c r="AL9" s="298"/>
      <c r="AM9" s="293">
        <v>0</v>
      </c>
      <c r="AN9" s="293">
        <v>24645</v>
      </c>
      <c r="AO9" s="293">
        <v>10305</v>
      </c>
      <c r="AP9" s="293">
        <v>314545</v>
      </c>
      <c r="AQ9" s="293">
        <v>224910</v>
      </c>
      <c r="AR9" s="296">
        <v>574405</v>
      </c>
      <c r="AS9" s="297">
        <v>574405</v>
      </c>
      <c r="AT9" s="292">
        <v>0</v>
      </c>
      <c r="AU9" s="293">
        <v>0</v>
      </c>
      <c r="AV9" s="294">
        <v>0</v>
      </c>
      <c r="AW9" s="298"/>
      <c r="AX9" s="293">
        <v>2635</v>
      </c>
      <c r="AY9" s="293">
        <v>0</v>
      </c>
      <c r="AZ9" s="293">
        <v>7650</v>
      </c>
      <c r="BA9" s="293">
        <v>221805</v>
      </c>
      <c r="BB9" s="293">
        <v>435235</v>
      </c>
      <c r="BC9" s="296">
        <v>667325</v>
      </c>
      <c r="BD9" s="297">
        <v>667325</v>
      </c>
      <c r="BE9" s="292">
        <v>0</v>
      </c>
      <c r="BF9" s="293">
        <v>0</v>
      </c>
      <c r="BG9" s="294">
        <v>0</v>
      </c>
      <c r="BH9" s="298"/>
      <c r="BI9" s="293">
        <v>29915</v>
      </c>
      <c r="BJ9" s="293">
        <v>32705</v>
      </c>
      <c r="BK9" s="293">
        <v>321090</v>
      </c>
      <c r="BL9" s="293">
        <v>402620</v>
      </c>
      <c r="BM9" s="293">
        <v>385610</v>
      </c>
      <c r="BN9" s="296">
        <v>1171940</v>
      </c>
      <c r="BO9" s="297">
        <v>1171940</v>
      </c>
      <c r="BP9" s="292">
        <v>0</v>
      </c>
      <c r="BQ9" s="293">
        <v>23735</v>
      </c>
      <c r="BR9" s="294">
        <v>23735</v>
      </c>
      <c r="BS9" s="295">
        <v>0</v>
      </c>
      <c r="BT9" s="293">
        <v>281907</v>
      </c>
      <c r="BU9" s="293">
        <v>504298</v>
      </c>
      <c r="BV9" s="293">
        <v>1029599</v>
      </c>
      <c r="BW9" s="293">
        <v>930305</v>
      </c>
      <c r="BX9" s="293">
        <v>465005</v>
      </c>
      <c r="BY9" s="296">
        <v>3211114</v>
      </c>
      <c r="BZ9" s="297">
        <v>3234849</v>
      </c>
      <c r="CA9" s="292">
        <v>0</v>
      </c>
      <c r="CB9" s="293">
        <v>0</v>
      </c>
      <c r="CC9" s="294">
        <v>0</v>
      </c>
      <c r="CD9" s="295">
        <v>0</v>
      </c>
      <c r="CE9" s="293">
        <v>9486</v>
      </c>
      <c r="CF9" s="293">
        <v>23601</v>
      </c>
      <c r="CG9" s="293">
        <v>61246</v>
      </c>
      <c r="CH9" s="293">
        <v>71733</v>
      </c>
      <c r="CI9" s="293">
        <v>44041</v>
      </c>
      <c r="CJ9" s="296">
        <v>210107</v>
      </c>
      <c r="CK9" s="297">
        <v>210107</v>
      </c>
      <c r="CL9" s="292">
        <v>0</v>
      </c>
      <c r="CM9" s="293">
        <v>0</v>
      </c>
      <c r="CN9" s="294">
        <v>0</v>
      </c>
      <c r="CO9" s="295">
        <v>0</v>
      </c>
      <c r="CP9" s="293">
        <v>0</v>
      </c>
      <c r="CQ9" s="293">
        <v>0</v>
      </c>
      <c r="CR9" s="293">
        <v>0</v>
      </c>
      <c r="CS9" s="293">
        <v>0</v>
      </c>
      <c r="CT9" s="293">
        <v>0</v>
      </c>
      <c r="CU9" s="296">
        <v>0</v>
      </c>
      <c r="CV9" s="297">
        <v>0</v>
      </c>
      <c r="CW9" s="292">
        <v>0</v>
      </c>
      <c r="CX9" s="293">
        <v>0</v>
      </c>
      <c r="CY9" s="294">
        <v>0</v>
      </c>
      <c r="CZ9" s="298"/>
      <c r="DA9" s="293">
        <v>0</v>
      </c>
      <c r="DB9" s="293">
        <v>0</v>
      </c>
      <c r="DC9" s="293">
        <v>0</v>
      </c>
      <c r="DD9" s="293">
        <v>0</v>
      </c>
      <c r="DE9" s="293">
        <v>0</v>
      </c>
      <c r="DF9" s="296">
        <v>0</v>
      </c>
      <c r="DG9" s="297">
        <v>0</v>
      </c>
      <c r="DH9" s="292">
        <v>0</v>
      </c>
      <c r="DI9" s="293">
        <v>34920</v>
      </c>
      <c r="DJ9" s="294">
        <v>34920</v>
      </c>
      <c r="DK9" s="295">
        <v>0</v>
      </c>
      <c r="DL9" s="293">
        <v>1404300</v>
      </c>
      <c r="DM9" s="293">
        <v>3125310</v>
      </c>
      <c r="DN9" s="293">
        <v>14781049</v>
      </c>
      <c r="DO9" s="293">
        <v>20681319</v>
      </c>
      <c r="DP9" s="293">
        <v>13558912</v>
      </c>
      <c r="DQ9" s="296">
        <v>53550890</v>
      </c>
      <c r="DR9" s="299">
        <v>53585810</v>
      </c>
      <c r="DS9" s="292">
        <v>0</v>
      </c>
      <c r="DT9" s="293">
        <v>0</v>
      </c>
      <c r="DU9" s="294">
        <v>0</v>
      </c>
      <c r="DV9" s="298"/>
      <c r="DW9" s="293">
        <v>743410</v>
      </c>
      <c r="DX9" s="293">
        <v>1943732</v>
      </c>
      <c r="DY9" s="293">
        <v>12161934</v>
      </c>
      <c r="DZ9" s="293">
        <v>17154997</v>
      </c>
      <c r="EA9" s="293">
        <v>11675845</v>
      </c>
      <c r="EB9" s="296">
        <v>43679918</v>
      </c>
      <c r="EC9" s="297">
        <v>43679918</v>
      </c>
      <c r="ED9" s="292">
        <v>0</v>
      </c>
      <c r="EE9" s="293">
        <v>0</v>
      </c>
      <c r="EF9" s="294">
        <v>0</v>
      </c>
      <c r="EG9" s="298"/>
      <c r="EH9" s="293">
        <v>232661</v>
      </c>
      <c r="EI9" s="293">
        <v>453028</v>
      </c>
      <c r="EJ9" s="293">
        <v>595455</v>
      </c>
      <c r="EK9" s="293">
        <v>1254241</v>
      </c>
      <c r="EL9" s="293">
        <v>501005</v>
      </c>
      <c r="EM9" s="296">
        <v>3036390</v>
      </c>
      <c r="EN9" s="297">
        <v>3036390</v>
      </c>
      <c r="EO9" s="292">
        <v>0</v>
      </c>
      <c r="EP9" s="293">
        <v>0</v>
      </c>
      <c r="EQ9" s="294">
        <v>0</v>
      </c>
      <c r="ER9" s="298"/>
      <c r="ES9" s="293">
        <v>0</v>
      </c>
      <c r="ET9" s="293">
        <v>217</v>
      </c>
      <c r="EU9" s="293">
        <v>23584</v>
      </c>
      <c r="EV9" s="293">
        <v>38099</v>
      </c>
      <c r="EW9" s="293">
        <v>52592</v>
      </c>
      <c r="EX9" s="296">
        <v>114492</v>
      </c>
      <c r="EY9" s="297">
        <v>114492</v>
      </c>
      <c r="EZ9" s="292">
        <v>0</v>
      </c>
      <c r="FA9" s="293">
        <v>0</v>
      </c>
      <c r="FB9" s="294">
        <v>0</v>
      </c>
      <c r="FC9" s="298"/>
      <c r="FD9" s="293">
        <v>0</v>
      </c>
      <c r="FE9" s="293">
        <v>0</v>
      </c>
      <c r="FF9" s="293">
        <v>434</v>
      </c>
      <c r="FG9" s="293">
        <v>41475</v>
      </c>
      <c r="FH9" s="293">
        <v>39632</v>
      </c>
      <c r="FI9" s="296">
        <v>81541</v>
      </c>
      <c r="FJ9" s="297">
        <v>81541</v>
      </c>
      <c r="FK9" s="292">
        <v>0</v>
      </c>
      <c r="FL9" s="293">
        <v>0</v>
      </c>
      <c r="FM9" s="294">
        <v>0</v>
      </c>
      <c r="FN9" s="298"/>
      <c r="FO9" s="293">
        <v>64728</v>
      </c>
      <c r="FP9" s="293">
        <v>36766</v>
      </c>
      <c r="FQ9" s="293">
        <v>585939</v>
      </c>
      <c r="FR9" s="293">
        <v>810622</v>
      </c>
      <c r="FS9" s="293">
        <v>615402</v>
      </c>
      <c r="FT9" s="296">
        <v>2113457</v>
      </c>
      <c r="FU9" s="297">
        <v>2113457</v>
      </c>
      <c r="FV9" s="292">
        <v>0</v>
      </c>
      <c r="FW9" s="293">
        <v>34920</v>
      </c>
      <c r="FX9" s="294">
        <v>34920</v>
      </c>
      <c r="FY9" s="295">
        <v>0</v>
      </c>
      <c r="FZ9" s="293">
        <v>349147</v>
      </c>
      <c r="GA9" s="293">
        <v>670599</v>
      </c>
      <c r="GB9" s="293">
        <v>1345531</v>
      </c>
      <c r="GC9" s="293">
        <v>1297212</v>
      </c>
      <c r="GD9" s="293">
        <v>637681</v>
      </c>
      <c r="GE9" s="296">
        <v>4300170</v>
      </c>
      <c r="GF9" s="297">
        <v>4335090</v>
      </c>
      <c r="GG9" s="292">
        <v>0</v>
      </c>
      <c r="GH9" s="293">
        <v>0</v>
      </c>
      <c r="GI9" s="294">
        <v>0</v>
      </c>
      <c r="GJ9" s="295">
        <v>0</v>
      </c>
      <c r="GK9" s="293">
        <v>14354</v>
      </c>
      <c r="GL9" s="293">
        <v>20968</v>
      </c>
      <c r="GM9" s="293">
        <v>68172</v>
      </c>
      <c r="GN9" s="293">
        <v>84673</v>
      </c>
      <c r="GO9" s="293">
        <v>36755</v>
      </c>
      <c r="GP9" s="296">
        <v>224922</v>
      </c>
      <c r="GQ9" s="297">
        <v>224922</v>
      </c>
      <c r="GR9" s="292">
        <v>0</v>
      </c>
      <c r="GS9" s="293">
        <v>0</v>
      </c>
      <c r="GT9" s="294">
        <v>0</v>
      </c>
      <c r="GU9" s="295">
        <v>0</v>
      </c>
      <c r="GV9" s="293">
        <v>0</v>
      </c>
      <c r="GW9" s="293">
        <v>0</v>
      </c>
      <c r="GX9" s="293">
        <v>0</v>
      </c>
      <c r="GY9" s="293">
        <v>0</v>
      </c>
      <c r="GZ9" s="293">
        <v>0</v>
      </c>
      <c r="HA9" s="296">
        <v>0</v>
      </c>
      <c r="HB9" s="297">
        <v>0</v>
      </c>
      <c r="HC9" s="292">
        <v>0</v>
      </c>
      <c r="HD9" s="293">
        <v>0</v>
      </c>
      <c r="HE9" s="294">
        <v>0</v>
      </c>
      <c r="HF9" s="298"/>
      <c r="HG9" s="293">
        <v>0</v>
      </c>
      <c r="HH9" s="293">
        <v>0</v>
      </c>
      <c r="HI9" s="293">
        <v>0</v>
      </c>
      <c r="HJ9" s="293">
        <v>0</v>
      </c>
      <c r="HK9" s="293">
        <v>0</v>
      </c>
      <c r="HL9" s="296">
        <v>0</v>
      </c>
      <c r="HM9" s="297">
        <v>0</v>
      </c>
      <c r="HN9" s="292">
        <v>0</v>
      </c>
      <c r="HO9" s="293">
        <v>58655</v>
      </c>
      <c r="HP9" s="294">
        <v>58655</v>
      </c>
      <c r="HQ9" s="295">
        <v>0</v>
      </c>
      <c r="HR9" s="293">
        <v>3961388</v>
      </c>
      <c r="HS9" s="293">
        <v>7484202</v>
      </c>
      <c r="HT9" s="293">
        <v>30377934</v>
      </c>
      <c r="HU9" s="293">
        <v>43460802</v>
      </c>
      <c r="HV9" s="293">
        <v>28472743</v>
      </c>
      <c r="HW9" s="296">
        <v>113757069</v>
      </c>
      <c r="HX9" s="297">
        <v>113815724</v>
      </c>
    </row>
    <row r="10" spans="1:232" ht="21" customHeight="1" x14ac:dyDescent="0.2">
      <c r="A10" s="498" t="s">
        <v>14</v>
      </c>
      <c r="B10" s="292">
        <v>0</v>
      </c>
      <c r="C10" s="293">
        <v>2915</v>
      </c>
      <c r="D10" s="294">
        <v>2915</v>
      </c>
      <c r="E10" s="295">
        <v>0</v>
      </c>
      <c r="F10" s="293">
        <v>922046</v>
      </c>
      <c r="G10" s="293">
        <v>1898330</v>
      </c>
      <c r="H10" s="293">
        <v>8275277</v>
      </c>
      <c r="I10" s="293">
        <v>13841724</v>
      </c>
      <c r="J10" s="293">
        <v>8118175</v>
      </c>
      <c r="K10" s="296">
        <v>33055552</v>
      </c>
      <c r="L10" s="297">
        <v>33058467</v>
      </c>
      <c r="M10" s="292">
        <v>0</v>
      </c>
      <c r="N10" s="293">
        <v>0</v>
      </c>
      <c r="O10" s="294">
        <v>0</v>
      </c>
      <c r="P10" s="298"/>
      <c r="Q10" s="293">
        <v>79205</v>
      </c>
      <c r="R10" s="293">
        <v>437086</v>
      </c>
      <c r="S10" s="293">
        <v>5755575</v>
      </c>
      <c r="T10" s="293">
        <v>10147240</v>
      </c>
      <c r="U10" s="293">
        <v>6144955</v>
      </c>
      <c r="V10" s="296">
        <v>22564061</v>
      </c>
      <c r="W10" s="297">
        <v>22564061</v>
      </c>
      <c r="X10" s="292">
        <v>0</v>
      </c>
      <c r="Y10" s="293">
        <v>0</v>
      </c>
      <c r="Z10" s="294">
        <v>0</v>
      </c>
      <c r="AA10" s="298"/>
      <c r="AB10" s="293">
        <v>756335</v>
      </c>
      <c r="AC10" s="293">
        <v>1274719</v>
      </c>
      <c r="AD10" s="293">
        <v>1883167</v>
      </c>
      <c r="AE10" s="293">
        <v>2192486</v>
      </c>
      <c r="AF10" s="293">
        <v>859120</v>
      </c>
      <c r="AG10" s="296">
        <v>6965827</v>
      </c>
      <c r="AH10" s="297">
        <v>6965827</v>
      </c>
      <c r="AI10" s="292">
        <v>0</v>
      </c>
      <c r="AJ10" s="293">
        <v>0</v>
      </c>
      <c r="AK10" s="294">
        <v>0</v>
      </c>
      <c r="AL10" s="298"/>
      <c r="AM10" s="293">
        <v>0</v>
      </c>
      <c r="AN10" s="293">
        <v>0</v>
      </c>
      <c r="AO10" s="293">
        <v>0</v>
      </c>
      <c r="AP10" s="293">
        <v>195635</v>
      </c>
      <c r="AQ10" s="293">
        <v>165125</v>
      </c>
      <c r="AR10" s="296">
        <v>360760</v>
      </c>
      <c r="AS10" s="297">
        <v>360760</v>
      </c>
      <c r="AT10" s="292">
        <v>0</v>
      </c>
      <c r="AU10" s="293">
        <v>0</v>
      </c>
      <c r="AV10" s="294">
        <v>0</v>
      </c>
      <c r="AW10" s="298"/>
      <c r="AX10" s="293">
        <v>0</v>
      </c>
      <c r="AY10" s="293">
        <v>0</v>
      </c>
      <c r="AZ10" s="293">
        <v>32705</v>
      </c>
      <c r="BA10" s="293">
        <v>577360</v>
      </c>
      <c r="BB10" s="293">
        <v>454060</v>
      </c>
      <c r="BC10" s="296">
        <v>1064125</v>
      </c>
      <c r="BD10" s="297">
        <v>1064125</v>
      </c>
      <c r="BE10" s="292">
        <v>0</v>
      </c>
      <c r="BF10" s="293">
        <v>0</v>
      </c>
      <c r="BG10" s="294">
        <v>0</v>
      </c>
      <c r="BH10" s="298"/>
      <c r="BI10" s="293">
        <v>0</v>
      </c>
      <c r="BJ10" s="293">
        <v>24645</v>
      </c>
      <c r="BK10" s="293">
        <v>47835</v>
      </c>
      <c r="BL10" s="293">
        <v>125085</v>
      </c>
      <c r="BM10" s="293">
        <v>97960</v>
      </c>
      <c r="BN10" s="296">
        <v>295525</v>
      </c>
      <c r="BO10" s="297">
        <v>295525</v>
      </c>
      <c r="BP10" s="292">
        <v>0</v>
      </c>
      <c r="BQ10" s="293">
        <v>2915</v>
      </c>
      <c r="BR10" s="294">
        <v>2915</v>
      </c>
      <c r="BS10" s="295">
        <v>0</v>
      </c>
      <c r="BT10" s="293">
        <v>86506</v>
      </c>
      <c r="BU10" s="293">
        <v>161880</v>
      </c>
      <c r="BV10" s="293">
        <v>554255</v>
      </c>
      <c r="BW10" s="293">
        <v>602178</v>
      </c>
      <c r="BX10" s="293">
        <v>380147</v>
      </c>
      <c r="BY10" s="296">
        <v>1784966</v>
      </c>
      <c r="BZ10" s="297">
        <v>1787881</v>
      </c>
      <c r="CA10" s="292">
        <v>0</v>
      </c>
      <c r="CB10" s="293">
        <v>0</v>
      </c>
      <c r="CC10" s="294">
        <v>0</v>
      </c>
      <c r="CD10" s="295">
        <v>0</v>
      </c>
      <c r="CE10" s="293">
        <v>0</v>
      </c>
      <c r="CF10" s="293">
        <v>0</v>
      </c>
      <c r="CG10" s="293">
        <v>1740</v>
      </c>
      <c r="CH10" s="293">
        <v>1740</v>
      </c>
      <c r="CI10" s="293">
        <v>16808</v>
      </c>
      <c r="CJ10" s="296">
        <v>20288</v>
      </c>
      <c r="CK10" s="297">
        <v>20288</v>
      </c>
      <c r="CL10" s="292">
        <v>0</v>
      </c>
      <c r="CM10" s="293">
        <v>0</v>
      </c>
      <c r="CN10" s="294">
        <v>0</v>
      </c>
      <c r="CO10" s="295">
        <v>0</v>
      </c>
      <c r="CP10" s="293">
        <v>0</v>
      </c>
      <c r="CQ10" s="293">
        <v>0</v>
      </c>
      <c r="CR10" s="293">
        <v>0</v>
      </c>
      <c r="CS10" s="293">
        <v>0</v>
      </c>
      <c r="CT10" s="293">
        <v>0</v>
      </c>
      <c r="CU10" s="296">
        <v>0</v>
      </c>
      <c r="CV10" s="297">
        <v>0</v>
      </c>
      <c r="CW10" s="292">
        <v>0</v>
      </c>
      <c r="CX10" s="293">
        <v>0</v>
      </c>
      <c r="CY10" s="294">
        <v>0</v>
      </c>
      <c r="CZ10" s="298"/>
      <c r="DA10" s="293">
        <v>0</v>
      </c>
      <c r="DB10" s="293">
        <v>0</v>
      </c>
      <c r="DC10" s="293">
        <v>0</v>
      </c>
      <c r="DD10" s="293">
        <v>0</v>
      </c>
      <c r="DE10" s="293">
        <v>0</v>
      </c>
      <c r="DF10" s="296">
        <v>0</v>
      </c>
      <c r="DG10" s="297">
        <v>0</v>
      </c>
      <c r="DH10" s="292">
        <v>0</v>
      </c>
      <c r="DI10" s="293">
        <v>3957</v>
      </c>
      <c r="DJ10" s="294">
        <v>3957</v>
      </c>
      <c r="DK10" s="295">
        <v>0</v>
      </c>
      <c r="DL10" s="293">
        <v>304121</v>
      </c>
      <c r="DM10" s="293">
        <v>1168659</v>
      </c>
      <c r="DN10" s="293">
        <v>9634357</v>
      </c>
      <c r="DO10" s="293">
        <v>14738725</v>
      </c>
      <c r="DP10" s="293">
        <v>8328653</v>
      </c>
      <c r="DQ10" s="296">
        <v>34174515</v>
      </c>
      <c r="DR10" s="299">
        <v>34178472</v>
      </c>
      <c r="DS10" s="292">
        <v>0</v>
      </c>
      <c r="DT10" s="293">
        <v>0</v>
      </c>
      <c r="DU10" s="294">
        <v>0</v>
      </c>
      <c r="DV10" s="298"/>
      <c r="DW10" s="293">
        <v>94798</v>
      </c>
      <c r="DX10" s="293">
        <v>596068</v>
      </c>
      <c r="DY10" s="293">
        <v>8293013</v>
      </c>
      <c r="DZ10" s="293">
        <v>13073048</v>
      </c>
      <c r="EA10" s="293">
        <v>7345687</v>
      </c>
      <c r="EB10" s="296">
        <v>29402614</v>
      </c>
      <c r="EC10" s="297">
        <v>29402614</v>
      </c>
      <c r="ED10" s="292">
        <v>0</v>
      </c>
      <c r="EE10" s="293">
        <v>0</v>
      </c>
      <c r="EF10" s="294">
        <v>0</v>
      </c>
      <c r="EG10" s="298"/>
      <c r="EH10" s="293">
        <v>59340</v>
      </c>
      <c r="EI10" s="293">
        <v>246341</v>
      </c>
      <c r="EJ10" s="293">
        <v>258619</v>
      </c>
      <c r="EK10" s="293">
        <v>476751</v>
      </c>
      <c r="EL10" s="293">
        <v>142294</v>
      </c>
      <c r="EM10" s="296">
        <v>1183345</v>
      </c>
      <c r="EN10" s="297">
        <v>1183345</v>
      </c>
      <c r="EO10" s="292">
        <v>0</v>
      </c>
      <c r="EP10" s="293">
        <v>0</v>
      </c>
      <c r="EQ10" s="294">
        <v>0</v>
      </c>
      <c r="ER10" s="298"/>
      <c r="ES10" s="293">
        <v>0</v>
      </c>
      <c r="ET10" s="293">
        <v>0</v>
      </c>
      <c r="EU10" s="293">
        <v>0</v>
      </c>
      <c r="EV10" s="293">
        <v>34844</v>
      </c>
      <c r="EW10" s="293">
        <v>23157</v>
      </c>
      <c r="EX10" s="296">
        <v>58001</v>
      </c>
      <c r="EY10" s="297">
        <v>58001</v>
      </c>
      <c r="EZ10" s="292">
        <v>0</v>
      </c>
      <c r="FA10" s="293">
        <v>0</v>
      </c>
      <c r="FB10" s="294">
        <v>0</v>
      </c>
      <c r="FC10" s="298"/>
      <c r="FD10" s="293">
        <v>0</v>
      </c>
      <c r="FE10" s="293">
        <v>0</v>
      </c>
      <c r="FF10" s="293">
        <v>217</v>
      </c>
      <c r="FG10" s="293">
        <v>87199</v>
      </c>
      <c r="FH10" s="293">
        <v>75422</v>
      </c>
      <c r="FI10" s="296">
        <v>162838</v>
      </c>
      <c r="FJ10" s="297">
        <v>162838</v>
      </c>
      <c r="FK10" s="292">
        <v>0</v>
      </c>
      <c r="FL10" s="293">
        <v>0</v>
      </c>
      <c r="FM10" s="294">
        <v>0</v>
      </c>
      <c r="FN10" s="298"/>
      <c r="FO10" s="293">
        <v>0</v>
      </c>
      <c r="FP10" s="293">
        <v>21576</v>
      </c>
      <c r="FQ10" s="293">
        <v>158985</v>
      </c>
      <c r="FR10" s="293">
        <v>217713</v>
      </c>
      <c r="FS10" s="293">
        <v>159836</v>
      </c>
      <c r="FT10" s="296">
        <v>558110</v>
      </c>
      <c r="FU10" s="297">
        <v>558110</v>
      </c>
      <c r="FV10" s="292">
        <v>0</v>
      </c>
      <c r="FW10" s="293">
        <v>3957</v>
      </c>
      <c r="FX10" s="294">
        <v>3957</v>
      </c>
      <c r="FY10" s="295">
        <v>0</v>
      </c>
      <c r="FZ10" s="293">
        <v>149983</v>
      </c>
      <c r="GA10" s="293">
        <v>304674</v>
      </c>
      <c r="GB10" s="293">
        <v>919227</v>
      </c>
      <c r="GC10" s="293">
        <v>849128</v>
      </c>
      <c r="GD10" s="293">
        <v>582208</v>
      </c>
      <c r="GE10" s="296">
        <v>2805220</v>
      </c>
      <c r="GF10" s="297">
        <v>2809177</v>
      </c>
      <c r="GG10" s="292">
        <v>0</v>
      </c>
      <c r="GH10" s="293">
        <v>0</v>
      </c>
      <c r="GI10" s="294">
        <v>0</v>
      </c>
      <c r="GJ10" s="295">
        <v>0</v>
      </c>
      <c r="GK10" s="293">
        <v>0</v>
      </c>
      <c r="GL10" s="293">
        <v>0</v>
      </c>
      <c r="GM10" s="293">
        <v>4296</v>
      </c>
      <c r="GN10" s="293">
        <v>42</v>
      </c>
      <c r="GO10" s="293">
        <v>49</v>
      </c>
      <c r="GP10" s="296">
        <v>4387</v>
      </c>
      <c r="GQ10" s="297">
        <v>4387</v>
      </c>
      <c r="GR10" s="292">
        <v>0</v>
      </c>
      <c r="GS10" s="293">
        <v>0</v>
      </c>
      <c r="GT10" s="294">
        <v>0</v>
      </c>
      <c r="GU10" s="295">
        <v>0</v>
      </c>
      <c r="GV10" s="293">
        <v>0</v>
      </c>
      <c r="GW10" s="293">
        <v>0</v>
      </c>
      <c r="GX10" s="293">
        <v>0</v>
      </c>
      <c r="GY10" s="293">
        <v>0</v>
      </c>
      <c r="GZ10" s="293">
        <v>0</v>
      </c>
      <c r="HA10" s="296">
        <v>0</v>
      </c>
      <c r="HB10" s="297">
        <v>0</v>
      </c>
      <c r="HC10" s="292">
        <v>0</v>
      </c>
      <c r="HD10" s="293">
        <v>0</v>
      </c>
      <c r="HE10" s="294">
        <v>0</v>
      </c>
      <c r="HF10" s="298"/>
      <c r="HG10" s="293">
        <v>0</v>
      </c>
      <c r="HH10" s="293">
        <v>0</v>
      </c>
      <c r="HI10" s="293">
        <v>0</v>
      </c>
      <c r="HJ10" s="293">
        <v>0</v>
      </c>
      <c r="HK10" s="293">
        <v>0</v>
      </c>
      <c r="HL10" s="296">
        <v>0</v>
      </c>
      <c r="HM10" s="297">
        <v>0</v>
      </c>
      <c r="HN10" s="292">
        <v>0</v>
      </c>
      <c r="HO10" s="293">
        <v>6872</v>
      </c>
      <c r="HP10" s="294">
        <v>6872</v>
      </c>
      <c r="HQ10" s="295">
        <v>0</v>
      </c>
      <c r="HR10" s="293">
        <v>1226167</v>
      </c>
      <c r="HS10" s="293">
        <v>3066989</v>
      </c>
      <c r="HT10" s="293">
        <v>17909634</v>
      </c>
      <c r="HU10" s="293">
        <v>28580449</v>
      </c>
      <c r="HV10" s="293">
        <v>16446828</v>
      </c>
      <c r="HW10" s="296">
        <v>67230067</v>
      </c>
      <c r="HX10" s="297">
        <v>67236939</v>
      </c>
    </row>
    <row r="11" spans="1:232" ht="21" customHeight="1" x14ac:dyDescent="0.2">
      <c r="A11" s="498" t="s">
        <v>7</v>
      </c>
      <c r="B11" s="292">
        <v>435</v>
      </c>
      <c r="C11" s="293">
        <v>980</v>
      </c>
      <c r="D11" s="294">
        <v>1415</v>
      </c>
      <c r="E11" s="295">
        <v>0</v>
      </c>
      <c r="F11" s="293">
        <v>1673021</v>
      </c>
      <c r="G11" s="293">
        <v>2031720</v>
      </c>
      <c r="H11" s="293">
        <v>7399559</v>
      </c>
      <c r="I11" s="293">
        <v>9468368</v>
      </c>
      <c r="J11" s="293">
        <v>4601703</v>
      </c>
      <c r="K11" s="296">
        <v>25174371</v>
      </c>
      <c r="L11" s="297">
        <v>25175786</v>
      </c>
      <c r="M11" s="292">
        <v>0</v>
      </c>
      <c r="N11" s="293">
        <v>0</v>
      </c>
      <c r="O11" s="294">
        <v>0</v>
      </c>
      <c r="P11" s="298"/>
      <c r="Q11" s="293">
        <v>175195</v>
      </c>
      <c r="R11" s="293">
        <v>476485</v>
      </c>
      <c r="S11" s="293">
        <v>5007669</v>
      </c>
      <c r="T11" s="293">
        <v>7474377</v>
      </c>
      <c r="U11" s="293">
        <v>3880795</v>
      </c>
      <c r="V11" s="296">
        <v>17014521</v>
      </c>
      <c r="W11" s="297">
        <v>17014521</v>
      </c>
      <c r="X11" s="292">
        <v>0</v>
      </c>
      <c r="Y11" s="293">
        <v>0</v>
      </c>
      <c r="Z11" s="294">
        <v>0</v>
      </c>
      <c r="AA11" s="298"/>
      <c r="AB11" s="293">
        <v>1321885</v>
      </c>
      <c r="AC11" s="293">
        <v>1257305</v>
      </c>
      <c r="AD11" s="293">
        <v>1923703</v>
      </c>
      <c r="AE11" s="293">
        <v>1604411</v>
      </c>
      <c r="AF11" s="293">
        <v>549335</v>
      </c>
      <c r="AG11" s="296">
        <v>6656639</v>
      </c>
      <c r="AH11" s="297">
        <v>6656639</v>
      </c>
      <c r="AI11" s="292">
        <v>0</v>
      </c>
      <c r="AJ11" s="293">
        <v>0</v>
      </c>
      <c r="AK11" s="294">
        <v>0</v>
      </c>
      <c r="AL11" s="298"/>
      <c r="AM11" s="293">
        <v>0</v>
      </c>
      <c r="AN11" s="293">
        <v>0</v>
      </c>
      <c r="AO11" s="293">
        <v>0</v>
      </c>
      <c r="AP11" s="293">
        <v>0</v>
      </c>
      <c r="AQ11" s="293">
        <v>5270</v>
      </c>
      <c r="AR11" s="296">
        <v>5270</v>
      </c>
      <c r="AS11" s="297">
        <v>5270</v>
      </c>
      <c r="AT11" s="292">
        <v>0</v>
      </c>
      <c r="AU11" s="293">
        <v>0</v>
      </c>
      <c r="AV11" s="294">
        <v>0</v>
      </c>
      <c r="AW11" s="298"/>
      <c r="AX11" s="293">
        <v>0</v>
      </c>
      <c r="AY11" s="293">
        <v>0</v>
      </c>
      <c r="AZ11" s="293">
        <v>0</v>
      </c>
      <c r="BA11" s="293">
        <v>35340</v>
      </c>
      <c r="BB11" s="293">
        <v>0</v>
      </c>
      <c r="BC11" s="296">
        <v>35340</v>
      </c>
      <c r="BD11" s="297">
        <v>35340</v>
      </c>
      <c r="BE11" s="292">
        <v>0</v>
      </c>
      <c r="BF11" s="293">
        <v>0</v>
      </c>
      <c r="BG11" s="294">
        <v>0</v>
      </c>
      <c r="BH11" s="298"/>
      <c r="BI11" s="293">
        <v>0</v>
      </c>
      <c r="BJ11" s="293">
        <v>0</v>
      </c>
      <c r="BK11" s="293">
        <v>0</v>
      </c>
      <c r="BL11" s="293">
        <v>0</v>
      </c>
      <c r="BM11" s="293">
        <v>0</v>
      </c>
      <c r="BN11" s="296">
        <v>0</v>
      </c>
      <c r="BO11" s="297">
        <v>0</v>
      </c>
      <c r="BP11" s="292">
        <v>435</v>
      </c>
      <c r="BQ11" s="293">
        <v>980</v>
      </c>
      <c r="BR11" s="294">
        <v>1415</v>
      </c>
      <c r="BS11" s="295">
        <v>0</v>
      </c>
      <c r="BT11" s="293">
        <v>171511</v>
      </c>
      <c r="BU11" s="293">
        <v>282727</v>
      </c>
      <c r="BV11" s="293">
        <v>438867</v>
      </c>
      <c r="BW11" s="293">
        <v>342158</v>
      </c>
      <c r="BX11" s="293">
        <v>165273</v>
      </c>
      <c r="BY11" s="296">
        <v>1400536</v>
      </c>
      <c r="BZ11" s="297">
        <v>1401951</v>
      </c>
      <c r="CA11" s="292">
        <v>0</v>
      </c>
      <c r="CB11" s="293">
        <v>0</v>
      </c>
      <c r="CC11" s="294">
        <v>0</v>
      </c>
      <c r="CD11" s="295">
        <v>0</v>
      </c>
      <c r="CE11" s="293">
        <v>4430</v>
      </c>
      <c r="CF11" s="293">
        <v>15203</v>
      </c>
      <c r="CG11" s="293">
        <v>29320</v>
      </c>
      <c r="CH11" s="293">
        <v>12082</v>
      </c>
      <c r="CI11" s="293">
        <v>1030</v>
      </c>
      <c r="CJ11" s="296">
        <v>62065</v>
      </c>
      <c r="CK11" s="297">
        <v>62065</v>
      </c>
      <c r="CL11" s="292">
        <v>0</v>
      </c>
      <c r="CM11" s="293">
        <v>0</v>
      </c>
      <c r="CN11" s="294">
        <v>0</v>
      </c>
      <c r="CO11" s="295">
        <v>0</v>
      </c>
      <c r="CP11" s="293">
        <v>0</v>
      </c>
      <c r="CQ11" s="293">
        <v>0</v>
      </c>
      <c r="CR11" s="293">
        <v>0</v>
      </c>
      <c r="CS11" s="293">
        <v>0</v>
      </c>
      <c r="CT11" s="293">
        <v>0</v>
      </c>
      <c r="CU11" s="296">
        <v>0</v>
      </c>
      <c r="CV11" s="297">
        <v>0</v>
      </c>
      <c r="CW11" s="292">
        <v>0</v>
      </c>
      <c r="CX11" s="293">
        <v>0</v>
      </c>
      <c r="CY11" s="294">
        <v>0</v>
      </c>
      <c r="CZ11" s="298"/>
      <c r="DA11" s="293">
        <v>0</v>
      </c>
      <c r="DB11" s="293">
        <v>0</v>
      </c>
      <c r="DC11" s="293">
        <v>0</v>
      </c>
      <c r="DD11" s="293">
        <v>0</v>
      </c>
      <c r="DE11" s="293">
        <v>0</v>
      </c>
      <c r="DF11" s="296">
        <v>0</v>
      </c>
      <c r="DG11" s="297">
        <v>0</v>
      </c>
      <c r="DH11" s="292">
        <v>3480</v>
      </c>
      <c r="DI11" s="293">
        <v>4563</v>
      </c>
      <c r="DJ11" s="294">
        <v>8043</v>
      </c>
      <c r="DK11" s="295">
        <v>0</v>
      </c>
      <c r="DL11" s="293">
        <v>648869</v>
      </c>
      <c r="DM11" s="293">
        <v>1319940</v>
      </c>
      <c r="DN11" s="293">
        <v>7141435</v>
      </c>
      <c r="DO11" s="293">
        <v>9447651</v>
      </c>
      <c r="DP11" s="293">
        <v>4906184</v>
      </c>
      <c r="DQ11" s="296">
        <v>23464079</v>
      </c>
      <c r="DR11" s="299">
        <v>23472122</v>
      </c>
      <c r="DS11" s="292">
        <v>0</v>
      </c>
      <c r="DT11" s="293">
        <v>0</v>
      </c>
      <c r="DU11" s="294">
        <v>0</v>
      </c>
      <c r="DV11" s="298"/>
      <c r="DW11" s="293">
        <v>204087</v>
      </c>
      <c r="DX11" s="293">
        <v>614284</v>
      </c>
      <c r="DY11" s="293">
        <v>6180283</v>
      </c>
      <c r="DZ11" s="293">
        <v>8625090</v>
      </c>
      <c r="EA11" s="293">
        <v>4550643</v>
      </c>
      <c r="EB11" s="296">
        <v>20174387</v>
      </c>
      <c r="EC11" s="297">
        <v>20174387</v>
      </c>
      <c r="ED11" s="292">
        <v>0</v>
      </c>
      <c r="EE11" s="293">
        <v>0</v>
      </c>
      <c r="EF11" s="294">
        <v>0</v>
      </c>
      <c r="EG11" s="298"/>
      <c r="EH11" s="293">
        <v>168001</v>
      </c>
      <c r="EI11" s="293">
        <v>182455</v>
      </c>
      <c r="EJ11" s="293">
        <v>286469</v>
      </c>
      <c r="EK11" s="293">
        <v>348070</v>
      </c>
      <c r="EL11" s="293">
        <v>127634</v>
      </c>
      <c r="EM11" s="296">
        <v>1112629</v>
      </c>
      <c r="EN11" s="297">
        <v>1112629</v>
      </c>
      <c r="EO11" s="292">
        <v>0</v>
      </c>
      <c r="EP11" s="293">
        <v>0</v>
      </c>
      <c r="EQ11" s="294">
        <v>0</v>
      </c>
      <c r="ER11" s="298"/>
      <c r="ES11" s="293">
        <v>0</v>
      </c>
      <c r="ET11" s="293">
        <v>0</v>
      </c>
      <c r="EU11" s="293">
        <v>0</v>
      </c>
      <c r="EV11" s="293">
        <v>77</v>
      </c>
      <c r="EW11" s="293">
        <v>434</v>
      </c>
      <c r="EX11" s="296">
        <v>511</v>
      </c>
      <c r="EY11" s="297">
        <v>511</v>
      </c>
      <c r="EZ11" s="292">
        <v>0</v>
      </c>
      <c r="FA11" s="293">
        <v>0</v>
      </c>
      <c r="FB11" s="294">
        <v>0</v>
      </c>
      <c r="FC11" s="298"/>
      <c r="FD11" s="293">
        <v>0</v>
      </c>
      <c r="FE11" s="293">
        <v>0</v>
      </c>
      <c r="FF11" s="293">
        <v>0</v>
      </c>
      <c r="FG11" s="293">
        <v>434</v>
      </c>
      <c r="FH11" s="293">
        <v>0</v>
      </c>
      <c r="FI11" s="296">
        <v>434</v>
      </c>
      <c r="FJ11" s="297">
        <v>434</v>
      </c>
      <c r="FK11" s="292">
        <v>0</v>
      </c>
      <c r="FL11" s="293">
        <v>0</v>
      </c>
      <c r="FM11" s="294">
        <v>0</v>
      </c>
      <c r="FN11" s="298"/>
      <c r="FO11" s="293">
        <v>0</v>
      </c>
      <c r="FP11" s="293">
        <v>0</v>
      </c>
      <c r="FQ11" s="293">
        <v>0</v>
      </c>
      <c r="FR11" s="293">
        <v>0</v>
      </c>
      <c r="FS11" s="293">
        <v>0</v>
      </c>
      <c r="FT11" s="296">
        <v>0</v>
      </c>
      <c r="FU11" s="297">
        <v>0</v>
      </c>
      <c r="FV11" s="292">
        <v>3480</v>
      </c>
      <c r="FW11" s="293">
        <v>4563</v>
      </c>
      <c r="FX11" s="294">
        <v>8043</v>
      </c>
      <c r="FY11" s="295">
        <v>0</v>
      </c>
      <c r="FZ11" s="293">
        <v>274795</v>
      </c>
      <c r="GA11" s="293">
        <v>514759</v>
      </c>
      <c r="GB11" s="293">
        <v>669611</v>
      </c>
      <c r="GC11" s="293">
        <v>473637</v>
      </c>
      <c r="GD11" s="293">
        <v>225648</v>
      </c>
      <c r="GE11" s="296">
        <v>2158450</v>
      </c>
      <c r="GF11" s="297">
        <v>2166493</v>
      </c>
      <c r="GG11" s="292">
        <v>0</v>
      </c>
      <c r="GH11" s="293">
        <v>0</v>
      </c>
      <c r="GI11" s="294">
        <v>0</v>
      </c>
      <c r="GJ11" s="295">
        <v>0</v>
      </c>
      <c r="GK11" s="293">
        <v>1986</v>
      </c>
      <c r="GL11" s="293">
        <v>8442</v>
      </c>
      <c r="GM11" s="293">
        <v>5072</v>
      </c>
      <c r="GN11" s="293">
        <v>343</v>
      </c>
      <c r="GO11" s="293">
        <v>1825</v>
      </c>
      <c r="GP11" s="296">
        <v>17668</v>
      </c>
      <c r="GQ11" s="297">
        <v>17668</v>
      </c>
      <c r="GR11" s="292">
        <v>0</v>
      </c>
      <c r="GS11" s="293">
        <v>0</v>
      </c>
      <c r="GT11" s="294">
        <v>0</v>
      </c>
      <c r="GU11" s="295">
        <v>0</v>
      </c>
      <c r="GV11" s="293">
        <v>0</v>
      </c>
      <c r="GW11" s="293">
        <v>0</v>
      </c>
      <c r="GX11" s="293">
        <v>0</v>
      </c>
      <c r="GY11" s="293">
        <v>0</v>
      </c>
      <c r="GZ11" s="293">
        <v>0</v>
      </c>
      <c r="HA11" s="296">
        <v>0</v>
      </c>
      <c r="HB11" s="297">
        <v>0</v>
      </c>
      <c r="HC11" s="292">
        <v>0</v>
      </c>
      <c r="HD11" s="293">
        <v>0</v>
      </c>
      <c r="HE11" s="294">
        <v>0</v>
      </c>
      <c r="HF11" s="298"/>
      <c r="HG11" s="293">
        <v>0</v>
      </c>
      <c r="HH11" s="293">
        <v>0</v>
      </c>
      <c r="HI11" s="293">
        <v>0</v>
      </c>
      <c r="HJ11" s="293">
        <v>0</v>
      </c>
      <c r="HK11" s="293">
        <v>0</v>
      </c>
      <c r="HL11" s="296">
        <v>0</v>
      </c>
      <c r="HM11" s="297">
        <v>0</v>
      </c>
      <c r="HN11" s="292">
        <v>3915</v>
      </c>
      <c r="HO11" s="293">
        <v>5543</v>
      </c>
      <c r="HP11" s="294">
        <v>9458</v>
      </c>
      <c r="HQ11" s="295">
        <v>0</v>
      </c>
      <c r="HR11" s="293">
        <v>2321890</v>
      </c>
      <c r="HS11" s="293">
        <v>3351660</v>
      </c>
      <c r="HT11" s="293">
        <v>14540994</v>
      </c>
      <c r="HU11" s="293">
        <v>18916019</v>
      </c>
      <c r="HV11" s="293">
        <v>9507887</v>
      </c>
      <c r="HW11" s="296">
        <v>48638450</v>
      </c>
      <c r="HX11" s="297">
        <v>48647908</v>
      </c>
    </row>
    <row r="12" spans="1:232" ht="21" customHeight="1" x14ac:dyDescent="0.2">
      <c r="A12" s="498" t="s">
        <v>8</v>
      </c>
      <c r="B12" s="292">
        <v>290</v>
      </c>
      <c r="C12" s="293">
        <v>6762</v>
      </c>
      <c r="D12" s="294">
        <v>7052</v>
      </c>
      <c r="E12" s="295">
        <v>0</v>
      </c>
      <c r="F12" s="293">
        <v>549582</v>
      </c>
      <c r="G12" s="293">
        <v>1236966</v>
      </c>
      <c r="H12" s="293">
        <v>5116615</v>
      </c>
      <c r="I12" s="293">
        <v>4478398</v>
      </c>
      <c r="J12" s="293">
        <v>2757660</v>
      </c>
      <c r="K12" s="296">
        <v>14139221</v>
      </c>
      <c r="L12" s="297">
        <v>14146273</v>
      </c>
      <c r="M12" s="292">
        <v>0</v>
      </c>
      <c r="N12" s="293">
        <v>0</v>
      </c>
      <c r="O12" s="294">
        <v>0</v>
      </c>
      <c r="P12" s="298"/>
      <c r="Q12" s="293">
        <v>178560</v>
      </c>
      <c r="R12" s="293">
        <v>290060</v>
      </c>
      <c r="S12" s="293">
        <v>3578495</v>
      </c>
      <c r="T12" s="293">
        <v>3262810</v>
      </c>
      <c r="U12" s="293">
        <v>2123307</v>
      </c>
      <c r="V12" s="296">
        <v>9433232</v>
      </c>
      <c r="W12" s="297">
        <v>9433232</v>
      </c>
      <c r="X12" s="292">
        <v>0</v>
      </c>
      <c r="Y12" s="293">
        <v>0</v>
      </c>
      <c r="Z12" s="294">
        <v>0</v>
      </c>
      <c r="AA12" s="298"/>
      <c r="AB12" s="293">
        <v>276013</v>
      </c>
      <c r="AC12" s="293">
        <v>773789</v>
      </c>
      <c r="AD12" s="293">
        <v>1094325</v>
      </c>
      <c r="AE12" s="293">
        <v>734025</v>
      </c>
      <c r="AF12" s="293">
        <v>397233</v>
      </c>
      <c r="AG12" s="296">
        <v>3275385</v>
      </c>
      <c r="AH12" s="297">
        <v>3275385</v>
      </c>
      <c r="AI12" s="292">
        <v>0</v>
      </c>
      <c r="AJ12" s="293">
        <v>0</v>
      </c>
      <c r="AK12" s="294">
        <v>0</v>
      </c>
      <c r="AL12" s="298"/>
      <c r="AM12" s="293">
        <v>0</v>
      </c>
      <c r="AN12" s="293">
        <v>0</v>
      </c>
      <c r="AO12" s="293">
        <v>0</v>
      </c>
      <c r="AP12" s="293">
        <v>0</v>
      </c>
      <c r="AQ12" s="293">
        <v>0</v>
      </c>
      <c r="AR12" s="296">
        <v>0</v>
      </c>
      <c r="AS12" s="297">
        <v>0</v>
      </c>
      <c r="AT12" s="292">
        <v>0</v>
      </c>
      <c r="AU12" s="293">
        <v>0</v>
      </c>
      <c r="AV12" s="294">
        <v>0</v>
      </c>
      <c r="AW12" s="298"/>
      <c r="AX12" s="293">
        <v>35495</v>
      </c>
      <c r="AY12" s="293">
        <v>0</v>
      </c>
      <c r="AZ12" s="293">
        <v>32705</v>
      </c>
      <c r="BA12" s="293">
        <v>21625</v>
      </c>
      <c r="BB12" s="293">
        <v>70835</v>
      </c>
      <c r="BC12" s="296">
        <v>160660</v>
      </c>
      <c r="BD12" s="297">
        <v>160660</v>
      </c>
      <c r="BE12" s="292">
        <v>0</v>
      </c>
      <c r="BF12" s="293">
        <v>0</v>
      </c>
      <c r="BG12" s="294">
        <v>0</v>
      </c>
      <c r="BH12" s="298"/>
      <c r="BI12" s="293">
        <v>0</v>
      </c>
      <c r="BJ12" s="293">
        <v>2635</v>
      </c>
      <c r="BK12" s="293">
        <v>48515</v>
      </c>
      <c r="BL12" s="293">
        <v>219130</v>
      </c>
      <c r="BM12" s="293">
        <v>74250</v>
      </c>
      <c r="BN12" s="296">
        <v>344530</v>
      </c>
      <c r="BO12" s="297">
        <v>344530</v>
      </c>
      <c r="BP12" s="292">
        <v>290</v>
      </c>
      <c r="BQ12" s="293">
        <v>6762</v>
      </c>
      <c r="BR12" s="294">
        <v>7052</v>
      </c>
      <c r="BS12" s="295">
        <v>0</v>
      </c>
      <c r="BT12" s="293">
        <v>59514</v>
      </c>
      <c r="BU12" s="293">
        <v>167877</v>
      </c>
      <c r="BV12" s="293">
        <v>343548</v>
      </c>
      <c r="BW12" s="293">
        <v>240808</v>
      </c>
      <c r="BX12" s="293">
        <v>92035</v>
      </c>
      <c r="BY12" s="296">
        <v>903782</v>
      </c>
      <c r="BZ12" s="297">
        <v>910834</v>
      </c>
      <c r="CA12" s="292">
        <v>0</v>
      </c>
      <c r="CB12" s="293">
        <v>0</v>
      </c>
      <c r="CC12" s="294">
        <v>0</v>
      </c>
      <c r="CD12" s="295">
        <v>0</v>
      </c>
      <c r="CE12" s="293">
        <v>0</v>
      </c>
      <c r="CF12" s="293">
        <v>2605</v>
      </c>
      <c r="CG12" s="293">
        <v>19027</v>
      </c>
      <c r="CH12" s="293">
        <v>0</v>
      </c>
      <c r="CI12" s="293">
        <v>0</v>
      </c>
      <c r="CJ12" s="296">
        <v>21632</v>
      </c>
      <c r="CK12" s="297">
        <v>21632</v>
      </c>
      <c r="CL12" s="292">
        <v>0</v>
      </c>
      <c r="CM12" s="293">
        <v>0</v>
      </c>
      <c r="CN12" s="294">
        <v>0</v>
      </c>
      <c r="CO12" s="295">
        <v>0</v>
      </c>
      <c r="CP12" s="293">
        <v>0</v>
      </c>
      <c r="CQ12" s="293">
        <v>0</v>
      </c>
      <c r="CR12" s="293">
        <v>0</v>
      </c>
      <c r="CS12" s="293">
        <v>0</v>
      </c>
      <c r="CT12" s="293">
        <v>0</v>
      </c>
      <c r="CU12" s="296">
        <v>0</v>
      </c>
      <c r="CV12" s="297">
        <v>0</v>
      </c>
      <c r="CW12" s="292">
        <v>0</v>
      </c>
      <c r="CX12" s="293">
        <v>0</v>
      </c>
      <c r="CY12" s="294">
        <v>0</v>
      </c>
      <c r="CZ12" s="298"/>
      <c r="DA12" s="293">
        <v>0</v>
      </c>
      <c r="DB12" s="293">
        <v>0</v>
      </c>
      <c r="DC12" s="293">
        <v>0</v>
      </c>
      <c r="DD12" s="293">
        <v>0</v>
      </c>
      <c r="DE12" s="293">
        <v>0</v>
      </c>
      <c r="DF12" s="296">
        <v>0</v>
      </c>
      <c r="DG12" s="297">
        <v>0</v>
      </c>
      <c r="DH12" s="292">
        <v>2784</v>
      </c>
      <c r="DI12" s="293">
        <v>11496</v>
      </c>
      <c r="DJ12" s="294">
        <v>14280</v>
      </c>
      <c r="DK12" s="295">
        <v>0</v>
      </c>
      <c r="DL12" s="293">
        <v>436726</v>
      </c>
      <c r="DM12" s="293">
        <v>1054003</v>
      </c>
      <c r="DN12" s="293">
        <v>5705674</v>
      </c>
      <c r="DO12" s="293">
        <v>5562543</v>
      </c>
      <c r="DP12" s="293">
        <v>3182460</v>
      </c>
      <c r="DQ12" s="296">
        <v>15941406</v>
      </c>
      <c r="DR12" s="299">
        <v>15955686</v>
      </c>
      <c r="DS12" s="292">
        <v>0</v>
      </c>
      <c r="DT12" s="293">
        <v>0</v>
      </c>
      <c r="DU12" s="294">
        <v>0</v>
      </c>
      <c r="DV12" s="298"/>
      <c r="DW12" s="293">
        <v>259098</v>
      </c>
      <c r="DX12" s="293">
        <v>714705</v>
      </c>
      <c r="DY12" s="293">
        <v>4670696</v>
      </c>
      <c r="DZ12" s="293">
        <v>4672227</v>
      </c>
      <c r="EA12" s="293">
        <v>2815452</v>
      </c>
      <c r="EB12" s="296">
        <v>13132178</v>
      </c>
      <c r="EC12" s="297">
        <v>13132178</v>
      </c>
      <c r="ED12" s="292">
        <v>0</v>
      </c>
      <c r="EE12" s="293">
        <v>0</v>
      </c>
      <c r="EF12" s="294">
        <v>0</v>
      </c>
      <c r="EG12" s="298"/>
      <c r="EH12" s="293">
        <v>40077</v>
      </c>
      <c r="EI12" s="293">
        <v>89415</v>
      </c>
      <c r="EJ12" s="293">
        <v>126256</v>
      </c>
      <c r="EK12" s="293">
        <v>78222</v>
      </c>
      <c r="EL12" s="293">
        <v>28448</v>
      </c>
      <c r="EM12" s="296">
        <v>362418</v>
      </c>
      <c r="EN12" s="297">
        <v>362418</v>
      </c>
      <c r="EO12" s="292">
        <v>0</v>
      </c>
      <c r="EP12" s="293">
        <v>0</v>
      </c>
      <c r="EQ12" s="294">
        <v>0</v>
      </c>
      <c r="ER12" s="298"/>
      <c r="ES12" s="293">
        <v>0</v>
      </c>
      <c r="ET12" s="293">
        <v>0</v>
      </c>
      <c r="EU12" s="293">
        <v>0</v>
      </c>
      <c r="EV12" s="293">
        <v>0</v>
      </c>
      <c r="EW12" s="293">
        <v>0</v>
      </c>
      <c r="EX12" s="296">
        <v>0</v>
      </c>
      <c r="EY12" s="297">
        <v>0</v>
      </c>
      <c r="EZ12" s="292">
        <v>0</v>
      </c>
      <c r="FA12" s="293">
        <v>0</v>
      </c>
      <c r="FB12" s="294">
        <v>0</v>
      </c>
      <c r="FC12" s="298"/>
      <c r="FD12" s="293">
        <v>11687</v>
      </c>
      <c r="FE12" s="293">
        <v>0</v>
      </c>
      <c r="FF12" s="293">
        <v>217</v>
      </c>
      <c r="FG12" s="293">
        <v>343</v>
      </c>
      <c r="FH12" s="293">
        <v>12121</v>
      </c>
      <c r="FI12" s="296">
        <v>24368</v>
      </c>
      <c r="FJ12" s="297">
        <v>24368</v>
      </c>
      <c r="FK12" s="292">
        <v>0</v>
      </c>
      <c r="FL12" s="293">
        <v>0</v>
      </c>
      <c r="FM12" s="294">
        <v>0</v>
      </c>
      <c r="FN12" s="298"/>
      <c r="FO12" s="293">
        <v>0</v>
      </c>
      <c r="FP12" s="293">
        <v>21576</v>
      </c>
      <c r="FQ12" s="293">
        <v>166222</v>
      </c>
      <c r="FR12" s="293">
        <v>352880</v>
      </c>
      <c r="FS12" s="293">
        <v>150092</v>
      </c>
      <c r="FT12" s="296">
        <v>690770</v>
      </c>
      <c r="FU12" s="297">
        <v>690770</v>
      </c>
      <c r="FV12" s="292">
        <v>2784</v>
      </c>
      <c r="FW12" s="293">
        <v>11496</v>
      </c>
      <c r="FX12" s="294">
        <v>14280</v>
      </c>
      <c r="FY12" s="295">
        <v>0</v>
      </c>
      <c r="FZ12" s="293">
        <v>125864</v>
      </c>
      <c r="GA12" s="293">
        <v>228181</v>
      </c>
      <c r="GB12" s="293">
        <v>740869</v>
      </c>
      <c r="GC12" s="293">
        <v>458871</v>
      </c>
      <c r="GD12" s="293">
        <v>176347</v>
      </c>
      <c r="GE12" s="296">
        <v>1730132</v>
      </c>
      <c r="GF12" s="297">
        <v>1744412</v>
      </c>
      <c r="GG12" s="292">
        <v>0</v>
      </c>
      <c r="GH12" s="293">
        <v>0</v>
      </c>
      <c r="GI12" s="294">
        <v>0</v>
      </c>
      <c r="GJ12" s="295">
        <v>0</v>
      </c>
      <c r="GK12" s="293">
        <v>0</v>
      </c>
      <c r="GL12" s="293">
        <v>126</v>
      </c>
      <c r="GM12" s="293">
        <v>1414</v>
      </c>
      <c r="GN12" s="293">
        <v>0</v>
      </c>
      <c r="GO12" s="293">
        <v>0</v>
      </c>
      <c r="GP12" s="296">
        <v>1540</v>
      </c>
      <c r="GQ12" s="297">
        <v>1540</v>
      </c>
      <c r="GR12" s="292">
        <v>0</v>
      </c>
      <c r="GS12" s="293">
        <v>0</v>
      </c>
      <c r="GT12" s="294">
        <v>0</v>
      </c>
      <c r="GU12" s="295">
        <v>0</v>
      </c>
      <c r="GV12" s="293">
        <v>0</v>
      </c>
      <c r="GW12" s="293">
        <v>0</v>
      </c>
      <c r="GX12" s="293">
        <v>0</v>
      </c>
      <c r="GY12" s="293">
        <v>0</v>
      </c>
      <c r="GZ12" s="293">
        <v>0</v>
      </c>
      <c r="HA12" s="296">
        <v>0</v>
      </c>
      <c r="HB12" s="297">
        <v>0</v>
      </c>
      <c r="HC12" s="292">
        <v>0</v>
      </c>
      <c r="HD12" s="293">
        <v>0</v>
      </c>
      <c r="HE12" s="294">
        <v>0</v>
      </c>
      <c r="HF12" s="298"/>
      <c r="HG12" s="293">
        <v>0</v>
      </c>
      <c r="HH12" s="293">
        <v>0</v>
      </c>
      <c r="HI12" s="293">
        <v>0</v>
      </c>
      <c r="HJ12" s="293">
        <v>0</v>
      </c>
      <c r="HK12" s="293">
        <v>0</v>
      </c>
      <c r="HL12" s="296">
        <v>0</v>
      </c>
      <c r="HM12" s="297">
        <v>0</v>
      </c>
      <c r="HN12" s="292">
        <v>3074</v>
      </c>
      <c r="HO12" s="293">
        <v>18258</v>
      </c>
      <c r="HP12" s="294">
        <v>21332</v>
      </c>
      <c r="HQ12" s="295">
        <v>0</v>
      </c>
      <c r="HR12" s="293">
        <v>986308</v>
      </c>
      <c r="HS12" s="293">
        <v>2290969</v>
      </c>
      <c r="HT12" s="293">
        <v>10822289</v>
      </c>
      <c r="HU12" s="293">
        <v>10040941</v>
      </c>
      <c r="HV12" s="293">
        <v>5940120</v>
      </c>
      <c r="HW12" s="296">
        <v>30080627</v>
      </c>
      <c r="HX12" s="297">
        <v>30101959</v>
      </c>
    </row>
    <row r="13" spans="1:232" ht="21" customHeight="1" x14ac:dyDescent="0.2">
      <c r="A13" s="498" t="s">
        <v>9</v>
      </c>
      <c r="B13" s="292">
        <v>0</v>
      </c>
      <c r="C13" s="293">
        <v>30</v>
      </c>
      <c r="D13" s="294">
        <v>30</v>
      </c>
      <c r="E13" s="295">
        <v>0</v>
      </c>
      <c r="F13" s="293">
        <v>299271</v>
      </c>
      <c r="G13" s="293">
        <v>311555</v>
      </c>
      <c r="H13" s="293">
        <v>2128323</v>
      </c>
      <c r="I13" s="293">
        <v>2362455</v>
      </c>
      <c r="J13" s="293">
        <v>1592392</v>
      </c>
      <c r="K13" s="296">
        <v>6693996</v>
      </c>
      <c r="L13" s="297">
        <v>6694026</v>
      </c>
      <c r="M13" s="292">
        <v>0</v>
      </c>
      <c r="N13" s="293">
        <v>0</v>
      </c>
      <c r="O13" s="294">
        <v>0</v>
      </c>
      <c r="P13" s="298"/>
      <c r="Q13" s="293">
        <v>100785</v>
      </c>
      <c r="R13" s="293">
        <v>35340</v>
      </c>
      <c r="S13" s="293">
        <v>1461459</v>
      </c>
      <c r="T13" s="293">
        <v>1830472</v>
      </c>
      <c r="U13" s="293">
        <v>1337379</v>
      </c>
      <c r="V13" s="296">
        <v>4765435</v>
      </c>
      <c r="W13" s="297">
        <v>4765435</v>
      </c>
      <c r="X13" s="292">
        <v>0</v>
      </c>
      <c r="Y13" s="293">
        <v>0</v>
      </c>
      <c r="Z13" s="294">
        <v>0</v>
      </c>
      <c r="AA13" s="298"/>
      <c r="AB13" s="293">
        <v>155934</v>
      </c>
      <c r="AC13" s="293">
        <v>168485</v>
      </c>
      <c r="AD13" s="293">
        <v>427302</v>
      </c>
      <c r="AE13" s="293">
        <v>466219</v>
      </c>
      <c r="AF13" s="293">
        <v>181514</v>
      </c>
      <c r="AG13" s="296">
        <v>1399454</v>
      </c>
      <c r="AH13" s="297">
        <v>1399454</v>
      </c>
      <c r="AI13" s="292">
        <v>0</v>
      </c>
      <c r="AJ13" s="293">
        <v>0</v>
      </c>
      <c r="AK13" s="294">
        <v>0</v>
      </c>
      <c r="AL13" s="298"/>
      <c r="AM13" s="293">
        <v>0</v>
      </c>
      <c r="AN13" s="293">
        <v>0</v>
      </c>
      <c r="AO13" s="293">
        <v>0</v>
      </c>
      <c r="AP13" s="293">
        <v>0</v>
      </c>
      <c r="AQ13" s="293">
        <v>0</v>
      </c>
      <c r="AR13" s="296">
        <v>0</v>
      </c>
      <c r="AS13" s="297">
        <v>0</v>
      </c>
      <c r="AT13" s="292">
        <v>0</v>
      </c>
      <c r="AU13" s="293">
        <v>0</v>
      </c>
      <c r="AV13" s="294">
        <v>0</v>
      </c>
      <c r="AW13" s="298"/>
      <c r="AX13" s="293">
        <v>0</v>
      </c>
      <c r="AY13" s="293">
        <v>0</v>
      </c>
      <c r="AZ13" s="293">
        <v>0</v>
      </c>
      <c r="BA13" s="293">
        <v>0</v>
      </c>
      <c r="BB13" s="293">
        <v>6630</v>
      </c>
      <c r="BC13" s="296">
        <v>6630</v>
      </c>
      <c r="BD13" s="297">
        <v>6630</v>
      </c>
      <c r="BE13" s="292">
        <v>0</v>
      </c>
      <c r="BF13" s="293">
        <v>0</v>
      </c>
      <c r="BG13" s="294">
        <v>0</v>
      </c>
      <c r="BH13" s="298"/>
      <c r="BI13" s="293">
        <v>0</v>
      </c>
      <c r="BJ13" s="293">
        <v>0</v>
      </c>
      <c r="BK13" s="293">
        <v>0</v>
      </c>
      <c r="BL13" s="293">
        <v>24645</v>
      </c>
      <c r="BM13" s="293">
        <v>0</v>
      </c>
      <c r="BN13" s="296">
        <v>24645</v>
      </c>
      <c r="BO13" s="297">
        <v>24645</v>
      </c>
      <c r="BP13" s="292">
        <v>0</v>
      </c>
      <c r="BQ13" s="293">
        <v>30</v>
      </c>
      <c r="BR13" s="294">
        <v>30</v>
      </c>
      <c r="BS13" s="295">
        <v>0</v>
      </c>
      <c r="BT13" s="293">
        <v>39662</v>
      </c>
      <c r="BU13" s="293">
        <v>107535</v>
      </c>
      <c r="BV13" s="293">
        <v>238547</v>
      </c>
      <c r="BW13" s="293">
        <v>37031</v>
      </c>
      <c r="BX13" s="293">
        <v>52895</v>
      </c>
      <c r="BY13" s="296">
        <v>475670</v>
      </c>
      <c r="BZ13" s="297">
        <v>475700</v>
      </c>
      <c r="CA13" s="292">
        <v>0</v>
      </c>
      <c r="CB13" s="293">
        <v>0</v>
      </c>
      <c r="CC13" s="294">
        <v>0</v>
      </c>
      <c r="CD13" s="295">
        <v>0</v>
      </c>
      <c r="CE13" s="293">
        <v>2890</v>
      </c>
      <c r="CF13" s="293">
        <v>195</v>
      </c>
      <c r="CG13" s="293">
        <v>1015</v>
      </c>
      <c r="CH13" s="293">
        <v>4088</v>
      </c>
      <c r="CI13" s="293">
        <v>13974</v>
      </c>
      <c r="CJ13" s="296">
        <v>22162</v>
      </c>
      <c r="CK13" s="297">
        <v>22162</v>
      </c>
      <c r="CL13" s="292">
        <v>0</v>
      </c>
      <c r="CM13" s="293">
        <v>0</v>
      </c>
      <c r="CN13" s="294">
        <v>0</v>
      </c>
      <c r="CO13" s="295">
        <v>0</v>
      </c>
      <c r="CP13" s="293">
        <v>0</v>
      </c>
      <c r="CQ13" s="293">
        <v>0</v>
      </c>
      <c r="CR13" s="293">
        <v>0</v>
      </c>
      <c r="CS13" s="293">
        <v>0</v>
      </c>
      <c r="CT13" s="293">
        <v>0</v>
      </c>
      <c r="CU13" s="296">
        <v>0</v>
      </c>
      <c r="CV13" s="297">
        <v>0</v>
      </c>
      <c r="CW13" s="292">
        <v>0</v>
      </c>
      <c r="CX13" s="293">
        <v>0</v>
      </c>
      <c r="CY13" s="294">
        <v>0</v>
      </c>
      <c r="CZ13" s="298"/>
      <c r="DA13" s="293">
        <v>0</v>
      </c>
      <c r="DB13" s="293">
        <v>0</v>
      </c>
      <c r="DC13" s="293">
        <v>0</v>
      </c>
      <c r="DD13" s="293">
        <v>0</v>
      </c>
      <c r="DE13" s="293">
        <v>0</v>
      </c>
      <c r="DF13" s="296">
        <v>0</v>
      </c>
      <c r="DG13" s="297">
        <v>0</v>
      </c>
      <c r="DH13" s="292">
        <v>0</v>
      </c>
      <c r="DI13" s="293">
        <v>1392</v>
      </c>
      <c r="DJ13" s="294">
        <v>1392</v>
      </c>
      <c r="DK13" s="295">
        <v>0</v>
      </c>
      <c r="DL13" s="293">
        <v>235368</v>
      </c>
      <c r="DM13" s="293">
        <v>215651</v>
      </c>
      <c r="DN13" s="293">
        <v>2405872</v>
      </c>
      <c r="DO13" s="293">
        <v>2872312</v>
      </c>
      <c r="DP13" s="293">
        <v>2056507</v>
      </c>
      <c r="DQ13" s="296">
        <v>7785710</v>
      </c>
      <c r="DR13" s="299">
        <v>7787102</v>
      </c>
      <c r="DS13" s="292">
        <v>0</v>
      </c>
      <c r="DT13" s="293">
        <v>0</v>
      </c>
      <c r="DU13" s="294">
        <v>0</v>
      </c>
      <c r="DV13" s="298"/>
      <c r="DW13" s="293">
        <v>131254</v>
      </c>
      <c r="DX13" s="293">
        <v>58342</v>
      </c>
      <c r="DY13" s="293">
        <v>2001094</v>
      </c>
      <c r="DZ13" s="293">
        <v>2712317</v>
      </c>
      <c r="EA13" s="293">
        <v>1914219</v>
      </c>
      <c r="EB13" s="296">
        <v>6817226</v>
      </c>
      <c r="EC13" s="297">
        <v>6817226</v>
      </c>
      <c r="ED13" s="292">
        <v>0</v>
      </c>
      <c r="EE13" s="293">
        <v>0</v>
      </c>
      <c r="EF13" s="294">
        <v>0</v>
      </c>
      <c r="EG13" s="298"/>
      <c r="EH13" s="293">
        <v>46097</v>
      </c>
      <c r="EI13" s="293">
        <v>14732</v>
      </c>
      <c r="EJ13" s="293">
        <v>38213</v>
      </c>
      <c r="EK13" s="293">
        <v>75571</v>
      </c>
      <c r="EL13" s="293">
        <v>23578</v>
      </c>
      <c r="EM13" s="296">
        <v>198191</v>
      </c>
      <c r="EN13" s="297">
        <v>198191</v>
      </c>
      <c r="EO13" s="292">
        <v>0</v>
      </c>
      <c r="EP13" s="293">
        <v>0</v>
      </c>
      <c r="EQ13" s="294">
        <v>0</v>
      </c>
      <c r="ER13" s="298"/>
      <c r="ES13" s="293">
        <v>0</v>
      </c>
      <c r="ET13" s="293">
        <v>0</v>
      </c>
      <c r="EU13" s="293">
        <v>0</v>
      </c>
      <c r="EV13" s="293">
        <v>0</v>
      </c>
      <c r="EW13" s="293">
        <v>0</v>
      </c>
      <c r="EX13" s="296">
        <v>0</v>
      </c>
      <c r="EY13" s="297">
        <v>0</v>
      </c>
      <c r="EZ13" s="292">
        <v>0</v>
      </c>
      <c r="FA13" s="293">
        <v>0</v>
      </c>
      <c r="FB13" s="294">
        <v>0</v>
      </c>
      <c r="FC13" s="298"/>
      <c r="FD13" s="293">
        <v>0</v>
      </c>
      <c r="FE13" s="293">
        <v>0</v>
      </c>
      <c r="FF13" s="293">
        <v>0</v>
      </c>
      <c r="FG13" s="293">
        <v>0</v>
      </c>
      <c r="FH13" s="293">
        <v>651</v>
      </c>
      <c r="FI13" s="296">
        <v>651</v>
      </c>
      <c r="FJ13" s="297">
        <v>651</v>
      </c>
      <c r="FK13" s="292">
        <v>0</v>
      </c>
      <c r="FL13" s="293">
        <v>0</v>
      </c>
      <c r="FM13" s="294">
        <v>0</v>
      </c>
      <c r="FN13" s="298"/>
      <c r="FO13" s="293">
        <v>0</v>
      </c>
      <c r="FP13" s="293">
        <v>0</v>
      </c>
      <c r="FQ13" s="293">
        <v>0</v>
      </c>
      <c r="FR13" s="293">
        <v>21576</v>
      </c>
      <c r="FS13" s="293">
        <v>0</v>
      </c>
      <c r="FT13" s="296">
        <v>21576</v>
      </c>
      <c r="FU13" s="297">
        <v>21576</v>
      </c>
      <c r="FV13" s="292">
        <v>0</v>
      </c>
      <c r="FW13" s="293">
        <v>1392</v>
      </c>
      <c r="FX13" s="294">
        <v>1392</v>
      </c>
      <c r="FY13" s="295">
        <v>0</v>
      </c>
      <c r="FZ13" s="293">
        <v>57989</v>
      </c>
      <c r="GA13" s="293">
        <v>142556</v>
      </c>
      <c r="GB13" s="293">
        <v>366509</v>
      </c>
      <c r="GC13" s="293">
        <v>62701</v>
      </c>
      <c r="GD13" s="293">
        <v>116048</v>
      </c>
      <c r="GE13" s="296">
        <v>745803</v>
      </c>
      <c r="GF13" s="297">
        <v>747195</v>
      </c>
      <c r="GG13" s="292">
        <v>0</v>
      </c>
      <c r="GH13" s="293">
        <v>0</v>
      </c>
      <c r="GI13" s="294">
        <v>0</v>
      </c>
      <c r="GJ13" s="295">
        <v>0</v>
      </c>
      <c r="GK13" s="293">
        <v>28</v>
      </c>
      <c r="GL13" s="293">
        <v>21</v>
      </c>
      <c r="GM13" s="293">
        <v>56</v>
      </c>
      <c r="GN13" s="293">
        <v>147</v>
      </c>
      <c r="GO13" s="293">
        <v>2011</v>
      </c>
      <c r="GP13" s="296">
        <v>2263</v>
      </c>
      <c r="GQ13" s="297">
        <v>2263</v>
      </c>
      <c r="GR13" s="292">
        <v>0</v>
      </c>
      <c r="GS13" s="293">
        <v>0</v>
      </c>
      <c r="GT13" s="294">
        <v>0</v>
      </c>
      <c r="GU13" s="295">
        <v>0</v>
      </c>
      <c r="GV13" s="293">
        <v>0</v>
      </c>
      <c r="GW13" s="293">
        <v>0</v>
      </c>
      <c r="GX13" s="293">
        <v>0</v>
      </c>
      <c r="GY13" s="293">
        <v>0</v>
      </c>
      <c r="GZ13" s="293">
        <v>0</v>
      </c>
      <c r="HA13" s="296">
        <v>0</v>
      </c>
      <c r="HB13" s="297">
        <v>0</v>
      </c>
      <c r="HC13" s="292">
        <v>0</v>
      </c>
      <c r="HD13" s="293">
        <v>0</v>
      </c>
      <c r="HE13" s="294">
        <v>0</v>
      </c>
      <c r="HF13" s="298"/>
      <c r="HG13" s="293">
        <v>0</v>
      </c>
      <c r="HH13" s="293">
        <v>0</v>
      </c>
      <c r="HI13" s="293">
        <v>0</v>
      </c>
      <c r="HJ13" s="293">
        <v>0</v>
      </c>
      <c r="HK13" s="293">
        <v>0</v>
      </c>
      <c r="HL13" s="296">
        <v>0</v>
      </c>
      <c r="HM13" s="297">
        <v>0</v>
      </c>
      <c r="HN13" s="292">
        <v>0</v>
      </c>
      <c r="HO13" s="293">
        <v>1422</v>
      </c>
      <c r="HP13" s="294">
        <v>1422</v>
      </c>
      <c r="HQ13" s="295">
        <v>0</v>
      </c>
      <c r="HR13" s="293">
        <v>534639</v>
      </c>
      <c r="HS13" s="293">
        <v>527206</v>
      </c>
      <c r="HT13" s="293">
        <v>4534195</v>
      </c>
      <c r="HU13" s="293">
        <v>5234767</v>
      </c>
      <c r="HV13" s="293">
        <v>3648899</v>
      </c>
      <c r="HW13" s="296">
        <v>14479706</v>
      </c>
      <c r="HX13" s="297">
        <v>14481128</v>
      </c>
    </row>
    <row r="14" spans="1:232" ht="21" customHeight="1" x14ac:dyDescent="0.2">
      <c r="A14" s="498" t="s">
        <v>10</v>
      </c>
      <c r="B14" s="292">
        <v>0</v>
      </c>
      <c r="C14" s="293">
        <v>14255</v>
      </c>
      <c r="D14" s="294">
        <v>14255</v>
      </c>
      <c r="E14" s="295">
        <v>0</v>
      </c>
      <c r="F14" s="293">
        <v>683849</v>
      </c>
      <c r="G14" s="293">
        <v>1151174</v>
      </c>
      <c r="H14" s="293">
        <v>3287118</v>
      </c>
      <c r="I14" s="293">
        <v>4695543</v>
      </c>
      <c r="J14" s="293">
        <v>4415511</v>
      </c>
      <c r="K14" s="296">
        <v>14233195</v>
      </c>
      <c r="L14" s="297">
        <v>14247450</v>
      </c>
      <c r="M14" s="292">
        <v>0</v>
      </c>
      <c r="N14" s="293">
        <v>0</v>
      </c>
      <c r="O14" s="294">
        <v>0</v>
      </c>
      <c r="P14" s="298"/>
      <c r="Q14" s="293">
        <v>75950</v>
      </c>
      <c r="R14" s="293">
        <v>277380</v>
      </c>
      <c r="S14" s="293">
        <v>2025732</v>
      </c>
      <c r="T14" s="293">
        <v>3376219</v>
      </c>
      <c r="U14" s="293">
        <v>3386950</v>
      </c>
      <c r="V14" s="296">
        <v>9142231</v>
      </c>
      <c r="W14" s="297">
        <v>9142231</v>
      </c>
      <c r="X14" s="292">
        <v>0</v>
      </c>
      <c r="Y14" s="293">
        <v>0</v>
      </c>
      <c r="Z14" s="294">
        <v>0</v>
      </c>
      <c r="AA14" s="298"/>
      <c r="AB14" s="293">
        <v>490650</v>
      </c>
      <c r="AC14" s="293">
        <v>645924</v>
      </c>
      <c r="AD14" s="293">
        <v>1040593</v>
      </c>
      <c r="AE14" s="293">
        <v>909912</v>
      </c>
      <c r="AF14" s="293">
        <v>536764</v>
      </c>
      <c r="AG14" s="296">
        <v>3623843</v>
      </c>
      <c r="AH14" s="297">
        <v>3623843</v>
      </c>
      <c r="AI14" s="292">
        <v>0</v>
      </c>
      <c r="AJ14" s="293">
        <v>0</v>
      </c>
      <c r="AK14" s="294">
        <v>0</v>
      </c>
      <c r="AL14" s="298"/>
      <c r="AM14" s="293">
        <v>0</v>
      </c>
      <c r="AN14" s="293">
        <v>0</v>
      </c>
      <c r="AO14" s="293">
        <v>0</v>
      </c>
      <c r="AP14" s="293">
        <v>0</v>
      </c>
      <c r="AQ14" s="293">
        <v>0</v>
      </c>
      <c r="AR14" s="296">
        <v>0</v>
      </c>
      <c r="AS14" s="297">
        <v>0</v>
      </c>
      <c r="AT14" s="292">
        <v>0</v>
      </c>
      <c r="AU14" s="293">
        <v>0</v>
      </c>
      <c r="AV14" s="294">
        <v>0</v>
      </c>
      <c r="AW14" s="298"/>
      <c r="AX14" s="293">
        <v>0</v>
      </c>
      <c r="AY14" s="293">
        <v>0</v>
      </c>
      <c r="AZ14" s="293">
        <v>0</v>
      </c>
      <c r="BA14" s="293">
        <v>54170</v>
      </c>
      <c r="BB14" s="293">
        <v>198935</v>
      </c>
      <c r="BC14" s="296">
        <v>253105</v>
      </c>
      <c r="BD14" s="297">
        <v>253105</v>
      </c>
      <c r="BE14" s="292">
        <v>0</v>
      </c>
      <c r="BF14" s="293">
        <v>0</v>
      </c>
      <c r="BG14" s="294">
        <v>0</v>
      </c>
      <c r="BH14" s="298"/>
      <c r="BI14" s="293">
        <v>0</v>
      </c>
      <c r="BJ14" s="293">
        <v>0</v>
      </c>
      <c r="BK14" s="293">
        <v>0</v>
      </c>
      <c r="BL14" s="293">
        <v>32705</v>
      </c>
      <c r="BM14" s="293">
        <v>70680</v>
      </c>
      <c r="BN14" s="296">
        <v>103385</v>
      </c>
      <c r="BO14" s="297">
        <v>103385</v>
      </c>
      <c r="BP14" s="292">
        <v>0</v>
      </c>
      <c r="BQ14" s="293">
        <v>14255</v>
      </c>
      <c r="BR14" s="294">
        <v>14255</v>
      </c>
      <c r="BS14" s="295">
        <v>0</v>
      </c>
      <c r="BT14" s="293">
        <v>116861</v>
      </c>
      <c r="BU14" s="293">
        <v>221957</v>
      </c>
      <c r="BV14" s="293">
        <v>220793</v>
      </c>
      <c r="BW14" s="293">
        <v>306921</v>
      </c>
      <c r="BX14" s="293">
        <v>205575</v>
      </c>
      <c r="BY14" s="296">
        <v>1072107</v>
      </c>
      <c r="BZ14" s="297">
        <v>1086362</v>
      </c>
      <c r="CA14" s="292">
        <v>0</v>
      </c>
      <c r="CB14" s="293">
        <v>0</v>
      </c>
      <c r="CC14" s="294">
        <v>0</v>
      </c>
      <c r="CD14" s="295">
        <v>0</v>
      </c>
      <c r="CE14" s="293">
        <v>388</v>
      </c>
      <c r="CF14" s="293">
        <v>5913</v>
      </c>
      <c r="CG14" s="293">
        <v>0</v>
      </c>
      <c r="CH14" s="293">
        <v>15616</v>
      </c>
      <c r="CI14" s="293">
        <v>16607</v>
      </c>
      <c r="CJ14" s="296">
        <v>38524</v>
      </c>
      <c r="CK14" s="297">
        <v>38524</v>
      </c>
      <c r="CL14" s="292">
        <v>0</v>
      </c>
      <c r="CM14" s="293">
        <v>0</v>
      </c>
      <c r="CN14" s="294">
        <v>0</v>
      </c>
      <c r="CO14" s="295">
        <v>0</v>
      </c>
      <c r="CP14" s="293">
        <v>0</v>
      </c>
      <c r="CQ14" s="293">
        <v>0</v>
      </c>
      <c r="CR14" s="293">
        <v>0</v>
      </c>
      <c r="CS14" s="293">
        <v>0</v>
      </c>
      <c r="CT14" s="293">
        <v>0</v>
      </c>
      <c r="CU14" s="296">
        <v>0</v>
      </c>
      <c r="CV14" s="297">
        <v>0</v>
      </c>
      <c r="CW14" s="292">
        <v>0</v>
      </c>
      <c r="CX14" s="293">
        <v>0</v>
      </c>
      <c r="CY14" s="294">
        <v>0</v>
      </c>
      <c r="CZ14" s="298"/>
      <c r="DA14" s="293">
        <v>0</v>
      </c>
      <c r="DB14" s="293">
        <v>0</v>
      </c>
      <c r="DC14" s="293">
        <v>0</v>
      </c>
      <c r="DD14" s="293">
        <v>0</v>
      </c>
      <c r="DE14" s="293">
        <v>0</v>
      </c>
      <c r="DF14" s="296">
        <v>0</v>
      </c>
      <c r="DG14" s="297">
        <v>0</v>
      </c>
      <c r="DH14" s="292">
        <v>0</v>
      </c>
      <c r="DI14" s="293">
        <v>18132</v>
      </c>
      <c r="DJ14" s="294">
        <v>18132</v>
      </c>
      <c r="DK14" s="295">
        <v>0</v>
      </c>
      <c r="DL14" s="293">
        <v>503955</v>
      </c>
      <c r="DM14" s="293">
        <v>987857</v>
      </c>
      <c r="DN14" s="293">
        <v>3633533</v>
      </c>
      <c r="DO14" s="293">
        <v>5345249</v>
      </c>
      <c r="DP14" s="293">
        <v>4743079</v>
      </c>
      <c r="DQ14" s="296">
        <v>15213673</v>
      </c>
      <c r="DR14" s="299">
        <v>15231805</v>
      </c>
      <c r="DS14" s="292">
        <v>0</v>
      </c>
      <c r="DT14" s="293">
        <v>0</v>
      </c>
      <c r="DU14" s="294">
        <v>0</v>
      </c>
      <c r="DV14" s="298"/>
      <c r="DW14" s="293">
        <v>179676</v>
      </c>
      <c r="DX14" s="293">
        <v>453699</v>
      </c>
      <c r="DY14" s="293">
        <v>3127566</v>
      </c>
      <c r="DZ14" s="293">
        <v>4603730</v>
      </c>
      <c r="EA14" s="293">
        <v>4222795</v>
      </c>
      <c r="EB14" s="296">
        <v>12587466</v>
      </c>
      <c r="EC14" s="297">
        <v>12587466</v>
      </c>
      <c r="ED14" s="292">
        <v>0</v>
      </c>
      <c r="EE14" s="293">
        <v>0</v>
      </c>
      <c r="EF14" s="294">
        <v>0</v>
      </c>
      <c r="EG14" s="298"/>
      <c r="EH14" s="293">
        <v>132027</v>
      </c>
      <c r="EI14" s="293">
        <v>149134</v>
      </c>
      <c r="EJ14" s="293">
        <v>163935</v>
      </c>
      <c r="EK14" s="293">
        <v>152535</v>
      </c>
      <c r="EL14" s="293">
        <v>111706</v>
      </c>
      <c r="EM14" s="296">
        <v>709337</v>
      </c>
      <c r="EN14" s="297">
        <v>709337</v>
      </c>
      <c r="EO14" s="292">
        <v>0</v>
      </c>
      <c r="EP14" s="293">
        <v>0</v>
      </c>
      <c r="EQ14" s="294">
        <v>0</v>
      </c>
      <c r="ER14" s="298"/>
      <c r="ES14" s="293">
        <v>0</v>
      </c>
      <c r="ET14" s="293">
        <v>0</v>
      </c>
      <c r="EU14" s="293">
        <v>0</v>
      </c>
      <c r="EV14" s="293">
        <v>0</v>
      </c>
      <c r="EW14" s="293">
        <v>0</v>
      </c>
      <c r="EX14" s="296">
        <v>0</v>
      </c>
      <c r="EY14" s="297">
        <v>0</v>
      </c>
      <c r="EZ14" s="292">
        <v>0</v>
      </c>
      <c r="FA14" s="293">
        <v>0</v>
      </c>
      <c r="FB14" s="294">
        <v>0</v>
      </c>
      <c r="FC14" s="298"/>
      <c r="FD14" s="293">
        <v>0</v>
      </c>
      <c r="FE14" s="293">
        <v>0</v>
      </c>
      <c r="FF14" s="293">
        <v>0</v>
      </c>
      <c r="FG14" s="293">
        <v>434</v>
      </c>
      <c r="FH14" s="293">
        <v>2877</v>
      </c>
      <c r="FI14" s="296">
        <v>3311</v>
      </c>
      <c r="FJ14" s="297">
        <v>3311</v>
      </c>
      <c r="FK14" s="292">
        <v>0</v>
      </c>
      <c r="FL14" s="293">
        <v>0</v>
      </c>
      <c r="FM14" s="294">
        <v>0</v>
      </c>
      <c r="FN14" s="298"/>
      <c r="FO14" s="293">
        <v>0</v>
      </c>
      <c r="FP14" s="293">
        <v>0</v>
      </c>
      <c r="FQ14" s="293">
        <v>0</v>
      </c>
      <c r="FR14" s="293">
        <v>36766</v>
      </c>
      <c r="FS14" s="293">
        <v>92504</v>
      </c>
      <c r="FT14" s="296">
        <v>129270</v>
      </c>
      <c r="FU14" s="297">
        <v>129270</v>
      </c>
      <c r="FV14" s="292">
        <v>0</v>
      </c>
      <c r="FW14" s="293">
        <v>18132</v>
      </c>
      <c r="FX14" s="294">
        <v>18132</v>
      </c>
      <c r="FY14" s="295">
        <v>0</v>
      </c>
      <c r="FZ14" s="293">
        <v>192224</v>
      </c>
      <c r="GA14" s="293">
        <v>384182</v>
      </c>
      <c r="GB14" s="293">
        <v>342032</v>
      </c>
      <c r="GC14" s="293">
        <v>546506</v>
      </c>
      <c r="GD14" s="293">
        <v>308910</v>
      </c>
      <c r="GE14" s="296">
        <v>1773854</v>
      </c>
      <c r="GF14" s="297">
        <v>1791986</v>
      </c>
      <c r="GG14" s="292">
        <v>0</v>
      </c>
      <c r="GH14" s="293">
        <v>0</v>
      </c>
      <c r="GI14" s="294">
        <v>0</v>
      </c>
      <c r="GJ14" s="295">
        <v>0</v>
      </c>
      <c r="GK14" s="293">
        <v>28</v>
      </c>
      <c r="GL14" s="293">
        <v>842</v>
      </c>
      <c r="GM14" s="293">
        <v>0</v>
      </c>
      <c r="GN14" s="293">
        <v>5278</v>
      </c>
      <c r="GO14" s="293">
        <v>4287</v>
      </c>
      <c r="GP14" s="296">
        <v>10435</v>
      </c>
      <c r="GQ14" s="297">
        <v>10435</v>
      </c>
      <c r="GR14" s="292">
        <v>0</v>
      </c>
      <c r="GS14" s="293">
        <v>0</v>
      </c>
      <c r="GT14" s="294">
        <v>0</v>
      </c>
      <c r="GU14" s="295">
        <v>0</v>
      </c>
      <c r="GV14" s="293">
        <v>0</v>
      </c>
      <c r="GW14" s="293">
        <v>0</v>
      </c>
      <c r="GX14" s="293">
        <v>0</v>
      </c>
      <c r="GY14" s="293">
        <v>0</v>
      </c>
      <c r="GZ14" s="293">
        <v>0</v>
      </c>
      <c r="HA14" s="296">
        <v>0</v>
      </c>
      <c r="HB14" s="297">
        <v>0</v>
      </c>
      <c r="HC14" s="292">
        <v>0</v>
      </c>
      <c r="HD14" s="293">
        <v>0</v>
      </c>
      <c r="HE14" s="294">
        <v>0</v>
      </c>
      <c r="HF14" s="298"/>
      <c r="HG14" s="293">
        <v>0</v>
      </c>
      <c r="HH14" s="293">
        <v>0</v>
      </c>
      <c r="HI14" s="293">
        <v>0</v>
      </c>
      <c r="HJ14" s="293">
        <v>0</v>
      </c>
      <c r="HK14" s="293">
        <v>0</v>
      </c>
      <c r="HL14" s="296">
        <v>0</v>
      </c>
      <c r="HM14" s="297">
        <v>0</v>
      </c>
      <c r="HN14" s="292">
        <v>0</v>
      </c>
      <c r="HO14" s="293">
        <v>32387</v>
      </c>
      <c r="HP14" s="294">
        <v>32387</v>
      </c>
      <c r="HQ14" s="295">
        <v>0</v>
      </c>
      <c r="HR14" s="293">
        <v>1187804</v>
      </c>
      <c r="HS14" s="293">
        <v>2139031</v>
      </c>
      <c r="HT14" s="293">
        <v>6920651</v>
      </c>
      <c r="HU14" s="293">
        <v>10040792</v>
      </c>
      <c r="HV14" s="293">
        <v>9158590</v>
      </c>
      <c r="HW14" s="296">
        <v>29446868</v>
      </c>
      <c r="HX14" s="297">
        <v>29479255</v>
      </c>
    </row>
    <row r="15" spans="1:232" ht="21" customHeight="1" x14ac:dyDescent="0.2">
      <c r="A15" s="498" t="s">
        <v>11</v>
      </c>
      <c r="B15" s="292">
        <v>3920</v>
      </c>
      <c r="C15" s="293">
        <v>3760</v>
      </c>
      <c r="D15" s="294">
        <v>7680</v>
      </c>
      <c r="E15" s="295">
        <v>0</v>
      </c>
      <c r="F15" s="293">
        <v>833889</v>
      </c>
      <c r="G15" s="293">
        <v>1031708</v>
      </c>
      <c r="H15" s="293">
        <v>2670570</v>
      </c>
      <c r="I15" s="293">
        <v>4860868</v>
      </c>
      <c r="J15" s="293">
        <v>2319075</v>
      </c>
      <c r="K15" s="296">
        <v>11716110</v>
      </c>
      <c r="L15" s="297">
        <v>11723790</v>
      </c>
      <c r="M15" s="292">
        <v>0</v>
      </c>
      <c r="N15" s="293">
        <v>0</v>
      </c>
      <c r="O15" s="294">
        <v>0</v>
      </c>
      <c r="P15" s="298"/>
      <c r="Q15" s="293">
        <v>0</v>
      </c>
      <c r="R15" s="293">
        <v>128495</v>
      </c>
      <c r="S15" s="293">
        <v>1664130</v>
      </c>
      <c r="T15" s="293">
        <v>3565175</v>
      </c>
      <c r="U15" s="293">
        <v>1547370</v>
      </c>
      <c r="V15" s="296">
        <v>6905170</v>
      </c>
      <c r="W15" s="297">
        <v>6905170</v>
      </c>
      <c r="X15" s="292">
        <v>0</v>
      </c>
      <c r="Y15" s="293">
        <v>0</v>
      </c>
      <c r="Z15" s="294">
        <v>0</v>
      </c>
      <c r="AA15" s="298"/>
      <c r="AB15" s="293">
        <v>718185</v>
      </c>
      <c r="AC15" s="293">
        <v>725450</v>
      </c>
      <c r="AD15" s="293">
        <v>682145</v>
      </c>
      <c r="AE15" s="293">
        <v>1012879</v>
      </c>
      <c r="AF15" s="293">
        <v>318360</v>
      </c>
      <c r="AG15" s="296">
        <v>3457019</v>
      </c>
      <c r="AH15" s="297">
        <v>3457019</v>
      </c>
      <c r="AI15" s="292">
        <v>0</v>
      </c>
      <c r="AJ15" s="293">
        <v>0</v>
      </c>
      <c r="AK15" s="294">
        <v>0</v>
      </c>
      <c r="AL15" s="298"/>
      <c r="AM15" s="293">
        <v>0</v>
      </c>
      <c r="AN15" s="293">
        <v>0</v>
      </c>
      <c r="AO15" s="293">
        <v>0</v>
      </c>
      <c r="AP15" s="293">
        <v>0</v>
      </c>
      <c r="AQ15" s="293">
        <v>0</v>
      </c>
      <c r="AR15" s="296">
        <v>0</v>
      </c>
      <c r="AS15" s="297">
        <v>0</v>
      </c>
      <c r="AT15" s="292">
        <v>0</v>
      </c>
      <c r="AU15" s="293">
        <v>0</v>
      </c>
      <c r="AV15" s="294">
        <v>0</v>
      </c>
      <c r="AW15" s="298"/>
      <c r="AX15" s="293">
        <v>57350</v>
      </c>
      <c r="AY15" s="293">
        <v>4335</v>
      </c>
      <c r="AZ15" s="293">
        <v>172540</v>
      </c>
      <c r="BA15" s="293">
        <v>79205</v>
      </c>
      <c r="BB15" s="293">
        <v>374625</v>
      </c>
      <c r="BC15" s="296">
        <v>688055</v>
      </c>
      <c r="BD15" s="297">
        <v>688055</v>
      </c>
      <c r="BE15" s="292">
        <v>0</v>
      </c>
      <c r="BF15" s="293">
        <v>0</v>
      </c>
      <c r="BG15" s="294">
        <v>0</v>
      </c>
      <c r="BH15" s="298"/>
      <c r="BI15" s="293">
        <v>0</v>
      </c>
      <c r="BJ15" s="293">
        <v>24645</v>
      </c>
      <c r="BK15" s="293">
        <v>0</v>
      </c>
      <c r="BL15" s="293">
        <v>0</v>
      </c>
      <c r="BM15" s="293">
        <v>0</v>
      </c>
      <c r="BN15" s="296">
        <v>24645</v>
      </c>
      <c r="BO15" s="297">
        <v>24645</v>
      </c>
      <c r="BP15" s="292">
        <v>3920</v>
      </c>
      <c r="BQ15" s="293">
        <v>3760</v>
      </c>
      <c r="BR15" s="294">
        <v>7680</v>
      </c>
      <c r="BS15" s="295">
        <v>0</v>
      </c>
      <c r="BT15" s="293">
        <v>54349</v>
      </c>
      <c r="BU15" s="293">
        <v>142145</v>
      </c>
      <c r="BV15" s="293">
        <v>151755</v>
      </c>
      <c r="BW15" s="293">
        <v>203609</v>
      </c>
      <c r="BX15" s="293">
        <v>73610</v>
      </c>
      <c r="BY15" s="296">
        <v>625468</v>
      </c>
      <c r="BZ15" s="297">
        <v>633148</v>
      </c>
      <c r="CA15" s="292">
        <v>0</v>
      </c>
      <c r="CB15" s="293">
        <v>0</v>
      </c>
      <c r="CC15" s="294">
        <v>0</v>
      </c>
      <c r="CD15" s="295">
        <v>0</v>
      </c>
      <c r="CE15" s="293">
        <v>4005</v>
      </c>
      <c r="CF15" s="293">
        <v>6638</v>
      </c>
      <c r="CG15" s="293">
        <v>0</v>
      </c>
      <c r="CH15" s="293">
        <v>0</v>
      </c>
      <c r="CI15" s="293">
        <v>5110</v>
      </c>
      <c r="CJ15" s="296">
        <v>15753</v>
      </c>
      <c r="CK15" s="297">
        <v>15753</v>
      </c>
      <c r="CL15" s="292">
        <v>0</v>
      </c>
      <c r="CM15" s="293">
        <v>0</v>
      </c>
      <c r="CN15" s="294">
        <v>0</v>
      </c>
      <c r="CO15" s="295">
        <v>0</v>
      </c>
      <c r="CP15" s="293">
        <v>0</v>
      </c>
      <c r="CQ15" s="293">
        <v>0</v>
      </c>
      <c r="CR15" s="293">
        <v>0</v>
      </c>
      <c r="CS15" s="293">
        <v>0</v>
      </c>
      <c r="CT15" s="293">
        <v>0</v>
      </c>
      <c r="CU15" s="296">
        <v>0</v>
      </c>
      <c r="CV15" s="297">
        <v>0</v>
      </c>
      <c r="CW15" s="292">
        <v>0</v>
      </c>
      <c r="CX15" s="293">
        <v>0</v>
      </c>
      <c r="CY15" s="294">
        <v>0</v>
      </c>
      <c r="CZ15" s="298"/>
      <c r="DA15" s="293">
        <v>0</v>
      </c>
      <c r="DB15" s="293">
        <v>0</v>
      </c>
      <c r="DC15" s="293">
        <v>0</v>
      </c>
      <c r="DD15" s="293">
        <v>0</v>
      </c>
      <c r="DE15" s="293">
        <v>0</v>
      </c>
      <c r="DF15" s="296">
        <v>0</v>
      </c>
      <c r="DG15" s="297">
        <v>0</v>
      </c>
      <c r="DH15" s="292">
        <v>6008</v>
      </c>
      <c r="DI15" s="293">
        <v>3510</v>
      </c>
      <c r="DJ15" s="294">
        <v>9518</v>
      </c>
      <c r="DK15" s="295">
        <v>0</v>
      </c>
      <c r="DL15" s="293">
        <v>211858</v>
      </c>
      <c r="DM15" s="293">
        <v>465792</v>
      </c>
      <c r="DN15" s="293">
        <v>2565931</v>
      </c>
      <c r="DO15" s="293">
        <v>4202693</v>
      </c>
      <c r="DP15" s="293">
        <v>2022842</v>
      </c>
      <c r="DQ15" s="296">
        <v>9469116</v>
      </c>
      <c r="DR15" s="299">
        <v>9478634</v>
      </c>
      <c r="DS15" s="292">
        <v>0</v>
      </c>
      <c r="DT15" s="293">
        <v>0</v>
      </c>
      <c r="DU15" s="294">
        <v>0</v>
      </c>
      <c r="DV15" s="298"/>
      <c r="DW15" s="293">
        <v>0</v>
      </c>
      <c r="DX15" s="293">
        <v>118327</v>
      </c>
      <c r="DY15" s="293">
        <v>2207584</v>
      </c>
      <c r="DZ15" s="293">
        <v>3889860</v>
      </c>
      <c r="EA15" s="293">
        <v>1818568</v>
      </c>
      <c r="EB15" s="296">
        <v>8034339</v>
      </c>
      <c r="EC15" s="297">
        <v>8034339</v>
      </c>
      <c r="ED15" s="292">
        <v>0</v>
      </c>
      <c r="EE15" s="293">
        <v>0</v>
      </c>
      <c r="EF15" s="294">
        <v>0</v>
      </c>
      <c r="EG15" s="298"/>
      <c r="EH15" s="293">
        <v>122368</v>
      </c>
      <c r="EI15" s="293">
        <v>146484</v>
      </c>
      <c r="EJ15" s="293">
        <v>151565</v>
      </c>
      <c r="EK15" s="293">
        <v>124101</v>
      </c>
      <c r="EL15" s="293">
        <v>49104</v>
      </c>
      <c r="EM15" s="296">
        <v>593622</v>
      </c>
      <c r="EN15" s="297">
        <v>593622</v>
      </c>
      <c r="EO15" s="292">
        <v>0</v>
      </c>
      <c r="EP15" s="293">
        <v>0</v>
      </c>
      <c r="EQ15" s="294">
        <v>0</v>
      </c>
      <c r="ER15" s="298"/>
      <c r="ES15" s="293">
        <v>0</v>
      </c>
      <c r="ET15" s="293">
        <v>0</v>
      </c>
      <c r="EU15" s="293">
        <v>0</v>
      </c>
      <c r="EV15" s="293">
        <v>0</v>
      </c>
      <c r="EW15" s="293">
        <v>0</v>
      </c>
      <c r="EX15" s="296">
        <v>0</v>
      </c>
      <c r="EY15" s="297">
        <v>0</v>
      </c>
      <c r="EZ15" s="292">
        <v>0</v>
      </c>
      <c r="FA15" s="293">
        <v>0</v>
      </c>
      <c r="FB15" s="294">
        <v>0</v>
      </c>
      <c r="FC15" s="298"/>
      <c r="FD15" s="293">
        <v>434</v>
      </c>
      <c r="FE15" s="293">
        <v>322</v>
      </c>
      <c r="FF15" s="293">
        <v>25373</v>
      </c>
      <c r="FG15" s="293">
        <v>1085</v>
      </c>
      <c r="FH15" s="293">
        <v>65785</v>
      </c>
      <c r="FI15" s="296">
        <v>92999</v>
      </c>
      <c r="FJ15" s="297">
        <v>92999</v>
      </c>
      <c r="FK15" s="292">
        <v>0</v>
      </c>
      <c r="FL15" s="293">
        <v>0</v>
      </c>
      <c r="FM15" s="294">
        <v>0</v>
      </c>
      <c r="FN15" s="298"/>
      <c r="FO15" s="293">
        <v>0</v>
      </c>
      <c r="FP15" s="293">
        <v>21576</v>
      </c>
      <c r="FQ15" s="293">
        <v>0</v>
      </c>
      <c r="FR15" s="293">
        <v>0</v>
      </c>
      <c r="FS15" s="293">
        <v>0</v>
      </c>
      <c r="FT15" s="296">
        <v>21576</v>
      </c>
      <c r="FU15" s="297">
        <v>21576</v>
      </c>
      <c r="FV15" s="292">
        <v>6008</v>
      </c>
      <c r="FW15" s="293">
        <v>3510</v>
      </c>
      <c r="FX15" s="294">
        <v>9518</v>
      </c>
      <c r="FY15" s="295">
        <v>0</v>
      </c>
      <c r="FZ15" s="293">
        <v>88993</v>
      </c>
      <c r="GA15" s="293">
        <v>178971</v>
      </c>
      <c r="GB15" s="293">
        <v>181409</v>
      </c>
      <c r="GC15" s="293">
        <v>187647</v>
      </c>
      <c r="GD15" s="293">
        <v>87125</v>
      </c>
      <c r="GE15" s="296">
        <v>724145</v>
      </c>
      <c r="GF15" s="297">
        <v>733663</v>
      </c>
      <c r="GG15" s="292">
        <v>0</v>
      </c>
      <c r="GH15" s="293">
        <v>0</v>
      </c>
      <c r="GI15" s="294">
        <v>0</v>
      </c>
      <c r="GJ15" s="295">
        <v>0</v>
      </c>
      <c r="GK15" s="293">
        <v>63</v>
      </c>
      <c r="GL15" s="293">
        <v>112</v>
      </c>
      <c r="GM15" s="293">
        <v>0</v>
      </c>
      <c r="GN15" s="293">
        <v>0</v>
      </c>
      <c r="GO15" s="293">
        <v>2260</v>
      </c>
      <c r="GP15" s="296">
        <v>2435</v>
      </c>
      <c r="GQ15" s="297">
        <v>2435</v>
      </c>
      <c r="GR15" s="292">
        <v>0</v>
      </c>
      <c r="GS15" s="293">
        <v>0</v>
      </c>
      <c r="GT15" s="294">
        <v>0</v>
      </c>
      <c r="GU15" s="295">
        <v>0</v>
      </c>
      <c r="GV15" s="293">
        <v>0</v>
      </c>
      <c r="GW15" s="293">
        <v>0</v>
      </c>
      <c r="GX15" s="293">
        <v>0</v>
      </c>
      <c r="GY15" s="293">
        <v>0</v>
      </c>
      <c r="GZ15" s="293">
        <v>0</v>
      </c>
      <c r="HA15" s="296">
        <v>0</v>
      </c>
      <c r="HB15" s="297">
        <v>0</v>
      </c>
      <c r="HC15" s="292">
        <v>0</v>
      </c>
      <c r="HD15" s="293">
        <v>0</v>
      </c>
      <c r="HE15" s="294">
        <v>0</v>
      </c>
      <c r="HF15" s="298"/>
      <c r="HG15" s="293">
        <v>0</v>
      </c>
      <c r="HH15" s="293">
        <v>0</v>
      </c>
      <c r="HI15" s="293">
        <v>0</v>
      </c>
      <c r="HJ15" s="293">
        <v>0</v>
      </c>
      <c r="HK15" s="293">
        <v>0</v>
      </c>
      <c r="HL15" s="296">
        <v>0</v>
      </c>
      <c r="HM15" s="297">
        <v>0</v>
      </c>
      <c r="HN15" s="292">
        <v>9928</v>
      </c>
      <c r="HO15" s="293">
        <v>7270</v>
      </c>
      <c r="HP15" s="294">
        <v>17198</v>
      </c>
      <c r="HQ15" s="295">
        <v>0</v>
      </c>
      <c r="HR15" s="293">
        <v>1045747</v>
      </c>
      <c r="HS15" s="293">
        <v>1497500</v>
      </c>
      <c r="HT15" s="293">
        <v>5236501</v>
      </c>
      <c r="HU15" s="293">
        <v>9063561</v>
      </c>
      <c r="HV15" s="293">
        <v>4341917</v>
      </c>
      <c r="HW15" s="296">
        <v>21185226</v>
      </c>
      <c r="HX15" s="297">
        <v>21202424</v>
      </c>
    </row>
    <row r="16" spans="1:232" ht="21" customHeight="1" x14ac:dyDescent="0.2">
      <c r="A16" s="498" t="s">
        <v>12</v>
      </c>
      <c r="B16" s="292">
        <v>3870</v>
      </c>
      <c r="C16" s="293">
        <v>8855</v>
      </c>
      <c r="D16" s="294">
        <v>12725</v>
      </c>
      <c r="E16" s="295">
        <v>0</v>
      </c>
      <c r="F16" s="293">
        <v>323542</v>
      </c>
      <c r="G16" s="293">
        <v>611214</v>
      </c>
      <c r="H16" s="293">
        <v>2517311</v>
      </c>
      <c r="I16" s="293">
        <v>3389733</v>
      </c>
      <c r="J16" s="293">
        <v>2001661</v>
      </c>
      <c r="K16" s="296">
        <v>8843461</v>
      </c>
      <c r="L16" s="297">
        <v>8856186</v>
      </c>
      <c r="M16" s="292">
        <v>0</v>
      </c>
      <c r="N16" s="293">
        <v>0</v>
      </c>
      <c r="O16" s="294">
        <v>0</v>
      </c>
      <c r="P16" s="298"/>
      <c r="Q16" s="293">
        <v>0</v>
      </c>
      <c r="R16" s="293">
        <v>132195</v>
      </c>
      <c r="S16" s="293">
        <v>1430890</v>
      </c>
      <c r="T16" s="293">
        <v>2463070</v>
      </c>
      <c r="U16" s="293">
        <v>1486147</v>
      </c>
      <c r="V16" s="296">
        <v>5512302</v>
      </c>
      <c r="W16" s="297">
        <v>5512302</v>
      </c>
      <c r="X16" s="292">
        <v>0</v>
      </c>
      <c r="Y16" s="293">
        <v>0</v>
      </c>
      <c r="Z16" s="294">
        <v>0</v>
      </c>
      <c r="AA16" s="298"/>
      <c r="AB16" s="293">
        <v>248693</v>
      </c>
      <c r="AC16" s="293">
        <v>399658</v>
      </c>
      <c r="AD16" s="293">
        <v>801741</v>
      </c>
      <c r="AE16" s="293">
        <v>670064</v>
      </c>
      <c r="AF16" s="293">
        <v>311600</v>
      </c>
      <c r="AG16" s="296">
        <v>2431756</v>
      </c>
      <c r="AH16" s="297">
        <v>2431756</v>
      </c>
      <c r="AI16" s="292">
        <v>0</v>
      </c>
      <c r="AJ16" s="293">
        <v>0</v>
      </c>
      <c r="AK16" s="294">
        <v>0</v>
      </c>
      <c r="AL16" s="298"/>
      <c r="AM16" s="293">
        <v>0</v>
      </c>
      <c r="AN16" s="293">
        <v>0</v>
      </c>
      <c r="AO16" s="293">
        <v>0</v>
      </c>
      <c r="AP16" s="293">
        <v>0</v>
      </c>
      <c r="AQ16" s="293">
        <v>0</v>
      </c>
      <c r="AR16" s="296">
        <v>0</v>
      </c>
      <c r="AS16" s="297">
        <v>0</v>
      </c>
      <c r="AT16" s="292">
        <v>0</v>
      </c>
      <c r="AU16" s="293">
        <v>0</v>
      </c>
      <c r="AV16" s="294">
        <v>0</v>
      </c>
      <c r="AW16" s="298"/>
      <c r="AX16" s="293">
        <v>0</v>
      </c>
      <c r="AY16" s="293">
        <v>0</v>
      </c>
      <c r="AZ16" s="293">
        <v>0</v>
      </c>
      <c r="BA16" s="293">
        <v>2635</v>
      </c>
      <c r="BB16" s="293">
        <v>44960</v>
      </c>
      <c r="BC16" s="296">
        <v>47595</v>
      </c>
      <c r="BD16" s="297">
        <v>47595</v>
      </c>
      <c r="BE16" s="292">
        <v>0</v>
      </c>
      <c r="BF16" s="293">
        <v>0</v>
      </c>
      <c r="BG16" s="294">
        <v>0</v>
      </c>
      <c r="BH16" s="298"/>
      <c r="BI16" s="293">
        <v>0</v>
      </c>
      <c r="BJ16" s="293">
        <v>0</v>
      </c>
      <c r="BK16" s="293">
        <v>110615</v>
      </c>
      <c r="BL16" s="293">
        <v>100595</v>
      </c>
      <c r="BM16" s="293">
        <v>37975</v>
      </c>
      <c r="BN16" s="296">
        <v>249185</v>
      </c>
      <c r="BO16" s="297">
        <v>249185</v>
      </c>
      <c r="BP16" s="292">
        <v>3870</v>
      </c>
      <c r="BQ16" s="293">
        <v>8855</v>
      </c>
      <c r="BR16" s="294">
        <v>12725</v>
      </c>
      <c r="BS16" s="295">
        <v>0</v>
      </c>
      <c r="BT16" s="293">
        <v>74849</v>
      </c>
      <c r="BU16" s="293">
        <v>74786</v>
      </c>
      <c r="BV16" s="293">
        <v>174065</v>
      </c>
      <c r="BW16" s="293">
        <v>153369</v>
      </c>
      <c r="BX16" s="293">
        <v>120740</v>
      </c>
      <c r="BY16" s="296">
        <v>597809</v>
      </c>
      <c r="BZ16" s="297">
        <v>610534</v>
      </c>
      <c r="CA16" s="292">
        <v>0</v>
      </c>
      <c r="CB16" s="293">
        <v>0</v>
      </c>
      <c r="CC16" s="294">
        <v>0</v>
      </c>
      <c r="CD16" s="295">
        <v>0</v>
      </c>
      <c r="CE16" s="293">
        <v>0</v>
      </c>
      <c r="CF16" s="293">
        <v>4575</v>
      </c>
      <c r="CG16" s="293">
        <v>0</v>
      </c>
      <c r="CH16" s="293">
        <v>0</v>
      </c>
      <c r="CI16" s="293">
        <v>239</v>
      </c>
      <c r="CJ16" s="296">
        <v>4814</v>
      </c>
      <c r="CK16" s="297">
        <v>4814</v>
      </c>
      <c r="CL16" s="292">
        <v>0</v>
      </c>
      <c r="CM16" s="293">
        <v>0</v>
      </c>
      <c r="CN16" s="294">
        <v>0</v>
      </c>
      <c r="CO16" s="295">
        <v>0</v>
      </c>
      <c r="CP16" s="293">
        <v>0</v>
      </c>
      <c r="CQ16" s="293">
        <v>0</v>
      </c>
      <c r="CR16" s="293">
        <v>0</v>
      </c>
      <c r="CS16" s="293">
        <v>0</v>
      </c>
      <c r="CT16" s="293">
        <v>0</v>
      </c>
      <c r="CU16" s="296">
        <v>0</v>
      </c>
      <c r="CV16" s="297">
        <v>0</v>
      </c>
      <c r="CW16" s="292">
        <v>0</v>
      </c>
      <c r="CX16" s="293">
        <v>0</v>
      </c>
      <c r="CY16" s="294">
        <v>0</v>
      </c>
      <c r="CZ16" s="298"/>
      <c r="DA16" s="293">
        <v>0</v>
      </c>
      <c r="DB16" s="293">
        <v>0</v>
      </c>
      <c r="DC16" s="293">
        <v>0</v>
      </c>
      <c r="DD16" s="293">
        <v>0</v>
      </c>
      <c r="DE16" s="293">
        <v>0</v>
      </c>
      <c r="DF16" s="296">
        <v>0</v>
      </c>
      <c r="DG16" s="297">
        <v>0</v>
      </c>
      <c r="DH16" s="292">
        <v>3606</v>
      </c>
      <c r="DI16" s="293">
        <v>14668</v>
      </c>
      <c r="DJ16" s="294">
        <v>18274</v>
      </c>
      <c r="DK16" s="295">
        <v>0</v>
      </c>
      <c r="DL16" s="293">
        <v>113878</v>
      </c>
      <c r="DM16" s="293">
        <v>502109</v>
      </c>
      <c r="DN16" s="293">
        <v>2769117</v>
      </c>
      <c r="DO16" s="293">
        <v>3742845</v>
      </c>
      <c r="DP16" s="293">
        <v>2334063</v>
      </c>
      <c r="DQ16" s="296">
        <v>9462012</v>
      </c>
      <c r="DR16" s="299">
        <v>9480286</v>
      </c>
      <c r="DS16" s="292">
        <v>0</v>
      </c>
      <c r="DT16" s="293">
        <v>0</v>
      </c>
      <c r="DU16" s="294">
        <v>0</v>
      </c>
      <c r="DV16" s="298"/>
      <c r="DW16" s="293">
        <v>0</v>
      </c>
      <c r="DX16" s="293">
        <v>303476</v>
      </c>
      <c r="DY16" s="293">
        <v>2176555</v>
      </c>
      <c r="DZ16" s="293">
        <v>3147132</v>
      </c>
      <c r="EA16" s="293">
        <v>2016476</v>
      </c>
      <c r="EB16" s="296">
        <v>7643639</v>
      </c>
      <c r="EC16" s="297">
        <v>7643639</v>
      </c>
      <c r="ED16" s="292">
        <v>0</v>
      </c>
      <c r="EE16" s="293">
        <v>0</v>
      </c>
      <c r="EF16" s="294">
        <v>0</v>
      </c>
      <c r="EG16" s="298"/>
      <c r="EH16" s="293">
        <v>2338</v>
      </c>
      <c r="EI16" s="293">
        <v>61274</v>
      </c>
      <c r="EJ16" s="293">
        <v>113828</v>
      </c>
      <c r="EK16" s="293">
        <v>152295</v>
      </c>
      <c r="EL16" s="293">
        <v>48842</v>
      </c>
      <c r="EM16" s="296">
        <v>378577</v>
      </c>
      <c r="EN16" s="297">
        <v>378577</v>
      </c>
      <c r="EO16" s="292">
        <v>0</v>
      </c>
      <c r="EP16" s="293">
        <v>0</v>
      </c>
      <c r="EQ16" s="294">
        <v>0</v>
      </c>
      <c r="ER16" s="298"/>
      <c r="ES16" s="293">
        <v>0</v>
      </c>
      <c r="ET16" s="293">
        <v>0</v>
      </c>
      <c r="EU16" s="293">
        <v>0</v>
      </c>
      <c r="EV16" s="293">
        <v>0</v>
      </c>
      <c r="EW16" s="293">
        <v>0</v>
      </c>
      <c r="EX16" s="296">
        <v>0</v>
      </c>
      <c r="EY16" s="297">
        <v>0</v>
      </c>
      <c r="EZ16" s="292">
        <v>0</v>
      </c>
      <c r="FA16" s="293">
        <v>0</v>
      </c>
      <c r="FB16" s="294">
        <v>0</v>
      </c>
      <c r="FC16" s="298"/>
      <c r="FD16" s="293">
        <v>0</v>
      </c>
      <c r="FE16" s="293">
        <v>0</v>
      </c>
      <c r="FF16" s="293">
        <v>0</v>
      </c>
      <c r="FG16" s="293">
        <v>217</v>
      </c>
      <c r="FH16" s="293">
        <v>2058</v>
      </c>
      <c r="FI16" s="296">
        <v>2275</v>
      </c>
      <c r="FJ16" s="297">
        <v>2275</v>
      </c>
      <c r="FK16" s="292">
        <v>0</v>
      </c>
      <c r="FL16" s="293">
        <v>0</v>
      </c>
      <c r="FM16" s="294">
        <v>0</v>
      </c>
      <c r="FN16" s="298"/>
      <c r="FO16" s="293">
        <v>0</v>
      </c>
      <c r="FP16" s="293">
        <v>0</v>
      </c>
      <c r="FQ16" s="293">
        <v>218406</v>
      </c>
      <c r="FR16" s="293">
        <v>181412</v>
      </c>
      <c r="FS16" s="293">
        <v>79918</v>
      </c>
      <c r="FT16" s="296">
        <v>479736</v>
      </c>
      <c r="FU16" s="297">
        <v>479736</v>
      </c>
      <c r="FV16" s="292">
        <v>3606</v>
      </c>
      <c r="FW16" s="293">
        <v>14668</v>
      </c>
      <c r="FX16" s="294">
        <v>18274</v>
      </c>
      <c r="FY16" s="295">
        <v>0</v>
      </c>
      <c r="FZ16" s="293">
        <v>111540</v>
      </c>
      <c r="GA16" s="293">
        <v>137275</v>
      </c>
      <c r="GB16" s="293">
        <v>260328</v>
      </c>
      <c r="GC16" s="293">
        <v>261789</v>
      </c>
      <c r="GD16" s="293">
        <v>186748</v>
      </c>
      <c r="GE16" s="296">
        <v>957680</v>
      </c>
      <c r="GF16" s="297">
        <v>975954</v>
      </c>
      <c r="GG16" s="292">
        <v>0</v>
      </c>
      <c r="GH16" s="293">
        <v>0</v>
      </c>
      <c r="GI16" s="294">
        <v>0</v>
      </c>
      <c r="GJ16" s="295">
        <v>0</v>
      </c>
      <c r="GK16" s="293">
        <v>0</v>
      </c>
      <c r="GL16" s="293">
        <v>84</v>
      </c>
      <c r="GM16" s="293">
        <v>0</v>
      </c>
      <c r="GN16" s="293">
        <v>0</v>
      </c>
      <c r="GO16" s="293">
        <v>21</v>
      </c>
      <c r="GP16" s="296">
        <v>105</v>
      </c>
      <c r="GQ16" s="297">
        <v>105</v>
      </c>
      <c r="GR16" s="292">
        <v>0</v>
      </c>
      <c r="GS16" s="293">
        <v>0</v>
      </c>
      <c r="GT16" s="294">
        <v>0</v>
      </c>
      <c r="GU16" s="295">
        <v>0</v>
      </c>
      <c r="GV16" s="293">
        <v>0</v>
      </c>
      <c r="GW16" s="293">
        <v>0</v>
      </c>
      <c r="GX16" s="293">
        <v>0</v>
      </c>
      <c r="GY16" s="293">
        <v>0</v>
      </c>
      <c r="GZ16" s="293">
        <v>0</v>
      </c>
      <c r="HA16" s="296">
        <v>0</v>
      </c>
      <c r="HB16" s="297">
        <v>0</v>
      </c>
      <c r="HC16" s="292">
        <v>0</v>
      </c>
      <c r="HD16" s="293">
        <v>0</v>
      </c>
      <c r="HE16" s="294">
        <v>0</v>
      </c>
      <c r="HF16" s="298"/>
      <c r="HG16" s="293">
        <v>0</v>
      </c>
      <c r="HH16" s="293">
        <v>0</v>
      </c>
      <c r="HI16" s="293">
        <v>0</v>
      </c>
      <c r="HJ16" s="293">
        <v>0</v>
      </c>
      <c r="HK16" s="293">
        <v>0</v>
      </c>
      <c r="HL16" s="296">
        <v>0</v>
      </c>
      <c r="HM16" s="297">
        <v>0</v>
      </c>
      <c r="HN16" s="292">
        <v>7476</v>
      </c>
      <c r="HO16" s="293">
        <v>23523</v>
      </c>
      <c r="HP16" s="294">
        <v>30999</v>
      </c>
      <c r="HQ16" s="295">
        <v>0</v>
      </c>
      <c r="HR16" s="293">
        <v>437420</v>
      </c>
      <c r="HS16" s="293">
        <v>1113323</v>
      </c>
      <c r="HT16" s="293">
        <v>5286428</v>
      </c>
      <c r="HU16" s="293">
        <v>7132578</v>
      </c>
      <c r="HV16" s="293">
        <v>4335724</v>
      </c>
      <c r="HW16" s="296">
        <v>18305473</v>
      </c>
      <c r="HX16" s="297">
        <v>18336472</v>
      </c>
    </row>
    <row r="17" spans="1:232" ht="21" customHeight="1" x14ac:dyDescent="0.2">
      <c r="A17" s="498" t="s">
        <v>13</v>
      </c>
      <c r="B17" s="292">
        <v>0</v>
      </c>
      <c r="C17" s="293">
        <v>0</v>
      </c>
      <c r="D17" s="294">
        <v>0</v>
      </c>
      <c r="E17" s="295">
        <v>0</v>
      </c>
      <c r="F17" s="293">
        <v>39590</v>
      </c>
      <c r="G17" s="293">
        <v>88422</v>
      </c>
      <c r="H17" s="293">
        <v>623505</v>
      </c>
      <c r="I17" s="293">
        <v>1046805</v>
      </c>
      <c r="J17" s="293">
        <v>661662</v>
      </c>
      <c r="K17" s="296">
        <v>2459984</v>
      </c>
      <c r="L17" s="297">
        <v>2459984</v>
      </c>
      <c r="M17" s="292">
        <v>0</v>
      </c>
      <c r="N17" s="293">
        <v>0</v>
      </c>
      <c r="O17" s="294">
        <v>0</v>
      </c>
      <c r="P17" s="298"/>
      <c r="Q17" s="293">
        <v>2635</v>
      </c>
      <c r="R17" s="293">
        <v>2635</v>
      </c>
      <c r="S17" s="293">
        <v>406275</v>
      </c>
      <c r="T17" s="293">
        <v>911245</v>
      </c>
      <c r="U17" s="293">
        <v>621897</v>
      </c>
      <c r="V17" s="296">
        <v>1944687</v>
      </c>
      <c r="W17" s="297">
        <v>1944687</v>
      </c>
      <c r="X17" s="292">
        <v>0</v>
      </c>
      <c r="Y17" s="293">
        <v>0</v>
      </c>
      <c r="Z17" s="294">
        <v>0</v>
      </c>
      <c r="AA17" s="298"/>
      <c r="AB17" s="293">
        <v>27280</v>
      </c>
      <c r="AC17" s="293">
        <v>64505</v>
      </c>
      <c r="AD17" s="293">
        <v>142352</v>
      </c>
      <c r="AE17" s="293">
        <v>112335</v>
      </c>
      <c r="AF17" s="293">
        <v>13175</v>
      </c>
      <c r="AG17" s="296">
        <v>359647</v>
      </c>
      <c r="AH17" s="297">
        <v>359647</v>
      </c>
      <c r="AI17" s="292">
        <v>0</v>
      </c>
      <c r="AJ17" s="293">
        <v>0</v>
      </c>
      <c r="AK17" s="294">
        <v>0</v>
      </c>
      <c r="AL17" s="298"/>
      <c r="AM17" s="293">
        <v>0</v>
      </c>
      <c r="AN17" s="293">
        <v>0</v>
      </c>
      <c r="AO17" s="293">
        <v>0</v>
      </c>
      <c r="AP17" s="293">
        <v>0</v>
      </c>
      <c r="AQ17" s="293">
        <v>0</v>
      </c>
      <c r="AR17" s="296">
        <v>0</v>
      </c>
      <c r="AS17" s="297">
        <v>0</v>
      </c>
      <c r="AT17" s="292">
        <v>0</v>
      </c>
      <c r="AU17" s="293">
        <v>0</v>
      </c>
      <c r="AV17" s="294">
        <v>0</v>
      </c>
      <c r="AW17" s="298"/>
      <c r="AX17" s="293">
        <v>0</v>
      </c>
      <c r="AY17" s="293">
        <v>0</v>
      </c>
      <c r="AZ17" s="293">
        <v>0</v>
      </c>
      <c r="BA17" s="293">
        <v>0</v>
      </c>
      <c r="BB17" s="293">
        <v>0</v>
      </c>
      <c r="BC17" s="296">
        <v>0</v>
      </c>
      <c r="BD17" s="297">
        <v>0</v>
      </c>
      <c r="BE17" s="292">
        <v>0</v>
      </c>
      <c r="BF17" s="293">
        <v>0</v>
      </c>
      <c r="BG17" s="294">
        <v>0</v>
      </c>
      <c r="BH17" s="298"/>
      <c r="BI17" s="293">
        <v>0</v>
      </c>
      <c r="BJ17" s="293">
        <v>0</v>
      </c>
      <c r="BK17" s="293">
        <v>0</v>
      </c>
      <c r="BL17" s="293">
        <v>0</v>
      </c>
      <c r="BM17" s="293">
        <v>0</v>
      </c>
      <c r="BN17" s="296">
        <v>0</v>
      </c>
      <c r="BO17" s="297">
        <v>0</v>
      </c>
      <c r="BP17" s="292">
        <v>0</v>
      </c>
      <c r="BQ17" s="293">
        <v>0</v>
      </c>
      <c r="BR17" s="294">
        <v>0</v>
      </c>
      <c r="BS17" s="295">
        <v>0</v>
      </c>
      <c r="BT17" s="293">
        <v>9095</v>
      </c>
      <c r="BU17" s="293">
        <v>19977</v>
      </c>
      <c r="BV17" s="293">
        <v>71553</v>
      </c>
      <c r="BW17" s="293">
        <v>15620</v>
      </c>
      <c r="BX17" s="293">
        <v>26590</v>
      </c>
      <c r="BY17" s="296">
        <v>142835</v>
      </c>
      <c r="BZ17" s="297">
        <v>142835</v>
      </c>
      <c r="CA17" s="292">
        <v>0</v>
      </c>
      <c r="CB17" s="293">
        <v>0</v>
      </c>
      <c r="CC17" s="294">
        <v>0</v>
      </c>
      <c r="CD17" s="295">
        <v>0</v>
      </c>
      <c r="CE17" s="293">
        <v>580</v>
      </c>
      <c r="CF17" s="293">
        <v>1305</v>
      </c>
      <c r="CG17" s="293">
        <v>3325</v>
      </c>
      <c r="CH17" s="293">
        <v>7605</v>
      </c>
      <c r="CI17" s="293">
        <v>0</v>
      </c>
      <c r="CJ17" s="296">
        <v>12815</v>
      </c>
      <c r="CK17" s="297">
        <v>12815</v>
      </c>
      <c r="CL17" s="292">
        <v>0</v>
      </c>
      <c r="CM17" s="293">
        <v>0</v>
      </c>
      <c r="CN17" s="294">
        <v>0</v>
      </c>
      <c r="CO17" s="295">
        <v>0</v>
      </c>
      <c r="CP17" s="293">
        <v>0</v>
      </c>
      <c r="CQ17" s="293">
        <v>0</v>
      </c>
      <c r="CR17" s="293">
        <v>0</v>
      </c>
      <c r="CS17" s="293">
        <v>0</v>
      </c>
      <c r="CT17" s="293">
        <v>0</v>
      </c>
      <c r="CU17" s="296">
        <v>0</v>
      </c>
      <c r="CV17" s="297">
        <v>0</v>
      </c>
      <c r="CW17" s="292">
        <v>0</v>
      </c>
      <c r="CX17" s="293">
        <v>0</v>
      </c>
      <c r="CY17" s="294">
        <v>0</v>
      </c>
      <c r="CZ17" s="298"/>
      <c r="DA17" s="293">
        <v>0</v>
      </c>
      <c r="DB17" s="293">
        <v>0</v>
      </c>
      <c r="DC17" s="293">
        <v>0</v>
      </c>
      <c r="DD17" s="293">
        <v>0</v>
      </c>
      <c r="DE17" s="293">
        <v>0</v>
      </c>
      <c r="DF17" s="296">
        <v>0</v>
      </c>
      <c r="DG17" s="297">
        <v>0</v>
      </c>
      <c r="DH17" s="292">
        <v>0</v>
      </c>
      <c r="DI17" s="293">
        <v>0</v>
      </c>
      <c r="DJ17" s="294">
        <v>0</v>
      </c>
      <c r="DK17" s="295">
        <v>0</v>
      </c>
      <c r="DL17" s="293">
        <v>59579</v>
      </c>
      <c r="DM17" s="293">
        <v>55273</v>
      </c>
      <c r="DN17" s="293">
        <v>718268</v>
      </c>
      <c r="DO17" s="293">
        <v>1166080</v>
      </c>
      <c r="DP17" s="293">
        <v>757844</v>
      </c>
      <c r="DQ17" s="296">
        <v>2757044</v>
      </c>
      <c r="DR17" s="299">
        <v>2757044</v>
      </c>
      <c r="DS17" s="292">
        <v>0</v>
      </c>
      <c r="DT17" s="293">
        <v>0</v>
      </c>
      <c r="DU17" s="294">
        <v>0</v>
      </c>
      <c r="DV17" s="298"/>
      <c r="DW17" s="293">
        <v>21576</v>
      </c>
      <c r="DX17" s="293">
        <v>21576</v>
      </c>
      <c r="DY17" s="293">
        <v>529166</v>
      </c>
      <c r="DZ17" s="293">
        <v>1080562</v>
      </c>
      <c r="EA17" s="293">
        <v>718478</v>
      </c>
      <c r="EB17" s="296">
        <v>2371358</v>
      </c>
      <c r="EC17" s="297">
        <v>2371358</v>
      </c>
      <c r="ED17" s="292">
        <v>0</v>
      </c>
      <c r="EE17" s="293">
        <v>0</v>
      </c>
      <c r="EF17" s="294">
        <v>0</v>
      </c>
      <c r="EG17" s="298"/>
      <c r="EH17" s="293">
        <v>11315</v>
      </c>
      <c r="EI17" s="293">
        <v>1624</v>
      </c>
      <c r="EJ17" s="293">
        <v>1953</v>
      </c>
      <c r="EK17" s="293">
        <v>36066</v>
      </c>
      <c r="EL17" s="293">
        <v>22444</v>
      </c>
      <c r="EM17" s="296">
        <v>73402</v>
      </c>
      <c r="EN17" s="297">
        <v>73402</v>
      </c>
      <c r="EO17" s="292">
        <v>0</v>
      </c>
      <c r="EP17" s="293">
        <v>0</v>
      </c>
      <c r="EQ17" s="294">
        <v>0</v>
      </c>
      <c r="ER17" s="298"/>
      <c r="ES17" s="293">
        <v>0</v>
      </c>
      <c r="ET17" s="293">
        <v>0</v>
      </c>
      <c r="EU17" s="293">
        <v>0</v>
      </c>
      <c r="EV17" s="293">
        <v>0</v>
      </c>
      <c r="EW17" s="293">
        <v>0</v>
      </c>
      <c r="EX17" s="296">
        <v>0</v>
      </c>
      <c r="EY17" s="297">
        <v>0</v>
      </c>
      <c r="EZ17" s="292">
        <v>0</v>
      </c>
      <c r="FA17" s="293">
        <v>0</v>
      </c>
      <c r="FB17" s="294">
        <v>0</v>
      </c>
      <c r="FC17" s="298"/>
      <c r="FD17" s="293">
        <v>0</v>
      </c>
      <c r="FE17" s="293">
        <v>0</v>
      </c>
      <c r="FF17" s="293">
        <v>0</v>
      </c>
      <c r="FG17" s="293">
        <v>0</v>
      </c>
      <c r="FH17" s="293">
        <v>0</v>
      </c>
      <c r="FI17" s="296">
        <v>0</v>
      </c>
      <c r="FJ17" s="297">
        <v>0</v>
      </c>
      <c r="FK17" s="292">
        <v>0</v>
      </c>
      <c r="FL17" s="293">
        <v>0</v>
      </c>
      <c r="FM17" s="294">
        <v>0</v>
      </c>
      <c r="FN17" s="298"/>
      <c r="FO17" s="293">
        <v>0</v>
      </c>
      <c r="FP17" s="293">
        <v>0</v>
      </c>
      <c r="FQ17" s="293">
        <v>0</v>
      </c>
      <c r="FR17" s="293">
        <v>0</v>
      </c>
      <c r="FS17" s="293">
        <v>0</v>
      </c>
      <c r="FT17" s="296">
        <v>0</v>
      </c>
      <c r="FU17" s="297">
        <v>0</v>
      </c>
      <c r="FV17" s="292">
        <v>0</v>
      </c>
      <c r="FW17" s="293">
        <v>0</v>
      </c>
      <c r="FX17" s="294">
        <v>0</v>
      </c>
      <c r="FY17" s="295">
        <v>0</v>
      </c>
      <c r="FZ17" s="293">
        <v>23824</v>
      </c>
      <c r="GA17" s="293">
        <v>32010</v>
      </c>
      <c r="GB17" s="293">
        <v>187121</v>
      </c>
      <c r="GC17" s="293">
        <v>49389</v>
      </c>
      <c r="GD17" s="293">
        <v>16922</v>
      </c>
      <c r="GE17" s="296">
        <v>309266</v>
      </c>
      <c r="GF17" s="297">
        <v>309266</v>
      </c>
      <c r="GG17" s="292">
        <v>0</v>
      </c>
      <c r="GH17" s="293">
        <v>0</v>
      </c>
      <c r="GI17" s="294">
        <v>0</v>
      </c>
      <c r="GJ17" s="295">
        <v>0</v>
      </c>
      <c r="GK17" s="293">
        <v>2864</v>
      </c>
      <c r="GL17" s="293">
        <v>63</v>
      </c>
      <c r="GM17" s="293">
        <v>28</v>
      </c>
      <c r="GN17" s="293">
        <v>63</v>
      </c>
      <c r="GO17" s="293">
        <v>0</v>
      </c>
      <c r="GP17" s="296">
        <v>3018</v>
      </c>
      <c r="GQ17" s="297">
        <v>3018</v>
      </c>
      <c r="GR17" s="292">
        <v>0</v>
      </c>
      <c r="GS17" s="293">
        <v>0</v>
      </c>
      <c r="GT17" s="294">
        <v>0</v>
      </c>
      <c r="GU17" s="295">
        <v>0</v>
      </c>
      <c r="GV17" s="293">
        <v>0</v>
      </c>
      <c r="GW17" s="293">
        <v>0</v>
      </c>
      <c r="GX17" s="293">
        <v>0</v>
      </c>
      <c r="GY17" s="293">
        <v>0</v>
      </c>
      <c r="GZ17" s="293">
        <v>0</v>
      </c>
      <c r="HA17" s="296">
        <v>0</v>
      </c>
      <c r="HB17" s="297">
        <v>0</v>
      </c>
      <c r="HC17" s="292">
        <v>0</v>
      </c>
      <c r="HD17" s="293">
        <v>0</v>
      </c>
      <c r="HE17" s="294">
        <v>0</v>
      </c>
      <c r="HF17" s="298"/>
      <c r="HG17" s="293">
        <v>0</v>
      </c>
      <c r="HH17" s="293">
        <v>0</v>
      </c>
      <c r="HI17" s="293">
        <v>0</v>
      </c>
      <c r="HJ17" s="293">
        <v>0</v>
      </c>
      <c r="HK17" s="293">
        <v>0</v>
      </c>
      <c r="HL17" s="296">
        <v>0</v>
      </c>
      <c r="HM17" s="297">
        <v>0</v>
      </c>
      <c r="HN17" s="292">
        <v>0</v>
      </c>
      <c r="HO17" s="293">
        <v>0</v>
      </c>
      <c r="HP17" s="294">
        <v>0</v>
      </c>
      <c r="HQ17" s="295">
        <v>0</v>
      </c>
      <c r="HR17" s="293">
        <v>99169</v>
      </c>
      <c r="HS17" s="293">
        <v>143695</v>
      </c>
      <c r="HT17" s="293">
        <v>1341773</v>
      </c>
      <c r="HU17" s="293">
        <v>2212885</v>
      </c>
      <c r="HV17" s="293">
        <v>1419506</v>
      </c>
      <c r="HW17" s="296">
        <v>5217028</v>
      </c>
      <c r="HX17" s="297">
        <v>5217028</v>
      </c>
    </row>
    <row r="18" spans="1:232" ht="21" customHeight="1" x14ac:dyDescent="0.2">
      <c r="A18" s="498" t="s">
        <v>15</v>
      </c>
      <c r="B18" s="292">
        <v>0</v>
      </c>
      <c r="C18" s="293">
        <v>0</v>
      </c>
      <c r="D18" s="294">
        <v>0</v>
      </c>
      <c r="E18" s="295">
        <v>0</v>
      </c>
      <c r="F18" s="293">
        <v>250496</v>
      </c>
      <c r="G18" s="293">
        <v>387583</v>
      </c>
      <c r="H18" s="293">
        <v>1539409</v>
      </c>
      <c r="I18" s="293">
        <v>2248612</v>
      </c>
      <c r="J18" s="293">
        <v>1393685</v>
      </c>
      <c r="K18" s="296">
        <v>5819785</v>
      </c>
      <c r="L18" s="297">
        <v>5819785</v>
      </c>
      <c r="M18" s="292">
        <v>0</v>
      </c>
      <c r="N18" s="293">
        <v>0</v>
      </c>
      <c r="O18" s="294">
        <v>0</v>
      </c>
      <c r="P18" s="298"/>
      <c r="Q18" s="293">
        <v>2635</v>
      </c>
      <c r="R18" s="293">
        <v>35495</v>
      </c>
      <c r="S18" s="293">
        <v>867275</v>
      </c>
      <c r="T18" s="293">
        <v>1235025</v>
      </c>
      <c r="U18" s="293">
        <v>1137525</v>
      </c>
      <c r="V18" s="296">
        <v>3277955</v>
      </c>
      <c r="W18" s="297">
        <v>3277955</v>
      </c>
      <c r="X18" s="292">
        <v>0</v>
      </c>
      <c r="Y18" s="293">
        <v>0</v>
      </c>
      <c r="Z18" s="294">
        <v>0</v>
      </c>
      <c r="AA18" s="298"/>
      <c r="AB18" s="293">
        <v>191405</v>
      </c>
      <c r="AC18" s="293">
        <v>294405</v>
      </c>
      <c r="AD18" s="293">
        <v>366480</v>
      </c>
      <c r="AE18" s="293">
        <v>660853</v>
      </c>
      <c r="AF18" s="293">
        <v>128030</v>
      </c>
      <c r="AG18" s="296">
        <v>1641173</v>
      </c>
      <c r="AH18" s="297">
        <v>1641173</v>
      </c>
      <c r="AI18" s="292">
        <v>0</v>
      </c>
      <c r="AJ18" s="293">
        <v>0</v>
      </c>
      <c r="AK18" s="294">
        <v>0</v>
      </c>
      <c r="AL18" s="298"/>
      <c r="AM18" s="293">
        <v>0</v>
      </c>
      <c r="AN18" s="293">
        <v>0</v>
      </c>
      <c r="AO18" s="293">
        <v>0</v>
      </c>
      <c r="AP18" s="293">
        <v>0</v>
      </c>
      <c r="AQ18" s="293">
        <v>0</v>
      </c>
      <c r="AR18" s="296">
        <v>0</v>
      </c>
      <c r="AS18" s="297">
        <v>0</v>
      </c>
      <c r="AT18" s="292">
        <v>0</v>
      </c>
      <c r="AU18" s="293">
        <v>0</v>
      </c>
      <c r="AV18" s="294">
        <v>0</v>
      </c>
      <c r="AW18" s="298"/>
      <c r="AX18" s="293">
        <v>0</v>
      </c>
      <c r="AY18" s="293">
        <v>0</v>
      </c>
      <c r="AZ18" s="293">
        <v>0</v>
      </c>
      <c r="BA18" s="293">
        <v>0</v>
      </c>
      <c r="BB18" s="293">
        <v>0</v>
      </c>
      <c r="BC18" s="296">
        <v>0</v>
      </c>
      <c r="BD18" s="297">
        <v>0</v>
      </c>
      <c r="BE18" s="292">
        <v>0</v>
      </c>
      <c r="BF18" s="293">
        <v>0</v>
      </c>
      <c r="BG18" s="294">
        <v>0</v>
      </c>
      <c r="BH18" s="298"/>
      <c r="BI18" s="293">
        <v>0</v>
      </c>
      <c r="BJ18" s="293">
        <v>0</v>
      </c>
      <c r="BK18" s="293">
        <v>73315</v>
      </c>
      <c r="BL18" s="293">
        <v>104670</v>
      </c>
      <c r="BM18" s="293">
        <v>87035</v>
      </c>
      <c r="BN18" s="296">
        <v>265020</v>
      </c>
      <c r="BO18" s="297">
        <v>265020</v>
      </c>
      <c r="BP18" s="292">
        <v>0</v>
      </c>
      <c r="BQ18" s="293">
        <v>0</v>
      </c>
      <c r="BR18" s="294">
        <v>0</v>
      </c>
      <c r="BS18" s="295">
        <v>0</v>
      </c>
      <c r="BT18" s="293">
        <v>40085</v>
      </c>
      <c r="BU18" s="293">
        <v>57683</v>
      </c>
      <c r="BV18" s="293">
        <v>232339</v>
      </c>
      <c r="BW18" s="293">
        <v>246878</v>
      </c>
      <c r="BX18" s="293">
        <v>41095</v>
      </c>
      <c r="BY18" s="296">
        <v>618080</v>
      </c>
      <c r="BZ18" s="297">
        <v>618080</v>
      </c>
      <c r="CA18" s="292">
        <v>0</v>
      </c>
      <c r="CB18" s="293">
        <v>0</v>
      </c>
      <c r="CC18" s="294">
        <v>0</v>
      </c>
      <c r="CD18" s="295">
        <v>0</v>
      </c>
      <c r="CE18" s="293">
        <v>16371</v>
      </c>
      <c r="CF18" s="293">
        <v>0</v>
      </c>
      <c r="CG18" s="293">
        <v>0</v>
      </c>
      <c r="CH18" s="293">
        <v>1186</v>
      </c>
      <c r="CI18" s="293">
        <v>0</v>
      </c>
      <c r="CJ18" s="296">
        <v>17557</v>
      </c>
      <c r="CK18" s="297">
        <v>17557</v>
      </c>
      <c r="CL18" s="292">
        <v>0</v>
      </c>
      <c r="CM18" s="293">
        <v>0</v>
      </c>
      <c r="CN18" s="294">
        <v>0</v>
      </c>
      <c r="CO18" s="295">
        <v>0</v>
      </c>
      <c r="CP18" s="293">
        <v>0</v>
      </c>
      <c r="CQ18" s="293">
        <v>0</v>
      </c>
      <c r="CR18" s="293">
        <v>0</v>
      </c>
      <c r="CS18" s="293">
        <v>0</v>
      </c>
      <c r="CT18" s="293">
        <v>0</v>
      </c>
      <c r="CU18" s="296">
        <v>0</v>
      </c>
      <c r="CV18" s="297">
        <v>0</v>
      </c>
      <c r="CW18" s="292">
        <v>0</v>
      </c>
      <c r="CX18" s="293">
        <v>0</v>
      </c>
      <c r="CY18" s="294">
        <v>0</v>
      </c>
      <c r="CZ18" s="298"/>
      <c r="DA18" s="293">
        <v>0</v>
      </c>
      <c r="DB18" s="293">
        <v>0</v>
      </c>
      <c r="DC18" s="293">
        <v>0</v>
      </c>
      <c r="DD18" s="293">
        <v>0</v>
      </c>
      <c r="DE18" s="293">
        <v>0</v>
      </c>
      <c r="DF18" s="296">
        <v>0</v>
      </c>
      <c r="DG18" s="297">
        <v>0</v>
      </c>
      <c r="DH18" s="292">
        <v>0</v>
      </c>
      <c r="DI18" s="293">
        <v>0</v>
      </c>
      <c r="DJ18" s="294">
        <v>0</v>
      </c>
      <c r="DK18" s="295">
        <v>0</v>
      </c>
      <c r="DL18" s="293">
        <v>64534</v>
      </c>
      <c r="DM18" s="293">
        <v>161989</v>
      </c>
      <c r="DN18" s="293">
        <v>1590766</v>
      </c>
      <c r="DO18" s="293">
        <v>2034748</v>
      </c>
      <c r="DP18" s="293">
        <v>1378629</v>
      </c>
      <c r="DQ18" s="296">
        <v>5230666</v>
      </c>
      <c r="DR18" s="299">
        <v>5230666</v>
      </c>
      <c r="DS18" s="292">
        <v>0</v>
      </c>
      <c r="DT18" s="293">
        <v>0</v>
      </c>
      <c r="DU18" s="294">
        <v>0</v>
      </c>
      <c r="DV18" s="298"/>
      <c r="DW18" s="293">
        <v>10881</v>
      </c>
      <c r="DX18" s="293">
        <v>26505</v>
      </c>
      <c r="DY18" s="293">
        <v>1017192</v>
      </c>
      <c r="DZ18" s="293">
        <v>1459997</v>
      </c>
      <c r="EA18" s="293">
        <v>1196072</v>
      </c>
      <c r="EB18" s="296">
        <v>3710647</v>
      </c>
      <c r="EC18" s="297">
        <v>3710647</v>
      </c>
      <c r="ED18" s="292">
        <v>0</v>
      </c>
      <c r="EE18" s="293">
        <v>0</v>
      </c>
      <c r="EF18" s="294">
        <v>0</v>
      </c>
      <c r="EG18" s="298"/>
      <c r="EH18" s="293">
        <v>13444</v>
      </c>
      <c r="EI18" s="293">
        <v>60619</v>
      </c>
      <c r="EJ18" s="293">
        <v>46164</v>
      </c>
      <c r="EK18" s="293">
        <v>68833</v>
      </c>
      <c r="EL18" s="293">
        <v>22738</v>
      </c>
      <c r="EM18" s="296">
        <v>211798</v>
      </c>
      <c r="EN18" s="297">
        <v>211798</v>
      </c>
      <c r="EO18" s="292">
        <v>0</v>
      </c>
      <c r="EP18" s="293">
        <v>0</v>
      </c>
      <c r="EQ18" s="294">
        <v>0</v>
      </c>
      <c r="ER18" s="298"/>
      <c r="ES18" s="293">
        <v>0</v>
      </c>
      <c r="ET18" s="293">
        <v>0</v>
      </c>
      <c r="EU18" s="293">
        <v>0</v>
      </c>
      <c r="EV18" s="293">
        <v>0</v>
      </c>
      <c r="EW18" s="293">
        <v>0</v>
      </c>
      <c r="EX18" s="296">
        <v>0</v>
      </c>
      <c r="EY18" s="297">
        <v>0</v>
      </c>
      <c r="EZ18" s="292">
        <v>0</v>
      </c>
      <c r="FA18" s="293">
        <v>0</v>
      </c>
      <c r="FB18" s="294">
        <v>0</v>
      </c>
      <c r="FC18" s="298"/>
      <c r="FD18" s="293">
        <v>0</v>
      </c>
      <c r="FE18" s="293">
        <v>0</v>
      </c>
      <c r="FF18" s="293">
        <v>0</v>
      </c>
      <c r="FG18" s="293">
        <v>0</v>
      </c>
      <c r="FH18" s="293">
        <v>0</v>
      </c>
      <c r="FI18" s="296">
        <v>0</v>
      </c>
      <c r="FJ18" s="297">
        <v>0</v>
      </c>
      <c r="FK18" s="292">
        <v>0</v>
      </c>
      <c r="FL18" s="293">
        <v>0</v>
      </c>
      <c r="FM18" s="294">
        <v>0</v>
      </c>
      <c r="FN18" s="298"/>
      <c r="FO18" s="293">
        <v>0</v>
      </c>
      <c r="FP18" s="293">
        <v>0</v>
      </c>
      <c r="FQ18" s="293">
        <v>138260</v>
      </c>
      <c r="FR18" s="293">
        <v>216140</v>
      </c>
      <c r="FS18" s="293">
        <v>116456</v>
      </c>
      <c r="FT18" s="296">
        <v>470856</v>
      </c>
      <c r="FU18" s="297">
        <v>470856</v>
      </c>
      <c r="FV18" s="292">
        <v>0</v>
      </c>
      <c r="FW18" s="293">
        <v>0</v>
      </c>
      <c r="FX18" s="294">
        <v>0</v>
      </c>
      <c r="FY18" s="295">
        <v>0</v>
      </c>
      <c r="FZ18" s="293">
        <v>39901</v>
      </c>
      <c r="GA18" s="293">
        <v>74865</v>
      </c>
      <c r="GB18" s="293">
        <v>388792</v>
      </c>
      <c r="GC18" s="293">
        <v>289006</v>
      </c>
      <c r="GD18" s="293">
        <v>43363</v>
      </c>
      <c r="GE18" s="296">
        <v>835927</v>
      </c>
      <c r="GF18" s="297">
        <v>835927</v>
      </c>
      <c r="GG18" s="292">
        <v>0</v>
      </c>
      <c r="GH18" s="293">
        <v>0</v>
      </c>
      <c r="GI18" s="294">
        <v>0</v>
      </c>
      <c r="GJ18" s="295">
        <v>0</v>
      </c>
      <c r="GK18" s="293">
        <v>308</v>
      </c>
      <c r="GL18" s="293">
        <v>0</v>
      </c>
      <c r="GM18" s="293">
        <v>358</v>
      </c>
      <c r="GN18" s="293">
        <v>772</v>
      </c>
      <c r="GO18" s="293">
        <v>0</v>
      </c>
      <c r="GP18" s="296">
        <v>1438</v>
      </c>
      <c r="GQ18" s="297">
        <v>1438</v>
      </c>
      <c r="GR18" s="292">
        <v>0</v>
      </c>
      <c r="GS18" s="293">
        <v>0</v>
      </c>
      <c r="GT18" s="294">
        <v>0</v>
      </c>
      <c r="GU18" s="295">
        <v>0</v>
      </c>
      <c r="GV18" s="293">
        <v>0</v>
      </c>
      <c r="GW18" s="293">
        <v>0</v>
      </c>
      <c r="GX18" s="293">
        <v>0</v>
      </c>
      <c r="GY18" s="293">
        <v>0</v>
      </c>
      <c r="GZ18" s="293">
        <v>0</v>
      </c>
      <c r="HA18" s="296">
        <v>0</v>
      </c>
      <c r="HB18" s="297">
        <v>0</v>
      </c>
      <c r="HC18" s="292">
        <v>0</v>
      </c>
      <c r="HD18" s="293">
        <v>0</v>
      </c>
      <c r="HE18" s="294">
        <v>0</v>
      </c>
      <c r="HF18" s="298"/>
      <c r="HG18" s="293">
        <v>0</v>
      </c>
      <c r="HH18" s="293">
        <v>0</v>
      </c>
      <c r="HI18" s="293">
        <v>0</v>
      </c>
      <c r="HJ18" s="293">
        <v>0</v>
      </c>
      <c r="HK18" s="293">
        <v>0</v>
      </c>
      <c r="HL18" s="296">
        <v>0</v>
      </c>
      <c r="HM18" s="297">
        <v>0</v>
      </c>
      <c r="HN18" s="292">
        <v>0</v>
      </c>
      <c r="HO18" s="293">
        <v>0</v>
      </c>
      <c r="HP18" s="294">
        <v>0</v>
      </c>
      <c r="HQ18" s="295">
        <v>0</v>
      </c>
      <c r="HR18" s="293">
        <v>315030</v>
      </c>
      <c r="HS18" s="293">
        <v>549572</v>
      </c>
      <c r="HT18" s="293">
        <v>3130175</v>
      </c>
      <c r="HU18" s="293">
        <v>4283360</v>
      </c>
      <c r="HV18" s="293">
        <v>2772314</v>
      </c>
      <c r="HW18" s="296">
        <v>11050451</v>
      </c>
      <c r="HX18" s="297">
        <v>11050451</v>
      </c>
    </row>
    <row r="19" spans="1:232" ht="21" customHeight="1" x14ac:dyDescent="0.2">
      <c r="A19" s="498" t="s">
        <v>16</v>
      </c>
      <c r="B19" s="292">
        <v>0</v>
      </c>
      <c r="C19" s="293">
        <v>0</v>
      </c>
      <c r="D19" s="294">
        <v>0</v>
      </c>
      <c r="E19" s="295">
        <v>0</v>
      </c>
      <c r="F19" s="293">
        <v>294301</v>
      </c>
      <c r="G19" s="293">
        <v>977230</v>
      </c>
      <c r="H19" s="293">
        <v>3031326</v>
      </c>
      <c r="I19" s="293">
        <v>3257101</v>
      </c>
      <c r="J19" s="293">
        <v>2337119</v>
      </c>
      <c r="K19" s="296">
        <v>9897077</v>
      </c>
      <c r="L19" s="297">
        <v>9897077</v>
      </c>
      <c r="M19" s="292">
        <v>0</v>
      </c>
      <c r="N19" s="293">
        <v>0</v>
      </c>
      <c r="O19" s="294">
        <v>0</v>
      </c>
      <c r="P19" s="298"/>
      <c r="Q19" s="293">
        <v>74369</v>
      </c>
      <c r="R19" s="293">
        <v>60780</v>
      </c>
      <c r="S19" s="293">
        <v>1821094</v>
      </c>
      <c r="T19" s="293">
        <v>2543720</v>
      </c>
      <c r="U19" s="293">
        <v>1697529</v>
      </c>
      <c r="V19" s="296">
        <v>6197492</v>
      </c>
      <c r="W19" s="297">
        <v>6197492</v>
      </c>
      <c r="X19" s="292">
        <v>0</v>
      </c>
      <c r="Y19" s="293">
        <v>0</v>
      </c>
      <c r="Z19" s="294">
        <v>0</v>
      </c>
      <c r="AA19" s="298"/>
      <c r="AB19" s="293">
        <v>181405</v>
      </c>
      <c r="AC19" s="293">
        <v>740320</v>
      </c>
      <c r="AD19" s="293">
        <v>1017898</v>
      </c>
      <c r="AE19" s="293">
        <v>444103</v>
      </c>
      <c r="AF19" s="293">
        <v>289295</v>
      </c>
      <c r="AG19" s="296">
        <v>2673021</v>
      </c>
      <c r="AH19" s="297">
        <v>2673021</v>
      </c>
      <c r="AI19" s="292">
        <v>0</v>
      </c>
      <c r="AJ19" s="293">
        <v>0</v>
      </c>
      <c r="AK19" s="294">
        <v>0</v>
      </c>
      <c r="AL19" s="298"/>
      <c r="AM19" s="293">
        <v>0</v>
      </c>
      <c r="AN19" s="293">
        <v>0</v>
      </c>
      <c r="AO19" s="293">
        <v>0</v>
      </c>
      <c r="AP19" s="293">
        <v>0</v>
      </c>
      <c r="AQ19" s="293">
        <v>0</v>
      </c>
      <c r="AR19" s="296">
        <v>0</v>
      </c>
      <c r="AS19" s="297">
        <v>0</v>
      </c>
      <c r="AT19" s="292">
        <v>0</v>
      </c>
      <c r="AU19" s="293">
        <v>0</v>
      </c>
      <c r="AV19" s="294">
        <v>0</v>
      </c>
      <c r="AW19" s="298"/>
      <c r="AX19" s="293">
        <v>0</v>
      </c>
      <c r="AY19" s="293">
        <v>0</v>
      </c>
      <c r="AZ19" s="293">
        <v>32705</v>
      </c>
      <c r="BA19" s="293">
        <v>108965</v>
      </c>
      <c r="BB19" s="293">
        <v>149575</v>
      </c>
      <c r="BC19" s="296">
        <v>291245</v>
      </c>
      <c r="BD19" s="297">
        <v>291245</v>
      </c>
      <c r="BE19" s="292">
        <v>0</v>
      </c>
      <c r="BF19" s="293">
        <v>0</v>
      </c>
      <c r="BG19" s="294">
        <v>0</v>
      </c>
      <c r="BH19" s="298"/>
      <c r="BI19" s="293">
        <v>0</v>
      </c>
      <c r="BJ19" s="293">
        <v>29915</v>
      </c>
      <c r="BK19" s="293">
        <v>35185</v>
      </c>
      <c r="BL19" s="293">
        <v>46555</v>
      </c>
      <c r="BM19" s="293">
        <v>152675</v>
      </c>
      <c r="BN19" s="296">
        <v>264330</v>
      </c>
      <c r="BO19" s="297">
        <v>264330</v>
      </c>
      <c r="BP19" s="292">
        <v>0</v>
      </c>
      <c r="BQ19" s="293">
        <v>0</v>
      </c>
      <c r="BR19" s="294">
        <v>0</v>
      </c>
      <c r="BS19" s="295">
        <v>0</v>
      </c>
      <c r="BT19" s="293">
        <v>38527</v>
      </c>
      <c r="BU19" s="293">
        <v>146215</v>
      </c>
      <c r="BV19" s="293">
        <v>124444</v>
      </c>
      <c r="BW19" s="293">
        <v>111458</v>
      </c>
      <c r="BX19" s="293">
        <v>48045</v>
      </c>
      <c r="BY19" s="296">
        <v>468689</v>
      </c>
      <c r="BZ19" s="297">
        <v>468689</v>
      </c>
      <c r="CA19" s="292">
        <v>0</v>
      </c>
      <c r="CB19" s="293">
        <v>0</v>
      </c>
      <c r="CC19" s="294">
        <v>0</v>
      </c>
      <c r="CD19" s="295">
        <v>0</v>
      </c>
      <c r="CE19" s="293">
        <v>0</v>
      </c>
      <c r="CF19" s="293">
        <v>0</v>
      </c>
      <c r="CG19" s="293">
        <v>0</v>
      </c>
      <c r="CH19" s="293">
        <v>2300</v>
      </c>
      <c r="CI19" s="293">
        <v>0</v>
      </c>
      <c r="CJ19" s="296">
        <v>2300</v>
      </c>
      <c r="CK19" s="297">
        <v>2300</v>
      </c>
      <c r="CL19" s="292">
        <v>0</v>
      </c>
      <c r="CM19" s="293">
        <v>0</v>
      </c>
      <c r="CN19" s="294">
        <v>0</v>
      </c>
      <c r="CO19" s="295">
        <v>0</v>
      </c>
      <c r="CP19" s="293">
        <v>0</v>
      </c>
      <c r="CQ19" s="293">
        <v>0</v>
      </c>
      <c r="CR19" s="293">
        <v>0</v>
      </c>
      <c r="CS19" s="293">
        <v>0</v>
      </c>
      <c r="CT19" s="293">
        <v>0</v>
      </c>
      <c r="CU19" s="296">
        <v>0</v>
      </c>
      <c r="CV19" s="297">
        <v>0</v>
      </c>
      <c r="CW19" s="292">
        <v>0</v>
      </c>
      <c r="CX19" s="293">
        <v>0</v>
      </c>
      <c r="CY19" s="294">
        <v>0</v>
      </c>
      <c r="CZ19" s="298"/>
      <c r="DA19" s="293">
        <v>0</v>
      </c>
      <c r="DB19" s="293">
        <v>0</v>
      </c>
      <c r="DC19" s="293">
        <v>0</v>
      </c>
      <c r="DD19" s="293">
        <v>0</v>
      </c>
      <c r="DE19" s="293">
        <v>0</v>
      </c>
      <c r="DF19" s="296">
        <v>0</v>
      </c>
      <c r="DG19" s="297">
        <v>0</v>
      </c>
      <c r="DH19" s="292">
        <v>0</v>
      </c>
      <c r="DI19" s="293">
        <v>0</v>
      </c>
      <c r="DJ19" s="294">
        <v>0</v>
      </c>
      <c r="DK19" s="295">
        <v>0</v>
      </c>
      <c r="DL19" s="293">
        <v>317937</v>
      </c>
      <c r="DM19" s="293">
        <v>810935</v>
      </c>
      <c r="DN19" s="293">
        <v>3023556</v>
      </c>
      <c r="DO19" s="293">
        <v>3965221</v>
      </c>
      <c r="DP19" s="293">
        <v>2447909</v>
      </c>
      <c r="DQ19" s="296">
        <v>10565558</v>
      </c>
      <c r="DR19" s="299">
        <v>10565558</v>
      </c>
      <c r="DS19" s="292">
        <v>0</v>
      </c>
      <c r="DT19" s="293">
        <v>0</v>
      </c>
      <c r="DU19" s="294">
        <v>0</v>
      </c>
      <c r="DV19" s="298"/>
      <c r="DW19" s="293">
        <v>83752</v>
      </c>
      <c r="DX19" s="293">
        <v>227350</v>
      </c>
      <c r="DY19" s="293">
        <v>2372601</v>
      </c>
      <c r="DZ19" s="293">
        <v>3532016</v>
      </c>
      <c r="EA19" s="293">
        <v>2054151</v>
      </c>
      <c r="EB19" s="296">
        <v>8269870</v>
      </c>
      <c r="EC19" s="297">
        <v>8269870</v>
      </c>
      <c r="ED19" s="292">
        <v>0</v>
      </c>
      <c r="EE19" s="293">
        <v>0</v>
      </c>
      <c r="EF19" s="294">
        <v>0</v>
      </c>
      <c r="EG19" s="298"/>
      <c r="EH19" s="293">
        <v>184966</v>
      </c>
      <c r="EI19" s="293">
        <v>302153</v>
      </c>
      <c r="EJ19" s="293">
        <v>341848</v>
      </c>
      <c r="EK19" s="293">
        <v>142383</v>
      </c>
      <c r="EL19" s="293">
        <v>118793</v>
      </c>
      <c r="EM19" s="296">
        <v>1090143</v>
      </c>
      <c r="EN19" s="297">
        <v>1090143</v>
      </c>
      <c r="EO19" s="292">
        <v>0</v>
      </c>
      <c r="EP19" s="293">
        <v>0</v>
      </c>
      <c r="EQ19" s="294">
        <v>0</v>
      </c>
      <c r="ER19" s="298"/>
      <c r="ES19" s="293">
        <v>0</v>
      </c>
      <c r="ET19" s="293">
        <v>0</v>
      </c>
      <c r="EU19" s="293">
        <v>0</v>
      </c>
      <c r="EV19" s="293">
        <v>0</v>
      </c>
      <c r="EW19" s="293">
        <v>0</v>
      </c>
      <c r="EX19" s="296">
        <v>0</v>
      </c>
      <c r="EY19" s="297">
        <v>0</v>
      </c>
      <c r="EZ19" s="292">
        <v>0</v>
      </c>
      <c r="FA19" s="293">
        <v>0</v>
      </c>
      <c r="FB19" s="294">
        <v>0</v>
      </c>
      <c r="FC19" s="298"/>
      <c r="FD19" s="293">
        <v>0</v>
      </c>
      <c r="FE19" s="293">
        <v>0</v>
      </c>
      <c r="FF19" s="293">
        <v>217</v>
      </c>
      <c r="FG19" s="293">
        <v>24025</v>
      </c>
      <c r="FH19" s="293">
        <v>24893</v>
      </c>
      <c r="FI19" s="296">
        <v>49135</v>
      </c>
      <c r="FJ19" s="297">
        <v>49135</v>
      </c>
      <c r="FK19" s="292">
        <v>0</v>
      </c>
      <c r="FL19" s="293">
        <v>0</v>
      </c>
      <c r="FM19" s="294">
        <v>0</v>
      </c>
      <c r="FN19" s="298"/>
      <c r="FO19" s="293">
        <v>0</v>
      </c>
      <c r="FP19" s="293">
        <v>64728</v>
      </c>
      <c r="FQ19" s="293">
        <v>107880</v>
      </c>
      <c r="FR19" s="293">
        <v>68782</v>
      </c>
      <c r="FS19" s="293">
        <v>196602</v>
      </c>
      <c r="FT19" s="296">
        <v>437992</v>
      </c>
      <c r="FU19" s="297">
        <v>437992</v>
      </c>
      <c r="FV19" s="292">
        <v>0</v>
      </c>
      <c r="FW19" s="293">
        <v>0</v>
      </c>
      <c r="FX19" s="294">
        <v>0</v>
      </c>
      <c r="FY19" s="295">
        <v>0</v>
      </c>
      <c r="FZ19" s="293">
        <v>49219</v>
      </c>
      <c r="GA19" s="293">
        <v>216704</v>
      </c>
      <c r="GB19" s="293">
        <v>201010</v>
      </c>
      <c r="GC19" s="293">
        <v>196602</v>
      </c>
      <c r="GD19" s="293">
        <v>53470</v>
      </c>
      <c r="GE19" s="296">
        <v>717005</v>
      </c>
      <c r="GF19" s="297">
        <v>717005</v>
      </c>
      <c r="GG19" s="292">
        <v>0</v>
      </c>
      <c r="GH19" s="293">
        <v>0</v>
      </c>
      <c r="GI19" s="294">
        <v>0</v>
      </c>
      <c r="GJ19" s="295">
        <v>0</v>
      </c>
      <c r="GK19" s="293">
        <v>0</v>
      </c>
      <c r="GL19" s="293">
        <v>0</v>
      </c>
      <c r="GM19" s="293">
        <v>0</v>
      </c>
      <c r="GN19" s="293">
        <v>1413</v>
      </c>
      <c r="GO19" s="293">
        <v>0</v>
      </c>
      <c r="GP19" s="296">
        <v>1413</v>
      </c>
      <c r="GQ19" s="297">
        <v>1413</v>
      </c>
      <c r="GR19" s="292">
        <v>0</v>
      </c>
      <c r="GS19" s="293">
        <v>0</v>
      </c>
      <c r="GT19" s="294">
        <v>0</v>
      </c>
      <c r="GU19" s="295">
        <v>0</v>
      </c>
      <c r="GV19" s="293">
        <v>0</v>
      </c>
      <c r="GW19" s="293">
        <v>0</v>
      </c>
      <c r="GX19" s="293">
        <v>0</v>
      </c>
      <c r="GY19" s="293">
        <v>0</v>
      </c>
      <c r="GZ19" s="293">
        <v>0</v>
      </c>
      <c r="HA19" s="296">
        <v>0</v>
      </c>
      <c r="HB19" s="297">
        <v>0</v>
      </c>
      <c r="HC19" s="292">
        <v>0</v>
      </c>
      <c r="HD19" s="293">
        <v>0</v>
      </c>
      <c r="HE19" s="294">
        <v>0</v>
      </c>
      <c r="HF19" s="298"/>
      <c r="HG19" s="293">
        <v>0</v>
      </c>
      <c r="HH19" s="293">
        <v>0</v>
      </c>
      <c r="HI19" s="293">
        <v>0</v>
      </c>
      <c r="HJ19" s="293">
        <v>0</v>
      </c>
      <c r="HK19" s="293">
        <v>0</v>
      </c>
      <c r="HL19" s="296">
        <v>0</v>
      </c>
      <c r="HM19" s="297">
        <v>0</v>
      </c>
      <c r="HN19" s="292">
        <v>0</v>
      </c>
      <c r="HO19" s="293">
        <v>0</v>
      </c>
      <c r="HP19" s="294">
        <v>0</v>
      </c>
      <c r="HQ19" s="295">
        <v>0</v>
      </c>
      <c r="HR19" s="293">
        <v>612238</v>
      </c>
      <c r="HS19" s="293">
        <v>1788165</v>
      </c>
      <c r="HT19" s="293">
        <v>6054882</v>
      </c>
      <c r="HU19" s="293">
        <v>7222322</v>
      </c>
      <c r="HV19" s="293">
        <v>4785028</v>
      </c>
      <c r="HW19" s="296">
        <v>20462635</v>
      </c>
      <c r="HX19" s="297">
        <v>20462635</v>
      </c>
    </row>
    <row r="20" spans="1:232" ht="21" customHeight="1" x14ac:dyDescent="0.2">
      <c r="A20" s="498" t="s">
        <v>17</v>
      </c>
      <c r="B20" s="292">
        <v>0</v>
      </c>
      <c r="C20" s="293">
        <v>0</v>
      </c>
      <c r="D20" s="294">
        <v>0</v>
      </c>
      <c r="E20" s="295">
        <v>0</v>
      </c>
      <c r="F20" s="293">
        <v>241210</v>
      </c>
      <c r="G20" s="293">
        <v>1003205</v>
      </c>
      <c r="H20" s="293">
        <v>2935812</v>
      </c>
      <c r="I20" s="293">
        <v>3280800</v>
      </c>
      <c r="J20" s="293">
        <v>2622250</v>
      </c>
      <c r="K20" s="296">
        <v>10083277</v>
      </c>
      <c r="L20" s="297">
        <v>10083277</v>
      </c>
      <c r="M20" s="292">
        <v>0</v>
      </c>
      <c r="N20" s="293">
        <v>0</v>
      </c>
      <c r="O20" s="294">
        <v>0</v>
      </c>
      <c r="P20" s="298"/>
      <c r="Q20" s="293">
        <v>24645</v>
      </c>
      <c r="R20" s="293">
        <v>166005</v>
      </c>
      <c r="S20" s="293">
        <v>1631455</v>
      </c>
      <c r="T20" s="293">
        <v>2369135</v>
      </c>
      <c r="U20" s="293">
        <v>2015710</v>
      </c>
      <c r="V20" s="296">
        <v>6206950</v>
      </c>
      <c r="W20" s="297">
        <v>6206950</v>
      </c>
      <c r="X20" s="292">
        <v>0</v>
      </c>
      <c r="Y20" s="293">
        <v>0</v>
      </c>
      <c r="Z20" s="294">
        <v>0</v>
      </c>
      <c r="AA20" s="298"/>
      <c r="AB20" s="293">
        <v>182485</v>
      </c>
      <c r="AC20" s="293">
        <v>701880</v>
      </c>
      <c r="AD20" s="293">
        <v>779532</v>
      </c>
      <c r="AE20" s="293">
        <v>469470</v>
      </c>
      <c r="AF20" s="293">
        <v>170585</v>
      </c>
      <c r="AG20" s="296">
        <v>2303952</v>
      </c>
      <c r="AH20" s="297">
        <v>2303952</v>
      </c>
      <c r="AI20" s="292">
        <v>0</v>
      </c>
      <c r="AJ20" s="293">
        <v>0</v>
      </c>
      <c r="AK20" s="294">
        <v>0</v>
      </c>
      <c r="AL20" s="298"/>
      <c r="AM20" s="293">
        <v>0</v>
      </c>
      <c r="AN20" s="293">
        <v>0</v>
      </c>
      <c r="AO20" s="293">
        <v>0</v>
      </c>
      <c r="AP20" s="293">
        <v>0</v>
      </c>
      <c r="AQ20" s="293">
        <v>35340</v>
      </c>
      <c r="AR20" s="296">
        <v>35340</v>
      </c>
      <c r="AS20" s="297">
        <v>35340</v>
      </c>
      <c r="AT20" s="292">
        <v>0</v>
      </c>
      <c r="AU20" s="293">
        <v>0</v>
      </c>
      <c r="AV20" s="294">
        <v>0</v>
      </c>
      <c r="AW20" s="298"/>
      <c r="AX20" s="293">
        <v>0</v>
      </c>
      <c r="AY20" s="293">
        <v>0</v>
      </c>
      <c r="AZ20" s="293">
        <v>0</v>
      </c>
      <c r="BA20" s="293">
        <v>2635</v>
      </c>
      <c r="BB20" s="293">
        <v>65410</v>
      </c>
      <c r="BC20" s="296">
        <v>68045</v>
      </c>
      <c r="BD20" s="297">
        <v>68045</v>
      </c>
      <c r="BE20" s="292">
        <v>0</v>
      </c>
      <c r="BF20" s="293">
        <v>0</v>
      </c>
      <c r="BG20" s="294">
        <v>0</v>
      </c>
      <c r="BH20" s="298"/>
      <c r="BI20" s="293">
        <v>0</v>
      </c>
      <c r="BJ20" s="293">
        <v>2635</v>
      </c>
      <c r="BK20" s="293">
        <v>267520</v>
      </c>
      <c r="BL20" s="293">
        <v>150000</v>
      </c>
      <c r="BM20" s="293">
        <v>249535</v>
      </c>
      <c r="BN20" s="296">
        <v>669690</v>
      </c>
      <c r="BO20" s="297">
        <v>669690</v>
      </c>
      <c r="BP20" s="292">
        <v>0</v>
      </c>
      <c r="BQ20" s="293">
        <v>0</v>
      </c>
      <c r="BR20" s="294">
        <v>0</v>
      </c>
      <c r="BS20" s="295">
        <v>0</v>
      </c>
      <c r="BT20" s="293">
        <v>33790</v>
      </c>
      <c r="BU20" s="293">
        <v>122030</v>
      </c>
      <c r="BV20" s="293">
        <v>249475</v>
      </c>
      <c r="BW20" s="293">
        <v>269370</v>
      </c>
      <c r="BX20" s="293">
        <v>64570</v>
      </c>
      <c r="BY20" s="296">
        <v>739235</v>
      </c>
      <c r="BZ20" s="297">
        <v>739235</v>
      </c>
      <c r="CA20" s="292">
        <v>0</v>
      </c>
      <c r="CB20" s="293">
        <v>0</v>
      </c>
      <c r="CC20" s="294">
        <v>0</v>
      </c>
      <c r="CD20" s="295">
        <v>0</v>
      </c>
      <c r="CE20" s="293">
        <v>290</v>
      </c>
      <c r="CF20" s="293">
        <v>10655</v>
      </c>
      <c r="CG20" s="293">
        <v>7830</v>
      </c>
      <c r="CH20" s="293">
        <v>20190</v>
      </c>
      <c r="CI20" s="293">
        <v>21100</v>
      </c>
      <c r="CJ20" s="296">
        <v>60065</v>
      </c>
      <c r="CK20" s="297">
        <v>60065</v>
      </c>
      <c r="CL20" s="292">
        <v>0</v>
      </c>
      <c r="CM20" s="293">
        <v>0</v>
      </c>
      <c r="CN20" s="294">
        <v>0</v>
      </c>
      <c r="CO20" s="295">
        <v>0</v>
      </c>
      <c r="CP20" s="293">
        <v>0</v>
      </c>
      <c r="CQ20" s="293">
        <v>0</v>
      </c>
      <c r="CR20" s="293">
        <v>0</v>
      </c>
      <c r="CS20" s="293">
        <v>0</v>
      </c>
      <c r="CT20" s="293">
        <v>0</v>
      </c>
      <c r="CU20" s="296">
        <v>0</v>
      </c>
      <c r="CV20" s="297">
        <v>0</v>
      </c>
      <c r="CW20" s="292">
        <v>0</v>
      </c>
      <c r="CX20" s="293">
        <v>0</v>
      </c>
      <c r="CY20" s="294">
        <v>0</v>
      </c>
      <c r="CZ20" s="298"/>
      <c r="DA20" s="293">
        <v>0</v>
      </c>
      <c r="DB20" s="293">
        <v>0</v>
      </c>
      <c r="DC20" s="293">
        <v>0</v>
      </c>
      <c r="DD20" s="293">
        <v>0</v>
      </c>
      <c r="DE20" s="293">
        <v>0</v>
      </c>
      <c r="DF20" s="296">
        <v>0</v>
      </c>
      <c r="DG20" s="297">
        <v>0</v>
      </c>
      <c r="DH20" s="292">
        <v>0</v>
      </c>
      <c r="DI20" s="293">
        <v>0</v>
      </c>
      <c r="DJ20" s="294">
        <v>0</v>
      </c>
      <c r="DK20" s="295">
        <v>0</v>
      </c>
      <c r="DL20" s="293">
        <v>57507</v>
      </c>
      <c r="DM20" s="293">
        <v>420846</v>
      </c>
      <c r="DN20" s="293">
        <v>3006246</v>
      </c>
      <c r="DO20" s="293">
        <v>3878415</v>
      </c>
      <c r="DP20" s="293">
        <v>2950905</v>
      </c>
      <c r="DQ20" s="296">
        <v>10313919</v>
      </c>
      <c r="DR20" s="299">
        <v>10313919</v>
      </c>
      <c r="DS20" s="292">
        <v>0</v>
      </c>
      <c r="DT20" s="293">
        <v>0</v>
      </c>
      <c r="DU20" s="294">
        <v>0</v>
      </c>
      <c r="DV20" s="298"/>
      <c r="DW20" s="293">
        <v>15035</v>
      </c>
      <c r="DX20" s="293">
        <v>213125</v>
      </c>
      <c r="DY20" s="293">
        <v>2219081</v>
      </c>
      <c r="DZ20" s="293">
        <v>3247246</v>
      </c>
      <c r="EA20" s="293">
        <v>2413974</v>
      </c>
      <c r="EB20" s="296">
        <v>8108461</v>
      </c>
      <c r="EC20" s="297">
        <v>8108461</v>
      </c>
      <c r="ED20" s="292">
        <v>0</v>
      </c>
      <c r="EE20" s="293">
        <v>0</v>
      </c>
      <c r="EF20" s="294">
        <v>0</v>
      </c>
      <c r="EG20" s="298"/>
      <c r="EH20" s="293">
        <v>3017</v>
      </c>
      <c r="EI20" s="293">
        <v>36613</v>
      </c>
      <c r="EJ20" s="293">
        <v>90186</v>
      </c>
      <c r="EK20" s="293">
        <v>42396</v>
      </c>
      <c r="EL20" s="293">
        <v>15390</v>
      </c>
      <c r="EM20" s="296">
        <v>187602</v>
      </c>
      <c r="EN20" s="297">
        <v>187602</v>
      </c>
      <c r="EO20" s="292">
        <v>0</v>
      </c>
      <c r="EP20" s="293">
        <v>0</v>
      </c>
      <c r="EQ20" s="294">
        <v>0</v>
      </c>
      <c r="ER20" s="298"/>
      <c r="ES20" s="293">
        <v>0</v>
      </c>
      <c r="ET20" s="293">
        <v>0</v>
      </c>
      <c r="EU20" s="293">
        <v>0</v>
      </c>
      <c r="EV20" s="293">
        <v>0</v>
      </c>
      <c r="EW20" s="293">
        <v>217</v>
      </c>
      <c r="EX20" s="296">
        <v>217</v>
      </c>
      <c r="EY20" s="297">
        <v>217</v>
      </c>
      <c r="EZ20" s="292">
        <v>0</v>
      </c>
      <c r="FA20" s="293">
        <v>0</v>
      </c>
      <c r="FB20" s="294">
        <v>0</v>
      </c>
      <c r="FC20" s="298"/>
      <c r="FD20" s="293">
        <v>0</v>
      </c>
      <c r="FE20" s="293">
        <v>0</v>
      </c>
      <c r="FF20" s="293">
        <v>0</v>
      </c>
      <c r="FG20" s="293">
        <v>217</v>
      </c>
      <c r="FH20" s="293">
        <v>434</v>
      </c>
      <c r="FI20" s="296">
        <v>651</v>
      </c>
      <c r="FJ20" s="297">
        <v>651</v>
      </c>
      <c r="FK20" s="292">
        <v>0</v>
      </c>
      <c r="FL20" s="293">
        <v>0</v>
      </c>
      <c r="FM20" s="294">
        <v>0</v>
      </c>
      <c r="FN20" s="298"/>
      <c r="FO20" s="293">
        <v>0</v>
      </c>
      <c r="FP20" s="293">
        <v>10881</v>
      </c>
      <c r="FQ20" s="293">
        <v>373397</v>
      </c>
      <c r="FR20" s="293">
        <v>272000</v>
      </c>
      <c r="FS20" s="293">
        <v>437906</v>
      </c>
      <c r="FT20" s="296">
        <v>1094184</v>
      </c>
      <c r="FU20" s="297">
        <v>1094184</v>
      </c>
      <c r="FV20" s="292">
        <v>0</v>
      </c>
      <c r="FW20" s="293">
        <v>0</v>
      </c>
      <c r="FX20" s="294">
        <v>0</v>
      </c>
      <c r="FY20" s="295">
        <v>0</v>
      </c>
      <c r="FZ20" s="293">
        <v>39441</v>
      </c>
      <c r="GA20" s="293">
        <v>158013</v>
      </c>
      <c r="GB20" s="293">
        <v>323162</v>
      </c>
      <c r="GC20" s="293">
        <v>316255</v>
      </c>
      <c r="GD20" s="293">
        <v>71542</v>
      </c>
      <c r="GE20" s="296">
        <v>908413</v>
      </c>
      <c r="GF20" s="297">
        <v>908413</v>
      </c>
      <c r="GG20" s="292">
        <v>0</v>
      </c>
      <c r="GH20" s="293">
        <v>0</v>
      </c>
      <c r="GI20" s="294">
        <v>0</v>
      </c>
      <c r="GJ20" s="295">
        <v>0</v>
      </c>
      <c r="GK20" s="293">
        <v>14</v>
      </c>
      <c r="GL20" s="293">
        <v>2214</v>
      </c>
      <c r="GM20" s="293">
        <v>420</v>
      </c>
      <c r="GN20" s="293">
        <v>301</v>
      </c>
      <c r="GO20" s="293">
        <v>11442</v>
      </c>
      <c r="GP20" s="296">
        <v>14391</v>
      </c>
      <c r="GQ20" s="297">
        <v>14391</v>
      </c>
      <c r="GR20" s="292">
        <v>0</v>
      </c>
      <c r="GS20" s="293">
        <v>0</v>
      </c>
      <c r="GT20" s="294">
        <v>0</v>
      </c>
      <c r="GU20" s="295">
        <v>0</v>
      </c>
      <c r="GV20" s="293">
        <v>0</v>
      </c>
      <c r="GW20" s="293">
        <v>0</v>
      </c>
      <c r="GX20" s="293">
        <v>0</v>
      </c>
      <c r="GY20" s="293">
        <v>0</v>
      </c>
      <c r="GZ20" s="293">
        <v>0</v>
      </c>
      <c r="HA20" s="296">
        <v>0</v>
      </c>
      <c r="HB20" s="297">
        <v>0</v>
      </c>
      <c r="HC20" s="292">
        <v>0</v>
      </c>
      <c r="HD20" s="293">
        <v>0</v>
      </c>
      <c r="HE20" s="294">
        <v>0</v>
      </c>
      <c r="HF20" s="298"/>
      <c r="HG20" s="293">
        <v>0</v>
      </c>
      <c r="HH20" s="293">
        <v>0</v>
      </c>
      <c r="HI20" s="293">
        <v>0</v>
      </c>
      <c r="HJ20" s="293">
        <v>0</v>
      </c>
      <c r="HK20" s="293">
        <v>0</v>
      </c>
      <c r="HL20" s="296">
        <v>0</v>
      </c>
      <c r="HM20" s="297">
        <v>0</v>
      </c>
      <c r="HN20" s="292">
        <v>0</v>
      </c>
      <c r="HO20" s="293">
        <v>0</v>
      </c>
      <c r="HP20" s="294">
        <v>0</v>
      </c>
      <c r="HQ20" s="295">
        <v>0</v>
      </c>
      <c r="HR20" s="293">
        <v>298717</v>
      </c>
      <c r="HS20" s="293">
        <v>1424051</v>
      </c>
      <c r="HT20" s="293">
        <v>5942058</v>
      </c>
      <c r="HU20" s="293">
        <v>7159215</v>
      </c>
      <c r="HV20" s="293">
        <v>5573155</v>
      </c>
      <c r="HW20" s="296">
        <v>20397196</v>
      </c>
      <c r="HX20" s="297">
        <v>20397196</v>
      </c>
    </row>
    <row r="21" spans="1:232" ht="21" customHeight="1" x14ac:dyDescent="0.2">
      <c r="A21" s="498" t="s">
        <v>18</v>
      </c>
      <c r="B21" s="292">
        <v>0</v>
      </c>
      <c r="C21" s="293">
        <v>16585</v>
      </c>
      <c r="D21" s="294">
        <v>16585</v>
      </c>
      <c r="E21" s="295">
        <v>0</v>
      </c>
      <c r="F21" s="293">
        <v>305645</v>
      </c>
      <c r="G21" s="293">
        <v>623280</v>
      </c>
      <c r="H21" s="293">
        <v>2190190</v>
      </c>
      <c r="I21" s="293">
        <v>3830778</v>
      </c>
      <c r="J21" s="293">
        <v>2639388</v>
      </c>
      <c r="K21" s="296">
        <v>9589281</v>
      </c>
      <c r="L21" s="297">
        <v>9605866</v>
      </c>
      <c r="M21" s="292">
        <v>0</v>
      </c>
      <c r="N21" s="293">
        <v>0</v>
      </c>
      <c r="O21" s="294">
        <v>0</v>
      </c>
      <c r="P21" s="298"/>
      <c r="Q21" s="293">
        <v>55035</v>
      </c>
      <c r="R21" s="293">
        <v>88660</v>
      </c>
      <c r="S21" s="293">
        <v>1263080</v>
      </c>
      <c r="T21" s="293">
        <v>2888837</v>
      </c>
      <c r="U21" s="293">
        <v>2095727</v>
      </c>
      <c r="V21" s="296">
        <v>6391339</v>
      </c>
      <c r="W21" s="297">
        <v>6391339</v>
      </c>
      <c r="X21" s="292">
        <v>0</v>
      </c>
      <c r="Y21" s="293">
        <v>0</v>
      </c>
      <c r="Z21" s="294">
        <v>0</v>
      </c>
      <c r="AA21" s="298"/>
      <c r="AB21" s="293">
        <v>195485</v>
      </c>
      <c r="AC21" s="293">
        <v>463860</v>
      </c>
      <c r="AD21" s="293">
        <v>550005</v>
      </c>
      <c r="AE21" s="293">
        <v>585710</v>
      </c>
      <c r="AF21" s="293">
        <v>348125</v>
      </c>
      <c r="AG21" s="296">
        <v>2143185</v>
      </c>
      <c r="AH21" s="297">
        <v>2143185</v>
      </c>
      <c r="AI21" s="292">
        <v>0</v>
      </c>
      <c r="AJ21" s="293">
        <v>0</v>
      </c>
      <c r="AK21" s="294">
        <v>0</v>
      </c>
      <c r="AL21" s="298"/>
      <c r="AM21" s="293">
        <v>0</v>
      </c>
      <c r="AN21" s="293">
        <v>0</v>
      </c>
      <c r="AO21" s="293">
        <v>0</v>
      </c>
      <c r="AP21" s="293">
        <v>2635</v>
      </c>
      <c r="AQ21" s="293">
        <v>37875</v>
      </c>
      <c r="AR21" s="296">
        <v>40510</v>
      </c>
      <c r="AS21" s="297">
        <v>40510</v>
      </c>
      <c r="AT21" s="292">
        <v>0</v>
      </c>
      <c r="AU21" s="293">
        <v>0</v>
      </c>
      <c r="AV21" s="294">
        <v>0</v>
      </c>
      <c r="AW21" s="298"/>
      <c r="AX21" s="293">
        <v>0</v>
      </c>
      <c r="AY21" s="293">
        <v>0</v>
      </c>
      <c r="AZ21" s="293">
        <v>22595</v>
      </c>
      <c r="BA21" s="293">
        <v>24645</v>
      </c>
      <c r="BB21" s="293">
        <v>93980</v>
      </c>
      <c r="BC21" s="296">
        <v>141220</v>
      </c>
      <c r="BD21" s="297">
        <v>141220</v>
      </c>
      <c r="BE21" s="292">
        <v>0</v>
      </c>
      <c r="BF21" s="293">
        <v>0</v>
      </c>
      <c r="BG21" s="294">
        <v>0</v>
      </c>
      <c r="BH21" s="298"/>
      <c r="BI21" s="293">
        <v>0</v>
      </c>
      <c r="BJ21" s="293">
        <v>2635</v>
      </c>
      <c r="BK21" s="293">
        <v>37975</v>
      </c>
      <c r="BL21" s="293">
        <v>83855</v>
      </c>
      <c r="BM21" s="293">
        <v>37975</v>
      </c>
      <c r="BN21" s="296">
        <v>162440</v>
      </c>
      <c r="BO21" s="297">
        <v>162440</v>
      </c>
      <c r="BP21" s="292">
        <v>0</v>
      </c>
      <c r="BQ21" s="293">
        <v>16585</v>
      </c>
      <c r="BR21" s="294">
        <v>16585</v>
      </c>
      <c r="BS21" s="295">
        <v>0</v>
      </c>
      <c r="BT21" s="293">
        <v>53435</v>
      </c>
      <c r="BU21" s="293">
        <v>67835</v>
      </c>
      <c r="BV21" s="293">
        <v>316535</v>
      </c>
      <c r="BW21" s="293">
        <v>234541</v>
      </c>
      <c r="BX21" s="293">
        <v>25706</v>
      </c>
      <c r="BY21" s="296">
        <v>698052</v>
      </c>
      <c r="BZ21" s="297">
        <v>714637</v>
      </c>
      <c r="CA21" s="292">
        <v>0</v>
      </c>
      <c r="CB21" s="293">
        <v>0</v>
      </c>
      <c r="CC21" s="294">
        <v>0</v>
      </c>
      <c r="CD21" s="295">
        <v>0</v>
      </c>
      <c r="CE21" s="293">
        <v>1690</v>
      </c>
      <c r="CF21" s="293">
        <v>290</v>
      </c>
      <c r="CG21" s="293">
        <v>0</v>
      </c>
      <c r="CH21" s="293">
        <v>10555</v>
      </c>
      <c r="CI21" s="293">
        <v>0</v>
      </c>
      <c r="CJ21" s="296">
        <v>12535</v>
      </c>
      <c r="CK21" s="297">
        <v>12535</v>
      </c>
      <c r="CL21" s="292">
        <v>0</v>
      </c>
      <c r="CM21" s="293">
        <v>0</v>
      </c>
      <c r="CN21" s="294">
        <v>0</v>
      </c>
      <c r="CO21" s="295">
        <v>0</v>
      </c>
      <c r="CP21" s="293">
        <v>0</v>
      </c>
      <c r="CQ21" s="293">
        <v>0</v>
      </c>
      <c r="CR21" s="293">
        <v>0</v>
      </c>
      <c r="CS21" s="293">
        <v>0</v>
      </c>
      <c r="CT21" s="293">
        <v>0</v>
      </c>
      <c r="CU21" s="296">
        <v>0</v>
      </c>
      <c r="CV21" s="297">
        <v>0</v>
      </c>
      <c r="CW21" s="292">
        <v>0</v>
      </c>
      <c r="CX21" s="293">
        <v>0</v>
      </c>
      <c r="CY21" s="294">
        <v>0</v>
      </c>
      <c r="CZ21" s="298"/>
      <c r="DA21" s="293">
        <v>0</v>
      </c>
      <c r="DB21" s="293">
        <v>0</v>
      </c>
      <c r="DC21" s="293">
        <v>0</v>
      </c>
      <c r="DD21" s="293">
        <v>0</v>
      </c>
      <c r="DE21" s="293">
        <v>0</v>
      </c>
      <c r="DF21" s="296">
        <v>0</v>
      </c>
      <c r="DG21" s="297">
        <v>0</v>
      </c>
      <c r="DH21" s="292">
        <v>0</v>
      </c>
      <c r="DI21" s="293">
        <v>12840</v>
      </c>
      <c r="DJ21" s="294">
        <v>12840</v>
      </c>
      <c r="DK21" s="295">
        <v>0</v>
      </c>
      <c r="DL21" s="293">
        <v>220246</v>
      </c>
      <c r="DM21" s="293">
        <v>382416</v>
      </c>
      <c r="DN21" s="293">
        <v>2617168</v>
      </c>
      <c r="DO21" s="293">
        <v>4442366</v>
      </c>
      <c r="DP21" s="293">
        <v>2748525</v>
      </c>
      <c r="DQ21" s="296">
        <v>10410721</v>
      </c>
      <c r="DR21" s="299">
        <v>10423561</v>
      </c>
      <c r="DS21" s="292">
        <v>0</v>
      </c>
      <c r="DT21" s="293">
        <v>0</v>
      </c>
      <c r="DU21" s="294">
        <v>0</v>
      </c>
      <c r="DV21" s="298"/>
      <c r="DW21" s="293">
        <v>64266</v>
      </c>
      <c r="DX21" s="293">
        <v>142414</v>
      </c>
      <c r="DY21" s="293">
        <v>1962088</v>
      </c>
      <c r="DZ21" s="293">
        <v>3740266</v>
      </c>
      <c r="EA21" s="293">
        <v>2501285</v>
      </c>
      <c r="EB21" s="296">
        <v>8410319</v>
      </c>
      <c r="EC21" s="297">
        <v>8410319</v>
      </c>
      <c r="ED21" s="292">
        <v>0</v>
      </c>
      <c r="EE21" s="293">
        <v>0</v>
      </c>
      <c r="EF21" s="294">
        <v>0</v>
      </c>
      <c r="EG21" s="298"/>
      <c r="EH21" s="293">
        <v>67232</v>
      </c>
      <c r="EI21" s="293">
        <v>72958</v>
      </c>
      <c r="EJ21" s="293">
        <v>126722</v>
      </c>
      <c r="EK21" s="293">
        <v>114732</v>
      </c>
      <c r="EL21" s="293">
        <v>74388</v>
      </c>
      <c r="EM21" s="296">
        <v>456032</v>
      </c>
      <c r="EN21" s="297">
        <v>456032</v>
      </c>
      <c r="EO21" s="292">
        <v>0</v>
      </c>
      <c r="EP21" s="293">
        <v>0</v>
      </c>
      <c r="EQ21" s="294">
        <v>0</v>
      </c>
      <c r="ER21" s="298"/>
      <c r="ES21" s="293">
        <v>0</v>
      </c>
      <c r="ET21" s="293">
        <v>0</v>
      </c>
      <c r="EU21" s="293">
        <v>0</v>
      </c>
      <c r="EV21" s="293">
        <v>217</v>
      </c>
      <c r="EW21" s="293">
        <v>11687</v>
      </c>
      <c r="EX21" s="296">
        <v>11904</v>
      </c>
      <c r="EY21" s="297">
        <v>11904</v>
      </c>
      <c r="EZ21" s="292">
        <v>0</v>
      </c>
      <c r="FA21" s="293">
        <v>0</v>
      </c>
      <c r="FB21" s="294">
        <v>0</v>
      </c>
      <c r="FC21" s="298"/>
      <c r="FD21" s="293">
        <v>0</v>
      </c>
      <c r="FE21" s="293">
        <v>0</v>
      </c>
      <c r="FF21" s="293">
        <v>217</v>
      </c>
      <c r="FG21" s="293">
        <v>399</v>
      </c>
      <c r="FH21" s="293">
        <v>1407</v>
      </c>
      <c r="FI21" s="296">
        <v>2023</v>
      </c>
      <c r="FJ21" s="297">
        <v>2023</v>
      </c>
      <c r="FK21" s="292">
        <v>0</v>
      </c>
      <c r="FL21" s="293">
        <v>0</v>
      </c>
      <c r="FM21" s="294">
        <v>0</v>
      </c>
      <c r="FN21" s="298"/>
      <c r="FO21" s="293">
        <v>0</v>
      </c>
      <c r="FP21" s="293">
        <v>21576</v>
      </c>
      <c r="FQ21" s="293">
        <v>79918</v>
      </c>
      <c r="FR21" s="293">
        <v>224564</v>
      </c>
      <c r="FS21" s="293">
        <v>79918</v>
      </c>
      <c r="FT21" s="296">
        <v>405976</v>
      </c>
      <c r="FU21" s="297">
        <v>405976</v>
      </c>
      <c r="FV21" s="292">
        <v>0</v>
      </c>
      <c r="FW21" s="293">
        <v>12840</v>
      </c>
      <c r="FX21" s="294">
        <v>12840</v>
      </c>
      <c r="FY21" s="295">
        <v>0</v>
      </c>
      <c r="FZ21" s="293">
        <v>86392</v>
      </c>
      <c r="GA21" s="293">
        <v>145447</v>
      </c>
      <c r="GB21" s="293">
        <v>448223</v>
      </c>
      <c r="GC21" s="293">
        <v>358418</v>
      </c>
      <c r="GD21" s="293">
        <v>79840</v>
      </c>
      <c r="GE21" s="296">
        <v>1118320</v>
      </c>
      <c r="GF21" s="297">
        <v>1131160</v>
      </c>
      <c r="GG21" s="292">
        <v>0</v>
      </c>
      <c r="GH21" s="293">
        <v>0</v>
      </c>
      <c r="GI21" s="294">
        <v>0</v>
      </c>
      <c r="GJ21" s="295">
        <v>0</v>
      </c>
      <c r="GK21" s="293">
        <v>2356</v>
      </c>
      <c r="GL21" s="293">
        <v>21</v>
      </c>
      <c r="GM21" s="293">
        <v>0</v>
      </c>
      <c r="GN21" s="293">
        <v>3770</v>
      </c>
      <c r="GO21" s="293">
        <v>0</v>
      </c>
      <c r="GP21" s="296">
        <v>6147</v>
      </c>
      <c r="GQ21" s="297">
        <v>6147</v>
      </c>
      <c r="GR21" s="292">
        <v>0</v>
      </c>
      <c r="GS21" s="293">
        <v>0</v>
      </c>
      <c r="GT21" s="294">
        <v>0</v>
      </c>
      <c r="GU21" s="295">
        <v>0</v>
      </c>
      <c r="GV21" s="293">
        <v>0</v>
      </c>
      <c r="GW21" s="293">
        <v>0</v>
      </c>
      <c r="GX21" s="293">
        <v>0</v>
      </c>
      <c r="GY21" s="293">
        <v>0</v>
      </c>
      <c r="GZ21" s="293">
        <v>0</v>
      </c>
      <c r="HA21" s="296">
        <v>0</v>
      </c>
      <c r="HB21" s="297">
        <v>0</v>
      </c>
      <c r="HC21" s="292">
        <v>0</v>
      </c>
      <c r="HD21" s="293">
        <v>0</v>
      </c>
      <c r="HE21" s="294">
        <v>0</v>
      </c>
      <c r="HF21" s="298"/>
      <c r="HG21" s="293">
        <v>0</v>
      </c>
      <c r="HH21" s="293">
        <v>0</v>
      </c>
      <c r="HI21" s="293">
        <v>0</v>
      </c>
      <c r="HJ21" s="293">
        <v>0</v>
      </c>
      <c r="HK21" s="293">
        <v>0</v>
      </c>
      <c r="HL21" s="296">
        <v>0</v>
      </c>
      <c r="HM21" s="297">
        <v>0</v>
      </c>
      <c r="HN21" s="292">
        <v>0</v>
      </c>
      <c r="HO21" s="293">
        <v>29425</v>
      </c>
      <c r="HP21" s="294">
        <v>29425</v>
      </c>
      <c r="HQ21" s="295">
        <v>0</v>
      </c>
      <c r="HR21" s="293">
        <v>525891</v>
      </c>
      <c r="HS21" s="293">
        <v>1005696</v>
      </c>
      <c r="HT21" s="293">
        <v>4807358</v>
      </c>
      <c r="HU21" s="293">
        <v>8273144</v>
      </c>
      <c r="HV21" s="293">
        <v>5387913</v>
      </c>
      <c r="HW21" s="296">
        <v>20000002</v>
      </c>
      <c r="HX21" s="297">
        <v>20029427</v>
      </c>
    </row>
    <row r="22" spans="1:232" ht="21" customHeight="1" x14ac:dyDescent="0.2">
      <c r="A22" s="498" t="s">
        <v>19</v>
      </c>
      <c r="B22" s="292">
        <v>0</v>
      </c>
      <c r="C22" s="293">
        <v>0</v>
      </c>
      <c r="D22" s="294">
        <v>0</v>
      </c>
      <c r="E22" s="295">
        <v>0</v>
      </c>
      <c r="F22" s="293">
        <v>152325</v>
      </c>
      <c r="G22" s="293">
        <v>508896</v>
      </c>
      <c r="H22" s="293">
        <v>1496080</v>
      </c>
      <c r="I22" s="293">
        <v>1269305</v>
      </c>
      <c r="J22" s="293">
        <v>1091450</v>
      </c>
      <c r="K22" s="296">
        <v>4518056</v>
      </c>
      <c r="L22" s="297">
        <v>4518056</v>
      </c>
      <c r="M22" s="292">
        <v>0</v>
      </c>
      <c r="N22" s="293">
        <v>0</v>
      </c>
      <c r="O22" s="294">
        <v>0</v>
      </c>
      <c r="P22" s="298"/>
      <c r="Q22" s="293">
        <v>0</v>
      </c>
      <c r="R22" s="293">
        <v>75935</v>
      </c>
      <c r="S22" s="293">
        <v>976680</v>
      </c>
      <c r="T22" s="293">
        <v>882400</v>
      </c>
      <c r="U22" s="293">
        <v>844420</v>
      </c>
      <c r="V22" s="296">
        <v>2779435</v>
      </c>
      <c r="W22" s="297">
        <v>2779435</v>
      </c>
      <c r="X22" s="292">
        <v>0</v>
      </c>
      <c r="Y22" s="293">
        <v>0</v>
      </c>
      <c r="Z22" s="294">
        <v>0</v>
      </c>
      <c r="AA22" s="298"/>
      <c r="AB22" s="293">
        <v>104235</v>
      </c>
      <c r="AC22" s="293">
        <v>329350</v>
      </c>
      <c r="AD22" s="293">
        <v>486890</v>
      </c>
      <c r="AE22" s="293">
        <v>316215</v>
      </c>
      <c r="AF22" s="293">
        <v>181485</v>
      </c>
      <c r="AG22" s="296">
        <v>1418175</v>
      </c>
      <c r="AH22" s="297">
        <v>1418175</v>
      </c>
      <c r="AI22" s="292">
        <v>0</v>
      </c>
      <c r="AJ22" s="293">
        <v>0</v>
      </c>
      <c r="AK22" s="294">
        <v>0</v>
      </c>
      <c r="AL22" s="298"/>
      <c r="AM22" s="293">
        <v>0</v>
      </c>
      <c r="AN22" s="293">
        <v>0</v>
      </c>
      <c r="AO22" s="293">
        <v>0</v>
      </c>
      <c r="AP22" s="293">
        <v>0</v>
      </c>
      <c r="AQ22" s="293">
        <v>0</v>
      </c>
      <c r="AR22" s="296">
        <v>0</v>
      </c>
      <c r="AS22" s="297">
        <v>0</v>
      </c>
      <c r="AT22" s="292">
        <v>0</v>
      </c>
      <c r="AU22" s="293">
        <v>0</v>
      </c>
      <c r="AV22" s="294">
        <v>0</v>
      </c>
      <c r="AW22" s="298"/>
      <c r="AX22" s="293">
        <v>0</v>
      </c>
      <c r="AY22" s="293">
        <v>0</v>
      </c>
      <c r="AZ22" s="293">
        <v>0</v>
      </c>
      <c r="BA22" s="293">
        <v>0</v>
      </c>
      <c r="BB22" s="293">
        <v>1870</v>
      </c>
      <c r="BC22" s="296">
        <v>1870</v>
      </c>
      <c r="BD22" s="297">
        <v>1870</v>
      </c>
      <c r="BE22" s="292">
        <v>0</v>
      </c>
      <c r="BF22" s="293">
        <v>0</v>
      </c>
      <c r="BG22" s="294">
        <v>0</v>
      </c>
      <c r="BH22" s="298"/>
      <c r="BI22" s="293">
        <v>0</v>
      </c>
      <c r="BJ22" s="293">
        <v>0</v>
      </c>
      <c r="BK22" s="293">
        <v>0</v>
      </c>
      <c r="BL22" s="293">
        <v>0</v>
      </c>
      <c r="BM22" s="293">
        <v>0</v>
      </c>
      <c r="BN22" s="296">
        <v>0</v>
      </c>
      <c r="BO22" s="297">
        <v>0</v>
      </c>
      <c r="BP22" s="292">
        <v>0</v>
      </c>
      <c r="BQ22" s="293">
        <v>0</v>
      </c>
      <c r="BR22" s="294">
        <v>0</v>
      </c>
      <c r="BS22" s="295">
        <v>0</v>
      </c>
      <c r="BT22" s="293">
        <v>48090</v>
      </c>
      <c r="BU22" s="293">
        <v>101726</v>
      </c>
      <c r="BV22" s="293">
        <v>32510</v>
      </c>
      <c r="BW22" s="293">
        <v>61055</v>
      </c>
      <c r="BX22" s="293">
        <v>53220</v>
      </c>
      <c r="BY22" s="296">
        <v>296601</v>
      </c>
      <c r="BZ22" s="297">
        <v>296601</v>
      </c>
      <c r="CA22" s="292">
        <v>0</v>
      </c>
      <c r="CB22" s="293">
        <v>0</v>
      </c>
      <c r="CC22" s="294">
        <v>0</v>
      </c>
      <c r="CD22" s="295">
        <v>0</v>
      </c>
      <c r="CE22" s="293">
        <v>0</v>
      </c>
      <c r="CF22" s="293">
        <v>1885</v>
      </c>
      <c r="CG22" s="293">
        <v>0</v>
      </c>
      <c r="CH22" s="293">
        <v>9635</v>
      </c>
      <c r="CI22" s="293">
        <v>10455</v>
      </c>
      <c r="CJ22" s="296">
        <v>21975</v>
      </c>
      <c r="CK22" s="297">
        <v>21975</v>
      </c>
      <c r="CL22" s="292">
        <v>0</v>
      </c>
      <c r="CM22" s="293">
        <v>0</v>
      </c>
      <c r="CN22" s="294">
        <v>0</v>
      </c>
      <c r="CO22" s="295">
        <v>0</v>
      </c>
      <c r="CP22" s="293">
        <v>0</v>
      </c>
      <c r="CQ22" s="293">
        <v>0</v>
      </c>
      <c r="CR22" s="293">
        <v>0</v>
      </c>
      <c r="CS22" s="293">
        <v>0</v>
      </c>
      <c r="CT22" s="293">
        <v>0</v>
      </c>
      <c r="CU22" s="296">
        <v>0</v>
      </c>
      <c r="CV22" s="297">
        <v>0</v>
      </c>
      <c r="CW22" s="292">
        <v>0</v>
      </c>
      <c r="CX22" s="293">
        <v>0</v>
      </c>
      <c r="CY22" s="294">
        <v>0</v>
      </c>
      <c r="CZ22" s="298"/>
      <c r="DA22" s="293">
        <v>0</v>
      </c>
      <c r="DB22" s="293">
        <v>0</v>
      </c>
      <c r="DC22" s="293">
        <v>0</v>
      </c>
      <c r="DD22" s="293">
        <v>0</v>
      </c>
      <c r="DE22" s="293">
        <v>0</v>
      </c>
      <c r="DF22" s="296">
        <v>0</v>
      </c>
      <c r="DG22" s="297">
        <v>0</v>
      </c>
      <c r="DH22" s="292">
        <v>0</v>
      </c>
      <c r="DI22" s="293">
        <v>0</v>
      </c>
      <c r="DJ22" s="294">
        <v>0</v>
      </c>
      <c r="DK22" s="295">
        <v>0</v>
      </c>
      <c r="DL22" s="293">
        <v>53436</v>
      </c>
      <c r="DM22" s="293">
        <v>239394</v>
      </c>
      <c r="DN22" s="293">
        <v>1460305</v>
      </c>
      <c r="DO22" s="293">
        <v>1521823</v>
      </c>
      <c r="DP22" s="293">
        <v>1104558</v>
      </c>
      <c r="DQ22" s="296">
        <v>4379516</v>
      </c>
      <c r="DR22" s="299">
        <v>4379516</v>
      </c>
      <c r="DS22" s="292">
        <v>0</v>
      </c>
      <c r="DT22" s="293">
        <v>0</v>
      </c>
      <c r="DU22" s="294">
        <v>0</v>
      </c>
      <c r="DV22" s="298"/>
      <c r="DW22" s="293">
        <v>0</v>
      </c>
      <c r="DX22" s="293">
        <v>99262</v>
      </c>
      <c r="DY22" s="293">
        <v>1357747</v>
      </c>
      <c r="DZ22" s="293">
        <v>1387876</v>
      </c>
      <c r="EA22" s="293">
        <v>1020207</v>
      </c>
      <c r="EB22" s="296">
        <v>3865092</v>
      </c>
      <c r="EC22" s="297">
        <v>3865092</v>
      </c>
      <c r="ED22" s="292">
        <v>0</v>
      </c>
      <c r="EE22" s="293">
        <v>0</v>
      </c>
      <c r="EF22" s="294">
        <v>0</v>
      </c>
      <c r="EG22" s="298"/>
      <c r="EH22" s="293">
        <v>13066</v>
      </c>
      <c r="EI22" s="293">
        <v>37167</v>
      </c>
      <c r="EJ22" s="293">
        <v>42843</v>
      </c>
      <c r="EK22" s="293">
        <v>46502</v>
      </c>
      <c r="EL22" s="293">
        <v>13046</v>
      </c>
      <c r="EM22" s="296">
        <v>152624</v>
      </c>
      <c r="EN22" s="297">
        <v>152624</v>
      </c>
      <c r="EO22" s="292">
        <v>0</v>
      </c>
      <c r="EP22" s="293">
        <v>0</v>
      </c>
      <c r="EQ22" s="294">
        <v>0</v>
      </c>
      <c r="ER22" s="298"/>
      <c r="ES22" s="293">
        <v>0</v>
      </c>
      <c r="ET22" s="293">
        <v>0</v>
      </c>
      <c r="EU22" s="293">
        <v>0</v>
      </c>
      <c r="EV22" s="293">
        <v>0</v>
      </c>
      <c r="EW22" s="293">
        <v>0</v>
      </c>
      <c r="EX22" s="296">
        <v>0</v>
      </c>
      <c r="EY22" s="297">
        <v>0</v>
      </c>
      <c r="EZ22" s="292">
        <v>0</v>
      </c>
      <c r="FA22" s="293">
        <v>0</v>
      </c>
      <c r="FB22" s="294">
        <v>0</v>
      </c>
      <c r="FC22" s="298"/>
      <c r="FD22" s="293">
        <v>0</v>
      </c>
      <c r="FE22" s="293">
        <v>0</v>
      </c>
      <c r="FF22" s="293">
        <v>0</v>
      </c>
      <c r="FG22" s="293">
        <v>0</v>
      </c>
      <c r="FH22" s="293">
        <v>154</v>
      </c>
      <c r="FI22" s="296">
        <v>154</v>
      </c>
      <c r="FJ22" s="297">
        <v>154</v>
      </c>
      <c r="FK22" s="292">
        <v>0</v>
      </c>
      <c r="FL22" s="293">
        <v>0</v>
      </c>
      <c r="FM22" s="294">
        <v>0</v>
      </c>
      <c r="FN22" s="298"/>
      <c r="FO22" s="293">
        <v>0</v>
      </c>
      <c r="FP22" s="293">
        <v>0</v>
      </c>
      <c r="FQ22" s="293">
        <v>0</v>
      </c>
      <c r="FR22" s="293">
        <v>0</v>
      </c>
      <c r="FS22" s="293">
        <v>0</v>
      </c>
      <c r="FT22" s="296">
        <v>0</v>
      </c>
      <c r="FU22" s="297">
        <v>0</v>
      </c>
      <c r="FV22" s="292">
        <v>0</v>
      </c>
      <c r="FW22" s="293">
        <v>0</v>
      </c>
      <c r="FX22" s="294">
        <v>0</v>
      </c>
      <c r="FY22" s="295">
        <v>0</v>
      </c>
      <c r="FZ22" s="293">
        <v>40370</v>
      </c>
      <c r="GA22" s="293">
        <v>96521</v>
      </c>
      <c r="GB22" s="293">
        <v>59715</v>
      </c>
      <c r="GC22" s="293">
        <v>69903</v>
      </c>
      <c r="GD22" s="293">
        <v>71060</v>
      </c>
      <c r="GE22" s="296">
        <v>337569</v>
      </c>
      <c r="GF22" s="297">
        <v>337569</v>
      </c>
      <c r="GG22" s="292">
        <v>0</v>
      </c>
      <c r="GH22" s="293">
        <v>0</v>
      </c>
      <c r="GI22" s="294">
        <v>0</v>
      </c>
      <c r="GJ22" s="295">
        <v>0</v>
      </c>
      <c r="GK22" s="293">
        <v>0</v>
      </c>
      <c r="GL22" s="293">
        <v>6444</v>
      </c>
      <c r="GM22" s="293">
        <v>0</v>
      </c>
      <c r="GN22" s="293">
        <v>17542</v>
      </c>
      <c r="GO22" s="293">
        <v>91</v>
      </c>
      <c r="GP22" s="296">
        <v>24077</v>
      </c>
      <c r="GQ22" s="297">
        <v>24077</v>
      </c>
      <c r="GR22" s="292">
        <v>0</v>
      </c>
      <c r="GS22" s="293">
        <v>0</v>
      </c>
      <c r="GT22" s="294">
        <v>0</v>
      </c>
      <c r="GU22" s="295">
        <v>0</v>
      </c>
      <c r="GV22" s="293">
        <v>0</v>
      </c>
      <c r="GW22" s="293">
        <v>0</v>
      </c>
      <c r="GX22" s="293">
        <v>0</v>
      </c>
      <c r="GY22" s="293">
        <v>0</v>
      </c>
      <c r="GZ22" s="293">
        <v>0</v>
      </c>
      <c r="HA22" s="296">
        <v>0</v>
      </c>
      <c r="HB22" s="297">
        <v>0</v>
      </c>
      <c r="HC22" s="292">
        <v>0</v>
      </c>
      <c r="HD22" s="293">
        <v>0</v>
      </c>
      <c r="HE22" s="294">
        <v>0</v>
      </c>
      <c r="HF22" s="298"/>
      <c r="HG22" s="293">
        <v>0</v>
      </c>
      <c r="HH22" s="293">
        <v>0</v>
      </c>
      <c r="HI22" s="293">
        <v>0</v>
      </c>
      <c r="HJ22" s="293">
        <v>0</v>
      </c>
      <c r="HK22" s="293">
        <v>0</v>
      </c>
      <c r="HL22" s="296">
        <v>0</v>
      </c>
      <c r="HM22" s="297">
        <v>0</v>
      </c>
      <c r="HN22" s="292">
        <v>0</v>
      </c>
      <c r="HO22" s="293">
        <v>0</v>
      </c>
      <c r="HP22" s="294">
        <v>0</v>
      </c>
      <c r="HQ22" s="295">
        <v>0</v>
      </c>
      <c r="HR22" s="293">
        <v>205761</v>
      </c>
      <c r="HS22" s="293">
        <v>748290</v>
      </c>
      <c r="HT22" s="293">
        <v>2956385</v>
      </c>
      <c r="HU22" s="293">
        <v>2791128</v>
      </c>
      <c r="HV22" s="293">
        <v>2196008</v>
      </c>
      <c r="HW22" s="296">
        <v>8897572</v>
      </c>
      <c r="HX22" s="297">
        <v>8897572</v>
      </c>
    </row>
    <row r="23" spans="1:232" ht="21" customHeight="1" x14ac:dyDescent="0.2">
      <c r="A23" s="498" t="s">
        <v>20</v>
      </c>
      <c r="B23" s="292">
        <v>0</v>
      </c>
      <c r="C23" s="293">
        <v>580</v>
      </c>
      <c r="D23" s="294">
        <v>580</v>
      </c>
      <c r="E23" s="295">
        <v>0</v>
      </c>
      <c r="F23" s="293">
        <v>116794</v>
      </c>
      <c r="G23" s="293">
        <v>415573</v>
      </c>
      <c r="H23" s="293">
        <v>1442480</v>
      </c>
      <c r="I23" s="293">
        <v>1577125</v>
      </c>
      <c r="J23" s="293">
        <v>564540</v>
      </c>
      <c r="K23" s="296">
        <v>4116512</v>
      </c>
      <c r="L23" s="297">
        <v>4117092</v>
      </c>
      <c r="M23" s="292">
        <v>0</v>
      </c>
      <c r="N23" s="293">
        <v>0</v>
      </c>
      <c r="O23" s="294">
        <v>0</v>
      </c>
      <c r="P23" s="298"/>
      <c r="Q23" s="293">
        <v>-26790</v>
      </c>
      <c r="R23" s="293">
        <v>228780</v>
      </c>
      <c r="S23" s="293">
        <v>1063300</v>
      </c>
      <c r="T23" s="293">
        <v>1290420</v>
      </c>
      <c r="U23" s="293">
        <v>459095</v>
      </c>
      <c r="V23" s="296">
        <v>3014805</v>
      </c>
      <c r="W23" s="297">
        <v>3014805</v>
      </c>
      <c r="X23" s="292">
        <v>0</v>
      </c>
      <c r="Y23" s="293">
        <v>0</v>
      </c>
      <c r="Z23" s="294">
        <v>0</v>
      </c>
      <c r="AA23" s="298"/>
      <c r="AB23" s="293">
        <v>95435</v>
      </c>
      <c r="AC23" s="293">
        <v>133858</v>
      </c>
      <c r="AD23" s="293">
        <v>229135</v>
      </c>
      <c r="AE23" s="293">
        <v>202140</v>
      </c>
      <c r="AF23" s="293">
        <v>99580</v>
      </c>
      <c r="AG23" s="296">
        <v>760148</v>
      </c>
      <c r="AH23" s="297">
        <v>760148</v>
      </c>
      <c r="AI23" s="292">
        <v>0</v>
      </c>
      <c r="AJ23" s="293">
        <v>0</v>
      </c>
      <c r="AK23" s="294">
        <v>0</v>
      </c>
      <c r="AL23" s="298"/>
      <c r="AM23" s="293">
        <v>0</v>
      </c>
      <c r="AN23" s="293">
        <v>0</v>
      </c>
      <c r="AO23" s="293">
        <v>0</v>
      </c>
      <c r="AP23" s="293">
        <v>0</v>
      </c>
      <c r="AQ23" s="293">
        <v>0</v>
      </c>
      <c r="AR23" s="296">
        <v>0</v>
      </c>
      <c r="AS23" s="297">
        <v>0</v>
      </c>
      <c r="AT23" s="292">
        <v>0</v>
      </c>
      <c r="AU23" s="293">
        <v>0</v>
      </c>
      <c r="AV23" s="294">
        <v>0</v>
      </c>
      <c r="AW23" s="298"/>
      <c r="AX23" s="293">
        <v>0</v>
      </c>
      <c r="AY23" s="293">
        <v>0</v>
      </c>
      <c r="AZ23" s="293">
        <v>0</v>
      </c>
      <c r="BA23" s="293">
        <v>0</v>
      </c>
      <c r="BB23" s="293">
        <v>0</v>
      </c>
      <c r="BC23" s="296">
        <v>0</v>
      </c>
      <c r="BD23" s="297">
        <v>0</v>
      </c>
      <c r="BE23" s="292">
        <v>0</v>
      </c>
      <c r="BF23" s="293">
        <v>0</v>
      </c>
      <c r="BG23" s="294">
        <v>0</v>
      </c>
      <c r="BH23" s="298"/>
      <c r="BI23" s="293">
        <v>0</v>
      </c>
      <c r="BJ23" s="293">
        <v>0</v>
      </c>
      <c r="BK23" s="293">
        <v>0</v>
      </c>
      <c r="BL23" s="293">
        <v>0</v>
      </c>
      <c r="BM23" s="293">
        <v>0</v>
      </c>
      <c r="BN23" s="296">
        <v>0</v>
      </c>
      <c r="BO23" s="297">
        <v>0</v>
      </c>
      <c r="BP23" s="292">
        <v>0</v>
      </c>
      <c r="BQ23" s="293">
        <v>580</v>
      </c>
      <c r="BR23" s="294">
        <v>580</v>
      </c>
      <c r="BS23" s="295">
        <v>0</v>
      </c>
      <c r="BT23" s="293">
        <v>47899</v>
      </c>
      <c r="BU23" s="293">
        <v>52500</v>
      </c>
      <c r="BV23" s="293">
        <v>148595</v>
      </c>
      <c r="BW23" s="293">
        <v>83405</v>
      </c>
      <c r="BX23" s="293">
        <v>5865</v>
      </c>
      <c r="BY23" s="296">
        <v>338264</v>
      </c>
      <c r="BZ23" s="297">
        <v>338844</v>
      </c>
      <c r="CA23" s="292">
        <v>0</v>
      </c>
      <c r="CB23" s="293">
        <v>0</v>
      </c>
      <c r="CC23" s="294">
        <v>0</v>
      </c>
      <c r="CD23" s="295">
        <v>0</v>
      </c>
      <c r="CE23" s="293">
        <v>250</v>
      </c>
      <c r="CF23" s="293">
        <v>435</v>
      </c>
      <c r="CG23" s="293">
        <v>1450</v>
      </c>
      <c r="CH23" s="293">
        <v>1160</v>
      </c>
      <c r="CI23" s="293">
        <v>0</v>
      </c>
      <c r="CJ23" s="296">
        <v>3295</v>
      </c>
      <c r="CK23" s="297">
        <v>3295</v>
      </c>
      <c r="CL23" s="292">
        <v>0</v>
      </c>
      <c r="CM23" s="293">
        <v>0</v>
      </c>
      <c r="CN23" s="294">
        <v>0</v>
      </c>
      <c r="CO23" s="295">
        <v>0</v>
      </c>
      <c r="CP23" s="293">
        <v>0</v>
      </c>
      <c r="CQ23" s="293">
        <v>0</v>
      </c>
      <c r="CR23" s="293">
        <v>0</v>
      </c>
      <c r="CS23" s="293">
        <v>0</v>
      </c>
      <c r="CT23" s="293">
        <v>0</v>
      </c>
      <c r="CU23" s="296">
        <v>0</v>
      </c>
      <c r="CV23" s="297">
        <v>0</v>
      </c>
      <c r="CW23" s="292">
        <v>0</v>
      </c>
      <c r="CX23" s="293">
        <v>0</v>
      </c>
      <c r="CY23" s="294">
        <v>0</v>
      </c>
      <c r="CZ23" s="298"/>
      <c r="DA23" s="293">
        <v>0</v>
      </c>
      <c r="DB23" s="293">
        <v>0</v>
      </c>
      <c r="DC23" s="293">
        <v>0</v>
      </c>
      <c r="DD23" s="293">
        <v>0</v>
      </c>
      <c r="DE23" s="293">
        <v>0</v>
      </c>
      <c r="DF23" s="296">
        <v>0</v>
      </c>
      <c r="DG23" s="297">
        <v>0</v>
      </c>
      <c r="DH23" s="292">
        <v>0</v>
      </c>
      <c r="DI23" s="293">
        <v>3480</v>
      </c>
      <c r="DJ23" s="294">
        <v>3480</v>
      </c>
      <c r="DK23" s="295">
        <v>0</v>
      </c>
      <c r="DL23" s="293">
        <v>113139</v>
      </c>
      <c r="DM23" s="293">
        <v>479071</v>
      </c>
      <c r="DN23" s="293">
        <v>2010853</v>
      </c>
      <c r="DO23" s="293">
        <v>2469580</v>
      </c>
      <c r="DP23" s="293">
        <v>840565</v>
      </c>
      <c r="DQ23" s="296">
        <v>5913208</v>
      </c>
      <c r="DR23" s="299">
        <v>5916688</v>
      </c>
      <c r="DS23" s="292">
        <v>0</v>
      </c>
      <c r="DT23" s="293">
        <v>0</v>
      </c>
      <c r="DU23" s="294">
        <v>0</v>
      </c>
      <c r="DV23" s="298"/>
      <c r="DW23" s="293">
        <v>-7292</v>
      </c>
      <c r="DX23" s="293">
        <v>332537</v>
      </c>
      <c r="DY23" s="293">
        <v>1650625</v>
      </c>
      <c r="DZ23" s="293">
        <v>2230672</v>
      </c>
      <c r="EA23" s="293">
        <v>799930</v>
      </c>
      <c r="EB23" s="296">
        <v>5006472</v>
      </c>
      <c r="EC23" s="297">
        <v>5006472</v>
      </c>
      <c r="ED23" s="292">
        <v>0</v>
      </c>
      <c r="EE23" s="293">
        <v>0</v>
      </c>
      <c r="EF23" s="294">
        <v>0</v>
      </c>
      <c r="EG23" s="298"/>
      <c r="EH23" s="293">
        <v>23800</v>
      </c>
      <c r="EI23" s="293">
        <v>24793</v>
      </c>
      <c r="EJ23" s="293">
        <v>25438</v>
      </c>
      <c r="EK23" s="293">
        <v>28835</v>
      </c>
      <c r="EL23" s="293">
        <v>1659</v>
      </c>
      <c r="EM23" s="296">
        <v>104525</v>
      </c>
      <c r="EN23" s="297">
        <v>104525</v>
      </c>
      <c r="EO23" s="292">
        <v>0</v>
      </c>
      <c r="EP23" s="293">
        <v>0</v>
      </c>
      <c r="EQ23" s="294">
        <v>0</v>
      </c>
      <c r="ER23" s="298"/>
      <c r="ES23" s="293">
        <v>0</v>
      </c>
      <c r="ET23" s="293">
        <v>0</v>
      </c>
      <c r="EU23" s="293">
        <v>0</v>
      </c>
      <c r="EV23" s="293">
        <v>0</v>
      </c>
      <c r="EW23" s="293">
        <v>0</v>
      </c>
      <c r="EX23" s="296">
        <v>0</v>
      </c>
      <c r="EY23" s="297">
        <v>0</v>
      </c>
      <c r="EZ23" s="292">
        <v>0</v>
      </c>
      <c r="FA23" s="293">
        <v>0</v>
      </c>
      <c r="FB23" s="294">
        <v>0</v>
      </c>
      <c r="FC23" s="298"/>
      <c r="FD23" s="293">
        <v>0</v>
      </c>
      <c r="FE23" s="293">
        <v>0</v>
      </c>
      <c r="FF23" s="293">
        <v>0</v>
      </c>
      <c r="FG23" s="293">
        <v>0</v>
      </c>
      <c r="FH23" s="293">
        <v>0</v>
      </c>
      <c r="FI23" s="296">
        <v>0</v>
      </c>
      <c r="FJ23" s="297">
        <v>0</v>
      </c>
      <c r="FK23" s="292">
        <v>0</v>
      </c>
      <c r="FL23" s="293">
        <v>0</v>
      </c>
      <c r="FM23" s="294">
        <v>0</v>
      </c>
      <c r="FN23" s="298"/>
      <c r="FO23" s="293">
        <v>0</v>
      </c>
      <c r="FP23" s="293">
        <v>0</v>
      </c>
      <c r="FQ23" s="293">
        <v>0</v>
      </c>
      <c r="FR23" s="293">
        <v>0</v>
      </c>
      <c r="FS23" s="293">
        <v>0</v>
      </c>
      <c r="FT23" s="296">
        <v>0</v>
      </c>
      <c r="FU23" s="297">
        <v>0</v>
      </c>
      <c r="FV23" s="292">
        <v>0</v>
      </c>
      <c r="FW23" s="293">
        <v>3480</v>
      </c>
      <c r="FX23" s="294">
        <v>3480</v>
      </c>
      <c r="FY23" s="295">
        <v>0</v>
      </c>
      <c r="FZ23" s="293">
        <v>99666</v>
      </c>
      <c r="GA23" s="293">
        <v>120309</v>
      </c>
      <c r="GB23" s="293">
        <v>332242</v>
      </c>
      <c r="GC23" s="293">
        <v>210017</v>
      </c>
      <c r="GD23" s="293">
        <v>38976</v>
      </c>
      <c r="GE23" s="296">
        <v>801210</v>
      </c>
      <c r="GF23" s="297">
        <v>804690</v>
      </c>
      <c r="GG23" s="292">
        <v>0</v>
      </c>
      <c r="GH23" s="293">
        <v>0</v>
      </c>
      <c r="GI23" s="294">
        <v>0</v>
      </c>
      <c r="GJ23" s="295">
        <v>0</v>
      </c>
      <c r="GK23" s="293">
        <v>-3035</v>
      </c>
      <c r="GL23" s="293">
        <v>1432</v>
      </c>
      <c r="GM23" s="293">
        <v>2548</v>
      </c>
      <c r="GN23" s="293">
        <v>56</v>
      </c>
      <c r="GO23" s="293">
        <v>0</v>
      </c>
      <c r="GP23" s="296">
        <v>1001</v>
      </c>
      <c r="GQ23" s="297">
        <v>1001</v>
      </c>
      <c r="GR23" s="292">
        <v>0</v>
      </c>
      <c r="GS23" s="293">
        <v>0</v>
      </c>
      <c r="GT23" s="294">
        <v>0</v>
      </c>
      <c r="GU23" s="295">
        <v>0</v>
      </c>
      <c r="GV23" s="293">
        <v>0</v>
      </c>
      <c r="GW23" s="293">
        <v>0</v>
      </c>
      <c r="GX23" s="293">
        <v>0</v>
      </c>
      <c r="GY23" s="293">
        <v>0</v>
      </c>
      <c r="GZ23" s="293">
        <v>0</v>
      </c>
      <c r="HA23" s="296">
        <v>0</v>
      </c>
      <c r="HB23" s="297">
        <v>0</v>
      </c>
      <c r="HC23" s="292">
        <v>0</v>
      </c>
      <c r="HD23" s="293">
        <v>0</v>
      </c>
      <c r="HE23" s="294">
        <v>0</v>
      </c>
      <c r="HF23" s="298"/>
      <c r="HG23" s="293">
        <v>0</v>
      </c>
      <c r="HH23" s="293">
        <v>0</v>
      </c>
      <c r="HI23" s="293">
        <v>0</v>
      </c>
      <c r="HJ23" s="293">
        <v>0</v>
      </c>
      <c r="HK23" s="293">
        <v>0</v>
      </c>
      <c r="HL23" s="296">
        <v>0</v>
      </c>
      <c r="HM23" s="297">
        <v>0</v>
      </c>
      <c r="HN23" s="292">
        <v>0</v>
      </c>
      <c r="HO23" s="293">
        <v>4060</v>
      </c>
      <c r="HP23" s="294">
        <v>4060</v>
      </c>
      <c r="HQ23" s="295">
        <v>0</v>
      </c>
      <c r="HR23" s="293">
        <v>229933</v>
      </c>
      <c r="HS23" s="293">
        <v>894644</v>
      </c>
      <c r="HT23" s="293">
        <v>3453333</v>
      </c>
      <c r="HU23" s="293">
        <v>4046705</v>
      </c>
      <c r="HV23" s="293">
        <v>1405105</v>
      </c>
      <c r="HW23" s="296">
        <v>10029720</v>
      </c>
      <c r="HX23" s="297">
        <v>10033780</v>
      </c>
    </row>
    <row r="24" spans="1:232" ht="21" customHeight="1" x14ac:dyDescent="0.2">
      <c r="A24" s="498" t="s">
        <v>21</v>
      </c>
      <c r="B24" s="292">
        <v>0</v>
      </c>
      <c r="C24" s="293">
        <v>0</v>
      </c>
      <c r="D24" s="294">
        <v>0</v>
      </c>
      <c r="E24" s="295">
        <v>0</v>
      </c>
      <c r="F24" s="293">
        <v>145825</v>
      </c>
      <c r="G24" s="293">
        <v>401535</v>
      </c>
      <c r="H24" s="293">
        <v>2059596</v>
      </c>
      <c r="I24" s="293">
        <v>1838674</v>
      </c>
      <c r="J24" s="293">
        <v>1307951</v>
      </c>
      <c r="K24" s="296">
        <v>5753581</v>
      </c>
      <c r="L24" s="297">
        <v>5753581</v>
      </c>
      <c r="M24" s="292">
        <v>0</v>
      </c>
      <c r="N24" s="293">
        <v>0</v>
      </c>
      <c r="O24" s="294">
        <v>0</v>
      </c>
      <c r="P24" s="298"/>
      <c r="Q24" s="293">
        <v>38130</v>
      </c>
      <c r="R24" s="293">
        <v>177475</v>
      </c>
      <c r="S24" s="293">
        <v>1693000</v>
      </c>
      <c r="T24" s="293">
        <v>1437494</v>
      </c>
      <c r="U24" s="293">
        <v>954590</v>
      </c>
      <c r="V24" s="296">
        <v>4300689</v>
      </c>
      <c r="W24" s="297">
        <v>4300689</v>
      </c>
      <c r="X24" s="292">
        <v>0</v>
      </c>
      <c r="Y24" s="293">
        <v>0</v>
      </c>
      <c r="Z24" s="294">
        <v>0</v>
      </c>
      <c r="AA24" s="298"/>
      <c r="AB24" s="293">
        <v>84550</v>
      </c>
      <c r="AC24" s="293">
        <v>163215</v>
      </c>
      <c r="AD24" s="293">
        <v>242540</v>
      </c>
      <c r="AE24" s="293">
        <v>137020</v>
      </c>
      <c r="AF24" s="293">
        <v>210720</v>
      </c>
      <c r="AG24" s="296">
        <v>838045</v>
      </c>
      <c r="AH24" s="297">
        <v>838045</v>
      </c>
      <c r="AI24" s="292">
        <v>0</v>
      </c>
      <c r="AJ24" s="293">
        <v>0</v>
      </c>
      <c r="AK24" s="294">
        <v>0</v>
      </c>
      <c r="AL24" s="298"/>
      <c r="AM24" s="293">
        <v>0</v>
      </c>
      <c r="AN24" s="293">
        <v>0</v>
      </c>
      <c r="AO24" s="293">
        <v>2635</v>
      </c>
      <c r="AP24" s="293">
        <v>32705</v>
      </c>
      <c r="AQ24" s="293">
        <v>2635</v>
      </c>
      <c r="AR24" s="296">
        <v>37975</v>
      </c>
      <c r="AS24" s="297">
        <v>37975</v>
      </c>
      <c r="AT24" s="292">
        <v>0</v>
      </c>
      <c r="AU24" s="293">
        <v>0</v>
      </c>
      <c r="AV24" s="294">
        <v>0</v>
      </c>
      <c r="AW24" s="298"/>
      <c r="AX24" s="293">
        <v>0</v>
      </c>
      <c r="AY24" s="293">
        <v>0</v>
      </c>
      <c r="AZ24" s="293">
        <v>35495</v>
      </c>
      <c r="BA24" s="293">
        <v>37830</v>
      </c>
      <c r="BB24" s="293">
        <v>77190</v>
      </c>
      <c r="BC24" s="296">
        <v>150515</v>
      </c>
      <c r="BD24" s="297">
        <v>150515</v>
      </c>
      <c r="BE24" s="292">
        <v>0</v>
      </c>
      <c r="BF24" s="293">
        <v>0</v>
      </c>
      <c r="BG24" s="294">
        <v>0</v>
      </c>
      <c r="BH24" s="298"/>
      <c r="BI24" s="293">
        <v>0</v>
      </c>
      <c r="BJ24" s="293">
        <v>0</v>
      </c>
      <c r="BK24" s="293">
        <v>0</v>
      </c>
      <c r="BL24" s="293">
        <v>0</v>
      </c>
      <c r="BM24" s="293">
        <v>0</v>
      </c>
      <c r="BN24" s="296">
        <v>0</v>
      </c>
      <c r="BO24" s="297">
        <v>0</v>
      </c>
      <c r="BP24" s="292">
        <v>0</v>
      </c>
      <c r="BQ24" s="293">
        <v>0</v>
      </c>
      <c r="BR24" s="294">
        <v>0</v>
      </c>
      <c r="BS24" s="295">
        <v>0</v>
      </c>
      <c r="BT24" s="293">
        <v>23145</v>
      </c>
      <c r="BU24" s="293">
        <v>60845</v>
      </c>
      <c r="BV24" s="293">
        <v>84760</v>
      </c>
      <c r="BW24" s="293">
        <v>181457</v>
      </c>
      <c r="BX24" s="293">
        <v>62816</v>
      </c>
      <c r="BY24" s="296">
        <v>413023</v>
      </c>
      <c r="BZ24" s="297">
        <v>413023</v>
      </c>
      <c r="CA24" s="292">
        <v>0</v>
      </c>
      <c r="CB24" s="293">
        <v>0</v>
      </c>
      <c r="CC24" s="294">
        <v>0</v>
      </c>
      <c r="CD24" s="295">
        <v>0</v>
      </c>
      <c r="CE24" s="293">
        <v>0</v>
      </c>
      <c r="CF24" s="293">
        <v>0</v>
      </c>
      <c r="CG24" s="293">
        <v>1166</v>
      </c>
      <c r="CH24" s="293">
        <v>12168</v>
      </c>
      <c r="CI24" s="293">
        <v>0</v>
      </c>
      <c r="CJ24" s="296">
        <v>13334</v>
      </c>
      <c r="CK24" s="297">
        <v>13334</v>
      </c>
      <c r="CL24" s="292">
        <v>0</v>
      </c>
      <c r="CM24" s="293">
        <v>0</v>
      </c>
      <c r="CN24" s="294">
        <v>0</v>
      </c>
      <c r="CO24" s="295">
        <v>0</v>
      </c>
      <c r="CP24" s="293">
        <v>0</v>
      </c>
      <c r="CQ24" s="293">
        <v>0</v>
      </c>
      <c r="CR24" s="293">
        <v>0</v>
      </c>
      <c r="CS24" s="293">
        <v>0</v>
      </c>
      <c r="CT24" s="293">
        <v>0</v>
      </c>
      <c r="CU24" s="296">
        <v>0</v>
      </c>
      <c r="CV24" s="297">
        <v>0</v>
      </c>
      <c r="CW24" s="292">
        <v>0</v>
      </c>
      <c r="CX24" s="293">
        <v>0</v>
      </c>
      <c r="CY24" s="294">
        <v>0</v>
      </c>
      <c r="CZ24" s="298"/>
      <c r="DA24" s="293">
        <v>0</v>
      </c>
      <c r="DB24" s="293">
        <v>0</v>
      </c>
      <c r="DC24" s="293">
        <v>0</v>
      </c>
      <c r="DD24" s="293">
        <v>0</v>
      </c>
      <c r="DE24" s="293">
        <v>0</v>
      </c>
      <c r="DF24" s="296">
        <v>0</v>
      </c>
      <c r="DG24" s="297">
        <v>0</v>
      </c>
      <c r="DH24" s="292">
        <v>0</v>
      </c>
      <c r="DI24" s="293">
        <v>0</v>
      </c>
      <c r="DJ24" s="294">
        <v>0</v>
      </c>
      <c r="DK24" s="295">
        <v>0</v>
      </c>
      <c r="DL24" s="293">
        <v>83424</v>
      </c>
      <c r="DM24" s="293">
        <v>297934</v>
      </c>
      <c r="DN24" s="293">
        <v>2221374</v>
      </c>
      <c r="DO24" s="293">
        <v>2410523</v>
      </c>
      <c r="DP24" s="293">
        <v>1405407</v>
      </c>
      <c r="DQ24" s="296">
        <v>6418662</v>
      </c>
      <c r="DR24" s="299">
        <v>6418662</v>
      </c>
      <c r="DS24" s="292">
        <v>0</v>
      </c>
      <c r="DT24" s="293">
        <v>0</v>
      </c>
      <c r="DU24" s="294">
        <v>0</v>
      </c>
      <c r="DV24" s="298"/>
      <c r="DW24" s="293">
        <v>41540</v>
      </c>
      <c r="DX24" s="293">
        <v>161862</v>
      </c>
      <c r="DY24" s="293">
        <v>2027089</v>
      </c>
      <c r="DZ24" s="293">
        <v>2074697</v>
      </c>
      <c r="EA24" s="293">
        <v>1284996</v>
      </c>
      <c r="EB24" s="296">
        <v>5590184</v>
      </c>
      <c r="EC24" s="297">
        <v>5590184</v>
      </c>
      <c r="ED24" s="292">
        <v>0</v>
      </c>
      <c r="EE24" s="293">
        <v>0</v>
      </c>
      <c r="EF24" s="294">
        <v>0</v>
      </c>
      <c r="EG24" s="298"/>
      <c r="EH24" s="293">
        <v>2688</v>
      </c>
      <c r="EI24" s="293">
        <v>34627</v>
      </c>
      <c r="EJ24" s="293">
        <v>26265</v>
      </c>
      <c r="EK24" s="293">
        <v>1946</v>
      </c>
      <c r="EL24" s="293">
        <v>18451</v>
      </c>
      <c r="EM24" s="296">
        <v>83977</v>
      </c>
      <c r="EN24" s="297">
        <v>83977</v>
      </c>
      <c r="EO24" s="292">
        <v>0</v>
      </c>
      <c r="EP24" s="293">
        <v>0</v>
      </c>
      <c r="EQ24" s="294">
        <v>0</v>
      </c>
      <c r="ER24" s="298"/>
      <c r="ES24" s="293">
        <v>0</v>
      </c>
      <c r="ET24" s="293">
        <v>0</v>
      </c>
      <c r="EU24" s="293">
        <v>217</v>
      </c>
      <c r="EV24" s="293">
        <v>0</v>
      </c>
      <c r="EW24" s="293">
        <v>0</v>
      </c>
      <c r="EX24" s="296">
        <v>217</v>
      </c>
      <c r="EY24" s="297">
        <v>217</v>
      </c>
      <c r="EZ24" s="292">
        <v>0</v>
      </c>
      <c r="FA24" s="293">
        <v>0</v>
      </c>
      <c r="FB24" s="294">
        <v>0</v>
      </c>
      <c r="FC24" s="298"/>
      <c r="FD24" s="293">
        <v>0</v>
      </c>
      <c r="FE24" s="293">
        <v>0</v>
      </c>
      <c r="FF24" s="293">
        <v>11687</v>
      </c>
      <c r="FG24" s="293">
        <v>588</v>
      </c>
      <c r="FH24" s="293">
        <v>868</v>
      </c>
      <c r="FI24" s="296">
        <v>13143</v>
      </c>
      <c r="FJ24" s="297">
        <v>13143</v>
      </c>
      <c r="FK24" s="292">
        <v>0</v>
      </c>
      <c r="FL24" s="293">
        <v>0</v>
      </c>
      <c r="FM24" s="294">
        <v>0</v>
      </c>
      <c r="FN24" s="298"/>
      <c r="FO24" s="293">
        <v>0</v>
      </c>
      <c r="FP24" s="293">
        <v>0</v>
      </c>
      <c r="FQ24" s="293">
        <v>0</v>
      </c>
      <c r="FR24" s="293">
        <v>0</v>
      </c>
      <c r="FS24" s="293">
        <v>0</v>
      </c>
      <c r="FT24" s="296">
        <v>0</v>
      </c>
      <c r="FU24" s="297">
        <v>0</v>
      </c>
      <c r="FV24" s="292">
        <v>0</v>
      </c>
      <c r="FW24" s="293">
        <v>0</v>
      </c>
      <c r="FX24" s="294">
        <v>0</v>
      </c>
      <c r="FY24" s="295">
        <v>0</v>
      </c>
      <c r="FZ24" s="293">
        <v>39196</v>
      </c>
      <c r="GA24" s="293">
        <v>101445</v>
      </c>
      <c r="GB24" s="293">
        <v>156095</v>
      </c>
      <c r="GC24" s="293">
        <v>332174</v>
      </c>
      <c r="GD24" s="293">
        <v>101092</v>
      </c>
      <c r="GE24" s="296">
        <v>730002</v>
      </c>
      <c r="GF24" s="297">
        <v>730002</v>
      </c>
      <c r="GG24" s="292">
        <v>0</v>
      </c>
      <c r="GH24" s="293">
        <v>0</v>
      </c>
      <c r="GI24" s="294">
        <v>0</v>
      </c>
      <c r="GJ24" s="295">
        <v>0</v>
      </c>
      <c r="GK24" s="293">
        <v>0</v>
      </c>
      <c r="GL24" s="293">
        <v>0</v>
      </c>
      <c r="GM24" s="293">
        <v>21</v>
      </c>
      <c r="GN24" s="293">
        <v>1118</v>
      </c>
      <c r="GO24" s="293">
        <v>0</v>
      </c>
      <c r="GP24" s="296">
        <v>1139</v>
      </c>
      <c r="GQ24" s="297">
        <v>1139</v>
      </c>
      <c r="GR24" s="292">
        <v>0</v>
      </c>
      <c r="GS24" s="293">
        <v>0</v>
      </c>
      <c r="GT24" s="294">
        <v>0</v>
      </c>
      <c r="GU24" s="295">
        <v>0</v>
      </c>
      <c r="GV24" s="293">
        <v>0</v>
      </c>
      <c r="GW24" s="293">
        <v>0</v>
      </c>
      <c r="GX24" s="293">
        <v>0</v>
      </c>
      <c r="GY24" s="293">
        <v>0</v>
      </c>
      <c r="GZ24" s="293">
        <v>0</v>
      </c>
      <c r="HA24" s="296">
        <v>0</v>
      </c>
      <c r="HB24" s="297">
        <v>0</v>
      </c>
      <c r="HC24" s="292">
        <v>0</v>
      </c>
      <c r="HD24" s="293">
        <v>0</v>
      </c>
      <c r="HE24" s="294">
        <v>0</v>
      </c>
      <c r="HF24" s="298"/>
      <c r="HG24" s="293">
        <v>0</v>
      </c>
      <c r="HH24" s="293">
        <v>0</v>
      </c>
      <c r="HI24" s="293">
        <v>0</v>
      </c>
      <c r="HJ24" s="293">
        <v>0</v>
      </c>
      <c r="HK24" s="293">
        <v>0</v>
      </c>
      <c r="HL24" s="296">
        <v>0</v>
      </c>
      <c r="HM24" s="297">
        <v>0</v>
      </c>
      <c r="HN24" s="292">
        <v>0</v>
      </c>
      <c r="HO24" s="293">
        <v>0</v>
      </c>
      <c r="HP24" s="294">
        <v>0</v>
      </c>
      <c r="HQ24" s="295">
        <v>0</v>
      </c>
      <c r="HR24" s="293">
        <v>229249</v>
      </c>
      <c r="HS24" s="293">
        <v>699469</v>
      </c>
      <c r="HT24" s="293">
        <v>4280970</v>
      </c>
      <c r="HU24" s="293">
        <v>4249197</v>
      </c>
      <c r="HV24" s="293">
        <v>2713358</v>
      </c>
      <c r="HW24" s="296">
        <v>12172243</v>
      </c>
      <c r="HX24" s="297">
        <v>12172243</v>
      </c>
    </row>
    <row r="25" spans="1:232" ht="21" customHeight="1" x14ac:dyDescent="0.2">
      <c r="A25" s="498" t="s">
        <v>22</v>
      </c>
      <c r="B25" s="292">
        <v>0</v>
      </c>
      <c r="C25" s="293">
        <v>0</v>
      </c>
      <c r="D25" s="294">
        <v>0</v>
      </c>
      <c r="E25" s="295">
        <v>0</v>
      </c>
      <c r="F25" s="293">
        <v>161825</v>
      </c>
      <c r="G25" s="293">
        <v>289817</v>
      </c>
      <c r="H25" s="293">
        <v>712743</v>
      </c>
      <c r="I25" s="293">
        <v>1005220</v>
      </c>
      <c r="J25" s="293">
        <v>485070</v>
      </c>
      <c r="K25" s="296">
        <v>2654675</v>
      </c>
      <c r="L25" s="297">
        <v>2654675</v>
      </c>
      <c r="M25" s="292">
        <v>0</v>
      </c>
      <c r="N25" s="293">
        <v>0</v>
      </c>
      <c r="O25" s="294">
        <v>0</v>
      </c>
      <c r="P25" s="298"/>
      <c r="Q25" s="293">
        <v>35495</v>
      </c>
      <c r="R25" s="293">
        <v>20897</v>
      </c>
      <c r="S25" s="293">
        <v>522753</v>
      </c>
      <c r="T25" s="293">
        <v>500695</v>
      </c>
      <c r="U25" s="293">
        <v>327985</v>
      </c>
      <c r="V25" s="296">
        <v>1407825</v>
      </c>
      <c r="W25" s="297">
        <v>1407825</v>
      </c>
      <c r="X25" s="292">
        <v>0</v>
      </c>
      <c r="Y25" s="293">
        <v>0</v>
      </c>
      <c r="Z25" s="294">
        <v>0</v>
      </c>
      <c r="AA25" s="298"/>
      <c r="AB25" s="293">
        <v>124600</v>
      </c>
      <c r="AC25" s="293">
        <v>226145</v>
      </c>
      <c r="AD25" s="293">
        <v>107520</v>
      </c>
      <c r="AE25" s="293">
        <v>362100</v>
      </c>
      <c r="AF25" s="293">
        <v>95650</v>
      </c>
      <c r="AG25" s="296">
        <v>916015</v>
      </c>
      <c r="AH25" s="297">
        <v>916015</v>
      </c>
      <c r="AI25" s="292">
        <v>0</v>
      </c>
      <c r="AJ25" s="293">
        <v>0</v>
      </c>
      <c r="AK25" s="294">
        <v>0</v>
      </c>
      <c r="AL25" s="298"/>
      <c r="AM25" s="293">
        <v>0</v>
      </c>
      <c r="AN25" s="293">
        <v>0</v>
      </c>
      <c r="AO25" s="293">
        <v>0</v>
      </c>
      <c r="AP25" s="293">
        <v>0</v>
      </c>
      <c r="AQ25" s="293">
        <v>0</v>
      </c>
      <c r="AR25" s="296">
        <v>0</v>
      </c>
      <c r="AS25" s="297">
        <v>0</v>
      </c>
      <c r="AT25" s="292">
        <v>0</v>
      </c>
      <c r="AU25" s="293">
        <v>0</v>
      </c>
      <c r="AV25" s="294">
        <v>0</v>
      </c>
      <c r="AW25" s="298"/>
      <c r="AX25" s="293">
        <v>0</v>
      </c>
      <c r="AY25" s="293">
        <v>0</v>
      </c>
      <c r="AZ25" s="293">
        <v>0</v>
      </c>
      <c r="BA25" s="293">
        <v>39800</v>
      </c>
      <c r="BB25" s="293">
        <v>49290</v>
      </c>
      <c r="BC25" s="296">
        <v>89090</v>
      </c>
      <c r="BD25" s="297">
        <v>89090</v>
      </c>
      <c r="BE25" s="292">
        <v>0</v>
      </c>
      <c r="BF25" s="293">
        <v>0</v>
      </c>
      <c r="BG25" s="294">
        <v>0</v>
      </c>
      <c r="BH25" s="298"/>
      <c r="BI25" s="293">
        <v>0</v>
      </c>
      <c r="BJ25" s="293">
        <v>0</v>
      </c>
      <c r="BK25" s="293">
        <v>0</v>
      </c>
      <c r="BL25" s="293">
        <v>100595</v>
      </c>
      <c r="BM25" s="293">
        <v>7650</v>
      </c>
      <c r="BN25" s="296">
        <v>108245</v>
      </c>
      <c r="BO25" s="297">
        <v>108245</v>
      </c>
      <c r="BP25" s="292">
        <v>0</v>
      </c>
      <c r="BQ25" s="293">
        <v>0</v>
      </c>
      <c r="BR25" s="294">
        <v>0</v>
      </c>
      <c r="BS25" s="295">
        <v>0</v>
      </c>
      <c r="BT25" s="293">
        <v>1730</v>
      </c>
      <c r="BU25" s="293">
        <v>42775</v>
      </c>
      <c r="BV25" s="293">
        <v>79090</v>
      </c>
      <c r="BW25" s="293">
        <v>2030</v>
      </c>
      <c r="BX25" s="293">
        <v>2900</v>
      </c>
      <c r="BY25" s="296">
        <v>128525</v>
      </c>
      <c r="BZ25" s="297">
        <v>128525</v>
      </c>
      <c r="CA25" s="292">
        <v>0</v>
      </c>
      <c r="CB25" s="293">
        <v>0</v>
      </c>
      <c r="CC25" s="294">
        <v>0</v>
      </c>
      <c r="CD25" s="295">
        <v>0</v>
      </c>
      <c r="CE25" s="293">
        <v>0</v>
      </c>
      <c r="CF25" s="293">
        <v>0</v>
      </c>
      <c r="CG25" s="293">
        <v>3380</v>
      </c>
      <c r="CH25" s="293">
        <v>0</v>
      </c>
      <c r="CI25" s="293">
        <v>1595</v>
      </c>
      <c r="CJ25" s="296">
        <v>4975</v>
      </c>
      <c r="CK25" s="297">
        <v>4975</v>
      </c>
      <c r="CL25" s="292">
        <v>0</v>
      </c>
      <c r="CM25" s="293">
        <v>0</v>
      </c>
      <c r="CN25" s="294">
        <v>0</v>
      </c>
      <c r="CO25" s="295">
        <v>0</v>
      </c>
      <c r="CP25" s="293">
        <v>0</v>
      </c>
      <c r="CQ25" s="293">
        <v>0</v>
      </c>
      <c r="CR25" s="293">
        <v>0</v>
      </c>
      <c r="CS25" s="293">
        <v>0</v>
      </c>
      <c r="CT25" s="293">
        <v>0</v>
      </c>
      <c r="CU25" s="296">
        <v>0</v>
      </c>
      <c r="CV25" s="297">
        <v>0</v>
      </c>
      <c r="CW25" s="292">
        <v>0</v>
      </c>
      <c r="CX25" s="293">
        <v>0</v>
      </c>
      <c r="CY25" s="294">
        <v>0</v>
      </c>
      <c r="CZ25" s="298"/>
      <c r="DA25" s="293">
        <v>0</v>
      </c>
      <c r="DB25" s="293">
        <v>0</v>
      </c>
      <c r="DC25" s="293">
        <v>0</v>
      </c>
      <c r="DD25" s="293">
        <v>0</v>
      </c>
      <c r="DE25" s="293">
        <v>0</v>
      </c>
      <c r="DF25" s="296">
        <v>0</v>
      </c>
      <c r="DG25" s="297">
        <v>0</v>
      </c>
      <c r="DH25" s="292">
        <v>0</v>
      </c>
      <c r="DI25" s="293">
        <v>0</v>
      </c>
      <c r="DJ25" s="294">
        <v>0</v>
      </c>
      <c r="DK25" s="295">
        <v>0</v>
      </c>
      <c r="DL25" s="293">
        <v>42840</v>
      </c>
      <c r="DM25" s="293">
        <v>87957</v>
      </c>
      <c r="DN25" s="293">
        <v>719441</v>
      </c>
      <c r="DO25" s="293">
        <v>966595</v>
      </c>
      <c r="DP25" s="293">
        <v>430666</v>
      </c>
      <c r="DQ25" s="296">
        <v>2247499</v>
      </c>
      <c r="DR25" s="299">
        <v>2247499</v>
      </c>
      <c r="DS25" s="292">
        <v>0</v>
      </c>
      <c r="DT25" s="293">
        <v>0</v>
      </c>
      <c r="DU25" s="294">
        <v>0</v>
      </c>
      <c r="DV25" s="298"/>
      <c r="DW25" s="293">
        <v>26505</v>
      </c>
      <c r="DX25" s="293">
        <v>9700</v>
      </c>
      <c r="DY25" s="293">
        <v>565178</v>
      </c>
      <c r="DZ25" s="293">
        <v>702015</v>
      </c>
      <c r="EA25" s="293">
        <v>337802</v>
      </c>
      <c r="EB25" s="296">
        <v>1641200</v>
      </c>
      <c r="EC25" s="297">
        <v>1641200</v>
      </c>
      <c r="ED25" s="292">
        <v>0</v>
      </c>
      <c r="EE25" s="293">
        <v>0</v>
      </c>
      <c r="EF25" s="294">
        <v>0</v>
      </c>
      <c r="EG25" s="298"/>
      <c r="EH25" s="293">
        <v>12951</v>
      </c>
      <c r="EI25" s="293">
        <v>49259</v>
      </c>
      <c r="EJ25" s="293">
        <v>23452</v>
      </c>
      <c r="EK25" s="293">
        <v>70885</v>
      </c>
      <c r="EL25" s="293">
        <v>12352</v>
      </c>
      <c r="EM25" s="296">
        <v>168899</v>
      </c>
      <c r="EN25" s="297">
        <v>168899</v>
      </c>
      <c r="EO25" s="292">
        <v>0</v>
      </c>
      <c r="EP25" s="293">
        <v>0</v>
      </c>
      <c r="EQ25" s="294">
        <v>0</v>
      </c>
      <c r="ER25" s="298"/>
      <c r="ES25" s="293">
        <v>0</v>
      </c>
      <c r="ET25" s="293">
        <v>0</v>
      </c>
      <c r="EU25" s="293">
        <v>0</v>
      </c>
      <c r="EV25" s="293">
        <v>0</v>
      </c>
      <c r="EW25" s="293">
        <v>0</v>
      </c>
      <c r="EX25" s="296">
        <v>0</v>
      </c>
      <c r="EY25" s="297">
        <v>0</v>
      </c>
      <c r="EZ25" s="292">
        <v>0</v>
      </c>
      <c r="FA25" s="293">
        <v>0</v>
      </c>
      <c r="FB25" s="294">
        <v>0</v>
      </c>
      <c r="FC25" s="298"/>
      <c r="FD25" s="293">
        <v>0</v>
      </c>
      <c r="FE25" s="293">
        <v>0</v>
      </c>
      <c r="FF25" s="293">
        <v>0</v>
      </c>
      <c r="FG25" s="293">
        <v>3325</v>
      </c>
      <c r="FH25" s="293">
        <v>11315</v>
      </c>
      <c r="FI25" s="296">
        <v>14640</v>
      </c>
      <c r="FJ25" s="297">
        <v>14640</v>
      </c>
      <c r="FK25" s="292">
        <v>0</v>
      </c>
      <c r="FL25" s="293">
        <v>0</v>
      </c>
      <c r="FM25" s="294">
        <v>0</v>
      </c>
      <c r="FN25" s="298"/>
      <c r="FO25" s="293">
        <v>0</v>
      </c>
      <c r="FP25" s="293">
        <v>0</v>
      </c>
      <c r="FQ25" s="293">
        <v>0</v>
      </c>
      <c r="FR25" s="293">
        <v>180110</v>
      </c>
      <c r="FS25" s="293">
        <v>62100</v>
      </c>
      <c r="FT25" s="296">
        <v>242210</v>
      </c>
      <c r="FU25" s="297">
        <v>242210</v>
      </c>
      <c r="FV25" s="292">
        <v>0</v>
      </c>
      <c r="FW25" s="293">
        <v>0</v>
      </c>
      <c r="FX25" s="294">
        <v>0</v>
      </c>
      <c r="FY25" s="295">
        <v>0</v>
      </c>
      <c r="FZ25" s="293">
        <v>3384</v>
      </c>
      <c r="GA25" s="293">
        <v>28998</v>
      </c>
      <c r="GB25" s="293">
        <v>127228</v>
      </c>
      <c r="GC25" s="293">
        <v>10260</v>
      </c>
      <c r="GD25" s="293">
        <v>7020</v>
      </c>
      <c r="GE25" s="296">
        <v>176890</v>
      </c>
      <c r="GF25" s="297">
        <v>176890</v>
      </c>
      <c r="GG25" s="292">
        <v>0</v>
      </c>
      <c r="GH25" s="293">
        <v>0</v>
      </c>
      <c r="GI25" s="294">
        <v>0</v>
      </c>
      <c r="GJ25" s="295">
        <v>0</v>
      </c>
      <c r="GK25" s="293">
        <v>0</v>
      </c>
      <c r="GL25" s="293">
        <v>0</v>
      </c>
      <c r="GM25" s="293">
        <v>3583</v>
      </c>
      <c r="GN25" s="293">
        <v>0</v>
      </c>
      <c r="GO25" s="293">
        <v>77</v>
      </c>
      <c r="GP25" s="296">
        <v>3660</v>
      </c>
      <c r="GQ25" s="297">
        <v>3660</v>
      </c>
      <c r="GR25" s="292">
        <v>0</v>
      </c>
      <c r="GS25" s="293">
        <v>0</v>
      </c>
      <c r="GT25" s="294">
        <v>0</v>
      </c>
      <c r="GU25" s="295">
        <v>0</v>
      </c>
      <c r="GV25" s="293">
        <v>0</v>
      </c>
      <c r="GW25" s="293">
        <v>0</v>
      </c>
      <c r="GX25" s="293">
        <v>0</v>
      </c>
      <c r="GY25" s="293">
        <v>0</v>
      </c>
      <c r="GZ25" s="293">
        <v>0</v>
      </c>
      <c r="HA25" s="296">
        <v>0</v>
      </c>
      <c r="HB25" s="297">
        <v>0</v>
      </c>
      <c r="HC25" s="292">
        <v>0</v>
      </c>
      <c r="HD25" s="293">
        <v>0</v>
      </c>
      <c r="HE25" s="294">
        <v>0</v>
      </c>
      <c r="HF25" s="298"/>
      <c r="HG25" s="293">
        <v>0</v>
      </c>
      <c r="HH25" s="293">
        <v>0</v>
      </c>
      <c r="HI25" s="293">
        <v>0</v>
      </c>
      <c r="HJ25" s="293">
        <v>0</v>
      </c>
      <c r="HK25" s="293">
        <v>0</v>
      </c>
      <c r="HL25" s="296">
        <v>0</v>
      </c>
      <c r="HM25" s="297">
        <v>0</v>
      </c>
      <c r="HN25" s="292">
        <v>0</v>
      </c>
      <c r="HO25" s="293">
        <v>0</v>
      </c>
      <c r="HP25" s="294">
        <v>0</v>
      </c>
      <c r="HQ25" s="295">
        <v>0</v>
      </c>
      <c r="HR25" s="293">
        <v>204665</v>
      </c>
      <c r="HS25" s="293">
        <v>377774</v>
      </c>
      <c r="HT25" s="293">
        <v>1432184</v>
      </c>
      <c r="HU25" s="293">
        <v>1971815</v>
      </c>
      <c r="HV25" s="293">
        <v>915736</v>
      </c>
      <c r="HW25" s="296">
        <v>4902174</v>
      </c>
      <c r="HX25" s="297">
        <v>4902174</v>
      </c>
    </row>
    <row r="26" spans="1:232" ht="21" customHeight="1" x14ac:dyDescent="0.2">
      <c r="A26" s="498" t="s">
        <v>23</v>
      </c>
      <c r="B26" s="292">
        <v>0</v>
      </c>
      <c r="C26" s="293">
        <v>0</v>
      </c>
      <c r="D26" s="294">
        <v>0</v>
      </c>
      <c r="E26" s="295">
        <v>0</v>
      </c>
      <c r="F26" s="293">
        <v>183380</v>
      </c>
      <c r="G26" s="293">
        <v>447345</v>
      </c>
      <c r="H26" s="293">
        <v>1214513</v>
      </c>
      <c r="I26" s="293">
        <v>1345080</v>
      </c>
      <c r="J26" s="293">
        <v>883450</v>
      </c>
      <c r="K26" s="296">
        <v>4073768</v>
      </c>
      <c r="L26" s="297">
        <v>4073768</v>
      </c>
      <c r="M26" s="292">
        <v>0</v>
      </c>
      <c r="N26" s="293">
        <v>0</v>
      </c>
      <c r="O26" s="294">
        <v>0</v>
      </c>
      <c r="P26" s="298"/>
      <c r="Q26" s="293">
        <v>57350</v>
      </c>
      <c r="R26" s="293">
        <v>141515</v>
      </c>
      <c r="S26" s="293">
        <v>899645</v>
      </c>
      <c r="T26" s="293">
        <v>1002787</v>
      </c>
      <c r="U26" s="293">
        <v>597660</v>
      </c>
      <c r="V26" s="296">
        <v>2698957</v>
      </c>
      <c r="W26" s="297">
        <v>2698957</v>
      </c>
      <c r="X26" s="292">
        <v>0</v>
      </c>
      <c r="Y26" s="293">
        <v>0</v>
      </c>
      <c r="Z26" s="294">
        <v>0</v>
      </c>
      <c r="AA26" s="298"/>
      <c r="AB26" s="293">
        <v>122335</v>
      </c>
      <c r="AC26" s="293">
        <v>223280</v>
      </c>
      <c r="AD26" s="293">
        <v>178935</v>
      </c>
      <c r="AE26" s="293">
        <v>277225</v>
      </c>
      <c r="AF26" s="293">
        <v>194985</v>
      </c>
      <c r="AG26" s="296">
        <v>996760</v>
      </c>
      <c r="AH26" s="297">
        <v>996760</v>
      </c>
      <c r="AI26" s="292">
        <v>0</v>
      </c>
      <c r="AJ26" s="293">
        <v>0</v>
      </c>
      <c r="AK26" s="294">
        <v>0</v>
      </c>
      <c r="AL26" s="298"/>
      <c r="AM26" s="293">
        <v>0</v>
      </c>
      <c r="AN26" s="293">
        <v>0</v>
      </c>
      <c r="AO26" s="293">
        <v>0</v>
      </c>
      <c r="AP26" s="293">
        <v>0</v>
      </c>
      <c r="AQ26" s="293">
        <v>24645</v>
      </c>
      <c r="AR26" s="296">
        <v>24645</v>
      </c>
      <c r="AS26" s="297">
        <v>24645</v>
      </c>
      <c r="AT26" s="292">
        <v>0</v>
      </c>
      <c r="AU26" s="293">
        <v>0</v>
      </c>
      <c r="AV26" s="294">
        <v>0</v>
      </c>
      <c r="AW26" s="298"/>
      <c r="AX26" s="293">
        <v>0</v>
      </c>
      <c r="AY26" s="293">
        <v>0</v>
      </c>
      <c r="AZ26" s="293">
        <v>0</v>
      </c>
      <c r="BA26" s="293">
        <v>24645</v>
      </c>
      <c r="BB26" s="293">
        <v>49910</v>
      </c>
      <c r="BC26" s="296">
        <v>74555</v>
      </c>
      <c r="BD26" s="297">
        <v>74555</v>
      </c>
      <c r="BE26" s="292">
        <v>0</v>
      </c>
      <c r="BF26" s="293">
        <v>0</v>
      </c>
      <c r="BG26" s="294">
        <v>0</v>
      </c>
      <c r="BH26" s="298"/>
      <c r="BI26" s="293">
        <v>0</v>
      </c>
      <c r="BJ26" s="293">
        <v>0</v>
      </c>
      <c r="BK26" s="293">
        <v>0</v>
      </c>
      <c r="BL26" s="293">
        <v>0</v>
      </c>
      <c r="BM26" s="293">
        <v>0</v>
      </c>
      <c r="BN26" s="296">
        <v>0</v>
      </c>
      <c r="BO26" s="297">
        <v>0</v>
      </c>
      <c r="BP26" s="292">
        <v>0</v>
      </c>
      <c r="BQ26" s="293">
        <v>0</v>
      </c>
      <c r="BR26" s="294">
        <v>0</v>
      </c>
      <c r="BS26" s="295">
        <v>0</v>
      </c>
      <c r="BT26" s="293">
        <v>2680</v>
      </c>
      <c r="BU26" s="293">
        <v>82550</v>
      </c>
      <c r="BV26" s="293">
        <v>135933</v>
      </c>
      <c r="BW26" s="293">
        <v>40423</v>
      </c>
      <c r="BX26" s="293">
        <v>16250</v>
      </c>
      <c r="BY26" s="296">
        <v>277836</v>
      </c>
      <c r="BZ26" s="297">
        <v>277836</v>
      </c>
      <c r="CA26" s="292">
        <v>0</v>
      </c>
      <c r="CB26" s="293">
        <v>0</v>
      </c>
      <c r="CC26" s="294">
        <v>0</v>
      </c>
      <c r="CD26" s="295">
        <v>0</v>
      </c>
      <c r="CE26" s="293">
        <v>1015</v>
      </c>
      <c r="CF26" s="293">
        <v>0</v>
      </c>
      <c r="CG26" s="293">
        <v>0</v>
      </c>
      <c r="CH26" s="293">
        <v>0</v>
      </c>
      <c r="CI26" s="293">
        <v>0</v>
      </c>
      <c r="CJ26" s="296">
        <v>1015</v>
      </c>
      <c r="CK26" s="297">
        <v>1015</v>
      </c>
      <c r="CL26" s="292">
        <v>0</v>
      </c>
      <c r="CM26" s="293">
        <v>0</v>
      </c>
      <c r="CN26" s="294">
        <v>0</v>
      </c>
      <c r="CO26" s="295">
        <v>0</v>
      </c>
      <c r="CP26" s="293">
        <v>0</v>
      </c>
      <c r="CQ26" s="293">
        <v>0</v>
      </c>
      <c r="CR26" s="293">
        <v>0</v>
      </c>
      <c r="CS26" s="293">
        <v>0</v>
      </c>
      <c r="CT26" s="293">
        <v>0</v>
      </c>
      <c r="CU26" s="296">
        <v>0</v>
      </c>
      <c r="CV26" s="297">
        <v>0</v>
      </c>
      <c r="CW26" s="292">
        <v>0</v>
      </c>
      <c r="CX26" s="293">
        <v>0</v>
      </c>
      <c r="CY26" s="294">
        <v>0</v>
      </c>
      <c r="CZ26" s="298"/>
      <c r="DA26" s="293">
        <v>0</v>
      </c>
      <c r="DB26" s="293">
        <v>0</v>
      </c>
      <c r="DC26" s="293">
        <v>0</v>
      </c>
      <c r="DD26" s="293">
        <v>0</v>
      </c>
      <c r="DE26" s="293">
        <v>0</v>
      </c>
      <c r="DF26" s="296">
        <v>0</v>
      </c>
      <c r="DG26" s="297">
        <v>0</v>
      </c>
      <c r="DH26" s="292">
        <v>0</v>
      </c>
      <c r="DI26" s="293">
        <v>0</v>
      </c>
      <c r="DJ26" s="294">
        <v>0</v>
      </c>
      <c r="DK26" s="295">
        <v>0</v>
      </c>
      <c r="DL26" s="293">
        <v>51492</v>
      </c>
      <c r="DM26" s="293">
        <v>281208</v>
      </c>
      <c r="DN26" s="293">
        <v>1101239</v>
      </c>
      <c r="DO26" s="293">
        <v>1284724</v>
      </c>
      <c r="DP26" s="293">
        <v>672960</v>
      </c>
      <c r="DQ26" s="296">
        <v>3391623</v>
      </c>
      <c r="DR26" s="299">
        <v>3391623</v>
      </c>
      <c r="DS26" s="292">
        <v>0</v>
      </c>
      <c r="DT26" s="293">
        <v>0</v>
      </c>
      <c r="DU26" s="294">
        <v>0</v>
      </c>
      <c r="DV26" s="298"/>
      <c r="DW26" s="293">
        <v>33046</v>
      </c>
      <c r="DX26" s="293">
        <v>116684</v>
      </c>
      <c r="DY26" s="293">
        <v>955355</v>
      </c>
      <c r="DZ26" s="293">
        <v>1160594</v>
      </c>
      <c r="EA26" s="293">
        <v>608572</v>
      </c>
      <c r="EB26" s="296">
        <v>2874251</v>
      </c>
      <c r="EC26" s="297">
        <v>2874251</v>
      </c>
      <c r="ED26" s="292">
        <v>0</v>
      </c>
      <c r="EE26" s="293">
        <v>0</v>
      </c>
      <c r="EF26" s="294">
        <v>0</v>
      </c>
      <c r="EG26" s="298"/>
      <c r="EH26" s="293">
        <v>12744</v>
      </c>
      <c r="EI26" s="293">
        <v>50606</v>
      </c>
      <c r="EJ26" s="293">
        <v>1890</v>
      </c>
      <c r="EK26" s="293">
        <v>16258</v>
      </c>
      <c r="EL26" s="293">
        <v>39153</v>
      </c>
      <c r="EM26" s="296">
        <v>120651</v>
      </c>
      <c r="EN26" s="297">
        <v>120651</v>
      </c>
      <c r="EO26" s="292">
        <v>0</v>
      </c>
      <c r="EP26" s="293">
        <v>0</v>
      </c>
      <c r="EQ26" s="294">
        <v>0</v>
      </c>
      <c r="ER26" s="298"/>
      <c r="ES26" s="293">
        <v>0</v>
      </c>
      <c r="ET26" s="293">
        <v>0</v>
      </c>
      <c r="EU26" s="293">
        <v>0</v>
      </c>
      <c r="EV26" s="293">
        <v>0</v>
      </c>
      <c r="EW26" s="293">
        <v>0</v>
      </c>
      <c r="EX26" s="296">
        <v>0</v>
      </c>
      <c r="EY26" s="297">
        <v>0</v>
      </c>
      <c r="EZ26" s="292">
        <v>0</v>
      </c>
      <c r="FA26" s="293">
        <v>0</v>
      </c>
      <c r="FB26" s="294">
        <v>0</v>
      </c>
      <c r="FC26" s="298"/>
      <c r="FD26" s="293">
        <v>0</v>
      </c>
      <c r="FE26" s="293">
        <v>0</v>
      </c>
      <c r="FF26" s="293">
        <v>0</v>
      </c>
      <c r="FG26" s="293">
        <v>217</v>
      </c>
      <c r="FH26" s="293">
        <v>11315</v>
      </c>
      <c r="FI26" s="296">
        <v>11532</v>
      </c>
      <c r="FJ26" s="297">
        <v>11532</v>
      </c>
      <c r="FK26" s="292">
        <v>0</v>
      </c>
      <c r="FL26" s="293">
        <v>0</v>
      </c>
      <c r="FM26" s="294">
        <v>0</v>
      </c>
      <c r="FN26" s="298"/>
      <c r="FO26" s="293">
        <v>0</v>
      </c>
      <c r="FP26" s="293">
        <v>0</v>
      </c>
      <c r="FQ26" s="293">
        <v>0</v>
      </c>
      <c r="FR26" s="293">
        <v>0</v>
      </c>
      <c r="FS26" s="293">
        <v>0</v>
      </c>
      <c r="FT26" s="296">
        <v>0</v>
      </c>
      <c r="FU26" s="297">
        <v>0</v>
      </c>
      <c r="FV26" s="292">
        <v>0</v>
      </c>
      <c r="FW26" s="293">
        <v>0</v>
      </c>
      <c r="FX26" s="294">
        <v>0</v>
      </c>
      <c r="FY26" s="295">
        <v>0</v>
      </c>
      <c r="FZ26" s="293">
        <v>5646</v>
      </c>
      <c r="GA26" s="293">
        <v>113918</v>
      </c>
      <c r="GB26" s="293">
        <v>143994</v>
      </c>
      <c r="GC26" s="293">
        <v>107655</v>
      </c>
      <c r="GD26" s="293">
        <v>13920</v>
      </c>
      <c r="GE26" s="296">
        <v>385133</v>
      </c>
      <c r="GF26" s="297">
        <v>385133</v>
      </c>
      <c r="GG26" s="292">
        <v>0</v>
      </c>
      <c r="GH26" s="293">
        <v>0</v>
      </c>
      <c r="GI26" s="294">
        <v>0</v>
      </c>
      <c r="GJ26" s="295">
        <v>0</v>
      </c>
      <c r="GK26" s="293">
        <v>56</v>
      </c>
      <c r="GL26" s="293">
        <v>0</v>
      </c>
      <c r="GM26" s="293">
        <v>0</v>
      </c>
      <c r="GN26" s="293">
        <v>0</v>
      </c>
      <c r="GO26" s="293">
        <v>0</v>
      </c>
      <c r="GP26" s="296">
        <v>56</v>
      </c>
      <c r="GQ26" s="297">
        <v>56</v>
      </c>
      <c r="GR26" s="292">
        <v>0</v>
      </c>
      <c r="GS26" s="293">
        <v>0</v>
      </c>
      <c r="GT26" s="294">
        <v>0</v>
      </c>
      <c r="GU26" s="295">
        <v>0</v>
      </c>
      <c r="GV26" s="293">
        <v>0</v>
      </c>
      <c r="GW26" s="293">
        <v>0</v>
      </c>
      <c r="GX26" s="293">
        <v>0</v>
      </c>
      <c r="GY26" s="293">
        <v>0</v>
      </c>
      <c r="GZ26" s="293">
        <v>0</v>
      </c>
      <c r="HA26" s="296">
        <v>0</v>
      </c>
      <c r="HB26" s="297">
        <v>0</v>
      </c>
      <c r="HC26" s="292">
        <v>0</v>
      </c>
      <c r="HD26" s="293">
        <v>0</v>
      </c>
      <c r="HE26" s="294">
        <v>0</v>
      </c>
      <c r="HF26" s="298"/>
      <c r="HG26" s="293">
        <v>0</v>
      </c>
      <c r="HH26" s="293">
        <v>0</v>
      </c>
      <c r="HI26" s="293">
        <v>0</v>
      </c>
      <c r="HJ26" s="293">
        <v>0</v>
      </c>
      <c r="HK26" s="293">
        <v>0</v>
      </c>
      <c r="HL26" s="296">
        <v>0</v>
      </c>
      <c r="HM26" s="297">
        <v>0</v>
      </c>
      <c r="HN26" s="292">
        <v>0</v>
      </c>
      <c r="HO26" s="293">
        <v>0</v>
      </c>
      <c r="HP26" s="294">
        <v>0</v>
      </c>
      <c r="HQ26" s="295">
        <v>0</v>
      </c>
      <c r="HR26" s="293">
        <v>234872</v>
      </c>
      <c r="HS26" s="293">
        <v>728553</v>
      </c>
      <c r="HT26" s="293">
        <v>2315752</v>
      </c>
      <c r="HU26" s="293">
        <v>2629804</v>
      </c>
      <c r="HV26" s="293">
        <v>1556410</v>
      </c>
      <c r="HW26" s="296">
        <v>7465391</v>
      </c>
      <c r="HX26" s="297">
        <v>7465391</v>
      </c>
    </row>
    <row r="27" spans="1:232" ht="21" customHeight="1" x14ac:dyDescent="0.2">
      <c r="A27" s="498" t="s">
        <v>24</v>
      </c>
      <c r="B27" s="292">
        <v>0</v>
      </c>
      <c r="C27" s="293">
        <v>0</v>
      </c>
      <c r="D27" s="294">
        <v>0</v>
      </c>
      <c r="E27" s="295">
        <v>0</v>
      </c>
      <c r="F27" s="293">
        <v>62120</v>
      </c>
      <c r="G27" s="293">
        <v>6175</v>
      </c>
      <c r="H27" s="293">
        <v>290990</v>
      </c>
      <c r="I27" s="293">
        <v>775170</v>
      </c>
      <c r="J27" s="293">
        <v>363825</v>
      </c>
      <c r="K27" s="296">
        <v>1498280</v>
      </c>
      <c r="L27" s="297">
        <v>1498280</v>
      </c>
      <c r="M27" s="292">
        <v>0</v>
      </c>
      <c r="N27" s="293">
        <v>0</v>
      </c>
      <c r="O27" s="294">
        <v>0</v>
      </c>
      <c r="P27" s="298"/>
      <c r="Q27" s="293">
        <v>0</v>
      </c>
      <c r="R27" s="293">
        <v>0</v>
      </c>
      <c r="S27" s="293">
        <v>239320</v>
      </c>
      <c r="T27" s="293">
        <v>592815</v>
      </c>
      <c r="U27" s="293">
        <v>208940</v>
      </c>
      <c r="V27" s="296">
        <v>1041075</v>
      </c>
      <c r="W27" s="297">
        <v>1041075</v>
      </c>
      <c r="X27" s="292">
        <v>0</v>
      </c>
      <c r="Y27" s="293">
        <v>0</v>
      </c>
      <c r="Z27" s="294">
        <v>0</v>
      </c>
      <c r="AA27" s="298"/>
      <c r="AB27" s="293">
        <v>59985</v>
      </c>
      <c r="AC27" s="293">
        <v>2635</v>
      </c>
      <c r="AD27" s="293">
        <v>17170</v>
      </c>
      <c r="AE27" s="293">
        <v>142125</v>
      </c>
      <c r="AF27" s="293">
        <v>143030</v>
      </c>
      <c r="AG27" s="296">
        <v>364945</v>
      </c>
      <c r="AH27" s="297">
        <v>364945</v>
      </c>
      <c r="AI27" s="292">
        <v>0</v>
      </c>
      <c r="AJ27" s="293">
        <v>0</v>
      </c>
      <c r="AK27" s="294">
        <v>0</v>
      </c>
      <c r="AL27" s="298"/>
      <c r="AM27" s="293">
        <v>0</v>
      </c>
      <c r="AN27" s="293">
        <v>0</v>
      </c>
      <c r="AO27" s="293">
        <v>0</v>
      </c>
      <c r="AP27" s="293">
        <v>0</v>
      </c>
      <c r="AQ27" s="293">
        <v>0</v>
      </c>
      <c r="AR27" s="296">
        <v>0</v>
      </c>
      <c r="AS27" s="297">
        <v>0</v>
      </c>
      <c r="AT27" s="292">
        <v>0</v>
      </c>
      <c r="AU27" s="293">
        <v>0</v>
      </c>
      <c r="AV27" s="294">
        <v>0</v>
      </c>
      <c r="AW27" s="298"/>
      <c r="AX27" s="293">
        <v>0</v>
      </c>
      <c r="AY27" s="293">
        <v>0</v>
      </c>
      <c r="AZ27" s="293">
        <v>0</v>
      </c>
      <c r="BA27" s="293">
        <v>0</v>
      </c>
      <c r="BB27" s="293">
        <v>0</v>
      </c>
      <c r="BC27" s="296">
        <v>0</v>
      </c>
      <c r="BD27" s="297">
        <v>0</v>
      </c>
      <c r="BE27" s="292">
        <v>0</v>
      </c>
      <c r="BF27" s="293">
        <v>0</v>
      </c>
      <c r="BG27" s="294">
        <v>0</v>
      </c>
      <c r="BH27" s="298"/>
      <c r="BI27" s="293">
        <v>0</v>
      </c>
      <c r="BJ27" s="293">
        <v>0</v>
      </c>
      <c r="BK27" s="293">
        <v>0</v>
      </c>
      <c r="BL27" s="293">
        <v>0</v>
      </c>
      <c r="BM27" s="293">
        <v>0</v>
      </c>
      <c r="BN27" s="296">
        <v>0</v>
      </c>
      <c r="BO27" s="297">
        <v>0</v>
      </c>
      <c r="BP27" s="292">
        <v>0</v>
      </c>
      <c r="BQ27" s="293">
        <v>0</v>
      </c>
      <c r="BR27" s="294">
        <v>0</v>
      </c>
      <c r="BS27" s="295">
        <v>0</v>
      </c>
      <c r="BT27" s="293">
        <v>1435</v>
      </c>
      <c r="BU27" s="293">
        <v>3540</v>
      </c>
      <c r="BV27" s="293">
        <v>31520</v>
      </c>
      <c r="BW27" s="293">
        <v>40230</v>
      </c>
      <c r="BX27" s="293">
        <v>580</v>
      </c>
      <c r="BY27" s="296">
        <v>77305</v>
      </c>
      <c r="BZ27" s="297">
        <v>77305</v>
      </c>
      <c r="CA27" s="292">
        <v>0</v>
      </c>
      <c r="CB27" s="293">
        <v>0</v>
      </c>
      <c r="CC27" s="294">
        <v>0</v>
      </c>
      <c r="CD27" s="295">
        <v>0</v>
      </c>
      <c r="CE27" s="293">
        <v>700</v>
      </c>
      <c r="CF27" s="293">
        <v>0</v>
      </c>
      <c r="CG27" s="293">
        <v>2980</v>
      </c>
      <c r="CH27" s="293">
        <v>0</v>
      </c>
      <c r="CI27" s="293">
        <v>11275</v>
      </c>
      <c r="CJ27" s="296">
        <v>14955</v>
      </c>
      <c r="CK27" s="297">
        <v>14955</v>
      </c>
      <c r="CL27" s="292">
        <v>0</v>
      </c>
      <c r="CM27" s="293">
        <v>0</v>
      </c>
      <c r="CN27" s="294">
        <v>0</v>
      </c>
      <c r="CO27" s="295">
        <v>0</v>
      </c>
      <c r="CP27" s="293">
        <v>0</v>
      </c>
      <c r="CQ27" s="293">
        <v>0</v>
      </c>
      <c r="CR27" s="293">
        <v>0</v>
      </c>
      <c r="CS27" s="293">
        <v>0</v>
      </c>
      <c r="CT27" s="293">
        <v>0</v>
      </c>
      <c r="CU27" s="296">
        <v>0</v>
      </c>
      <c r="CV27" s="297">
        <v>0</v>
      </c>
      <c r="CW27" s="292">
        <v>0</v>
      </c>
      <c r="CX27" s="293">
        <v>0</v>
      </c>
      <c r="CY27" s="294">
        <v>0</v>
      </c>
      <c r="CZ27" s="298"/>
      <c r="DA27" s="293">
        <v>0</v>
      </c>
      <c r="DB27" s="293">
        <v>0</v>
      </c>
      <c r="DC27" s="293">
        <v>0</v>
      </c>
      <c r="DD27" s="293">
        <v>0</v>
      </c>
      <c r="DE27" s="293">
        <v>0</v>
      </c>
      <c r="DF27" s="296">
        <v>0</v>
      </c>
      <c r="DG27" s="297">
        <v>0</v>
      </c>
      <c r="DH27" s="292">
        <v>0</v>
      </c>
      <c r="DI27" s="293">
        <v>0</v>
      </c>
      <c r="DJ27" s="294">
        <v>0</v>
      </c>
      <c r="DK27" s="295">
        <v>0</v>
      </c>
      <c r="DL27" s="293">
        <v>4561</v>
      </c>
      <c r="DM27" s="293">
        <v>3972</v>
      </c>
      <c r="DN27" s="293">
        <v>401595</v>
      </c>
      <c r="DO27" s="293">
        <v>778695</v>
      </c>
      <c r="DP27" s="293">
        <v>450278</v>
      </c>
      <c r="DQ27" s="296">
        <v>1639101</v>
      </c>
      <c r="DR27" s="299">
        <v>1639101</v>
      </c>
      <c r="DS27" s="292">
        <v>0</v>
      </c>
      <c r="DT27" s="293">
        <v>0</v>
      </c>
      <c r="DU27" s="294">
        <v>0</v>
      </c>
      <c r="DV27" s="298"/>
      <c r="DW27" s="293">
        <v>0</v>
      </c>
      <c r="DX27" s="293">
        <v>0</v>
      </c>
      <c r="DY27" s="293">
        <v>297693</v>
      </c>
      <c r="DZ27" s="293">
        <v>712969</v>
      </c>
      <c r="EA27" s="293">
        <v>423677</v>
      </c>
      <c r="EB27" s="296">
        <v>1434339</v>
      </c>
      <c r="EC27" s="297">
        <v>1434339</v>
      </c>
      <c r="ED27" s="292">
        <v>0</v>
      </c>
      <c r="EE27" s="293">
        <v>0</v>
      </c>
      <c r="EF27" s="294">
        <v>0</v>
      </c>
      <c r="EG27" s="298"/>
      <c r="EH27" s="293">
        <v>651</v>
      </c>
      <c r="EI27" s="293">
        <v>217</v>
      </c>
      <c r="EJ27" s="293">
        <v>44139</v>
      </c>
      <c r="EK27" s="293">
        <v>35104</v>
      </c>
      <c r="EL27" s="293">
        <v>24403</v>
      </c>
      <c r="EM27" s="296">
        <v>104514</v>
      </c>
      <c r="EN27" s="297">
        <v>104514</v>
      </c>
      <c r="EO27" s="292">
        <v>0</v>
      </c>
      <c r="EP27" s="293">
        <v>0</v>
      </c>
      <c r="EQ27" s="294">
        <v>0</v>
      </c>
      <c r="ER27" s="298"/>
      <c r="ES27" s="293">
        <v>0</v>
      </c>
      <c r="ET27" s="293">
        <v>0</v>
      </c>
      <c r="EU27" s="293">
        <v>0</v>
      </c>
      <c r="EV27" s="293">
        <v>0</v>
      </c>
      <c r="EW27" s="293">
        <v>0</v>
      </c>
      <c r="EX27" s="296">
        <v>0</v>
      </c>
      <c r="EY27" s="297">
        <v>0</v>
      </c>
      <c r="EZ27" s="292">
        <v>0</v>
      </c>
      <c r="FA27" s="293">
        <v>0</v>
      </c>
      <c r="FB27" s="294">
        <v>0</v>
      </c>
      <c r="FC27" s="298"/>
      <c r="FD27" s="293">
        <v>0</v>
      </c>
      <c r="FE27" s="293">
        <v>0</v>
      </c>
      <c r="FF27" s="293">
        <v>0</v>
      </c>
      <c r="FG27" s="293">
        <v>0</v>
      </c>
      <c r="FH27" s="293">
        <v>0</v>
      </c>
      <c r="FI27" s="296">
        <v>0</v>
      </c>
      <c r="FJ27" s="297">
        <v>0</v>
      </c>
      <c r="FK27" s="292">
        <v>0</v>
      </c>
      <c r="FL27" s="293">
        <v>0</v>
      </c>
      <c r="FM27" s="294">
        <v>0</v>
      </c>
      <c r="FN27" s="298"/>
      <c r="FO27" s="293">
        <v>0</v>
      </c>
      <c r="FP27" s="293">
        <v>0</v>
      </c>
      <c r="FQ27" s="293">
        <v>0</v>
      </c>
      <c r="FR27" s="293">
        <v>0</v>
      </c>
      <c r="FS27" s="293">
        <v>0</v>
      </c>
      <c r="FT27" s="296">
        <v>0</v>
      </c>
      <c r="FU27" s="297">
        <v>0</v>
      </c>
      <c r="FV27" s="292">
        <v>0</v>
      </c>
      <c r="FW27" s="293">
        <v>0</v>
      </c>
      <c r="FX27" s="294">
        <v>0</v>
      </c>
      <c r="FY27" s="295">
        <v>0</v>
      </c>
      <c r="FZ27" s="293">
        <v>3861</v>
      </c>
      <c r="GA27" s="293">
        <v>3755</v>
      </c>
      <c r="GB27" s="293">
        <v>59707</v>
      </c>
      <c r="GC27" s="293">
        <v>30622</v>
      </c>
      <c r="GD27" s="293">
        <v>2100</v>
      </c>
      <c r="GE27" s="296">
        <v>100045</v>
      </c>
      <c r="GF27" s="297">
        <v>100045</v>
      </c>
      <c r="GG27" s="292">
        <v>0</v>
      </c>
      <c r="GH27" s="293">
        <v>0</v>
      </c>
      <c r="GI27" s="294">
        <v>0</v>
      </c>
      <c r="GJ27" s="295">
        <v>0</v>
      </c>
      <c r="GK27" s="293">
        <v>49</v>
      </c>
      <c r="GL27" s="293">
        <v>0</v>
      </c>
      <c r="GM27" s="293">
        <v>56</v>
      </c>
      <c r="GN27" s="293">
        <v>0</v>
      </c>
      <c r="GO27" s="293">
        <v>98</v>
      </c>
      <c r="GP27" s="296">
        <v>203</v>
      </c>
      <c r="GQ27" s="297">
        <v>203</v>
      </c>
      <c r="GR27" s="292">
        <v>0</v>
      </c>
      <c r="GS27" s="293">
        <v>0</v>
      </c>
      <c r="GT27" s="294">
        <v>0</v>
      </c>
      <c r="GU27" s="295">
        <v>0</v>
      </c>
      <c r="GV27" s="293">
        <v>0</v>
      </c>
      <c r="GW27" s="293">
        <v>0</v>
      </c>
      <c r="GX27" s="293">
        <v>0</v>
      </c>
      <c r="GY27" s="293">
        <v>0</v>
      </c>
      <c r="GZ27" s="293">
        <v>0</v>
      </c>
      <c r="HA27" s="296">
        <v>0</v>
      </c>
      <c r="HB27" s="297">
        <v>0</v>
      </c>
      <c r="HC27" s="292">
        <v>0</v>
      </c>
      <c r="HD27" s="293">
        <v>0</v>
      </c>
      <c r="HE27" s="294">
        <v>0</v>
      </c>
      <c r="HF27" s="298"/>
      <c r="HG27" s="293">
        <v>0</v>
      </c>
      <c r="HH27" s="293">
        <v>0</v>
      </c>
      <c r="HI27" s="293">
        <v>0</v>
      </c>
      <c r="HJ27" s="293">
        <v>0</v>
      </c>
      <c r="HK27" s="293">
        <v>0</v>
      </c>
      <c r="HL27" s="296">
        <v>0</v>
      </c>
      <c r="HM27" s="297">
        <v>0</v>
      </c>
      <c r="HN27" s="292">
        <v>0</v>
      </c>
      <c r="HO27" s="293">
        <v>0</v>
      </c>
      <c r="HP27" s="294">
        <v>0</v>
      </c>
      <c r="HQ27" s="295">
        <v>0</v>
      </c>
      <c r="HR27" s="293">
        <v>66681</v>
      </c>
      <c r="HS27" s="293">
        <v>10147</v>
      </c>
      <c r="HT27" s="293">
        <v>692585</v>
      </c>
      <c r="HU27" s="293">
        <v>1553865</v>
      </c>
      <c r="HV27" s="293">
        <v>814103</v>
      </c>
      <c r="HW27" s="296">
        <v>3137381</v>
      </c>
      <c r="HX27" s="297">
        <v>3137381</v>
      </c>
    </row>
    <row r="28" spans="1:232" ht="21" customHeight="1" x14ac:dyDescent="0.2">
      <c r="A28" s="498" t="s">
        <v>25</v>
      </c>
      <c r="B28" s="292">
        <v>0</v>
      </c>
      <c r="C28" s="293">
        <v>30</v>
      </c>
      <c r="D28" s="294">
        <v>30</v>
      </c>
      <c r="E28" s="295">
        <v>0</v>
      </c>
      <c r="F28" s="293">
        <v>52585</v>
      </c>
      <c r="G28" s="293">
        <v>160611</v>
      </c>
      <c r="H28" s="293">
        <v>517928</v>
      </c>
      <c r="I28" s="293">
        <v>676028</v>
      </c>
      <c r="J28" s="293">
        <v>632830</v>
      </c>
      <c r="K28" s="296">
        <v>2039982</v>
      </c>
      <c r="L28" s="297">
        <v>2040012</v>
      </c>
      <c r="M28" s="292">
        <v>0</v>
      </c>
      <c r="N28" s="293">
        <v>0</v>
      </c>
      <c r="O28" s="294">
        <v>0</v>
      </c>
      <c r="P28" s="298"/>
      <c r="Q28" s="293">
        <v>2465</v>
      </c>
      <c r="R28" s="293">
        <v>7905</v>
      </c>
      <c r="S28" s="293">
        <v>409845</v>
      </c>
      <c r="T28" s="293">
        <v>449805</v>
      </c>
      <c r="U28" s="293">
        <v>526240</v>
      </c>
      <c r="V28" s="296">
        <v>1396260</v>
      </c>
      <c r="W28" s="297">
        <v>1396260</v>
      </c>
      <c r="X28" s="292">
        <v>0</v>
      </c>
      <c r="Y28" s="293">
        <v>0</v>
      </c>
      <c r="Z28" s="294">
        <v>0</v>
      </c>
      <c r="AA28" s="298"/>
      <c r="AB28" s="293">
        <v>35340</v>
      </c>
      <c r="AC28" s="293">
        <v>139035</v>
      </c>
      <c r="AD28" s="293">
        <v>40470</v>
      </c>
      <c r="AE28" s="293">
        <v>166005</v>
      </c>
      <c r="AF28" s="293">
        <v>68045</v>
      </c>
      <c r="AG28" s="296">
        <v>448895</v>
      </c>
      <c r="AH28" s="297">
        <v>448895</v>
      </c>
      <c r="AI28" s="292">
        <v>0</v>
      </c>
      <c r="AJ28" s="293">
        <v>0</v>
      </c>
      <c r="AK28" s="294">
        <v>0</v>
      </c>
      <c r="AL28" s="298"/>
      <c r="AM28" s="293">
        <v>0</v>
      </c>
      <c r="AN28" s="293">
        <v>0</v>
      </c>
      <c r="AO28" s="293">
        <v>0</v>
      </c>
      <c r="AP28" s="293">
        <v>0</v>
      </c>
      <c r="AQ28" s="293">
        <v>0</v>
      </c>
      <c r="AR28" s="296">
        <v>0</v>
      </c>
      <c r="AS28" s="297">
        <v>0</v>
      </c>
      <c r="AT28" s="292">
        <v>0</v>
      </c>
      <c r="AU28" s="293">
        <v>0</v>
      </c>
      <c r="AV28" s="294">
        <v>0</v>
      </c>
      <c r="AW28" s="298"/>
      <c r="AX28" s="293">
        <v>0</v>
      </c>
      <c r="AY28" s="293">
        <v>0</v>
      </c>
      <c r="AZ28" s="293">
        <v>0</v>
      </c>
      <c r="BA28" s="293">
        <v>0</v>
      </c>
      <c r="BB28" s="293">
        <v>32705</v>
      </c>
      <c r="BC28" s="296">
        <v>32705</v>
      </c>
      <c r="BD28" s="297">
        <v>32705</v>
      </c>
      <c r="BE28" s="292">
        <v>0</v>
      </c>
      <c r="BF28" s="293">
        <v>0</v>
      </c>
      <c r="BG28" s="294">
        <v>0</v>
      </c>
      <c r="BH28" s="298"/>
      <c r="BI28" s="293">
        <v>0</v>
      </c>
      <c r="BJ28" s="293">
        <v>0</v>
      </c>
      <c r="BK28" s="293">
        <v>0</v>
      </c>
      <c r="BL28" s="293">
        <v>0</v>
      </c>
      <c r="BM28" s="293">
        <v>0</v>
      </c>
      <c r="BN28" s="296">
        <v>0</v>
      </c>
      <c r="BO28" s="297">
        <v>0</v>
      </c>
      <c r="BP28" s="292">
        <v>0</v>
      </c>
      <c r="BQ28" s="293">
        <v>30</v>
      </c>
      <c r="BR28" s="294">
        <v>30</v>
      </c>
      <c r="BS28" s="295">
        <v>0</v>
      </c>
      <c r="BT28" s="293">
        <v>14780</v>
      </c>
      <c r="BU28" s="293">
        <v>9826</v>
      </c>
      <c r="BV28" s="293">
        <v>67168</v>
      </c>
      <c r="BW28" s="293">
        <v>60218</v>
      </c>
      <c r="BX28" s="293">
        <v>5840</v>
      </c>
      <c r="BY28" s="296">
        <v>157832</v>
      </c>
      <c r="BZ28" s="297">
        <v>157862</v>
      </c>
      <c r="CA28" s="292">
        <v>0</v>
      </c>
      <c r="CB28" s="293">
        <v>0</v>
      </c>
      <c r="CC28" s="294">
        <v>0</v>
      </c>
      <c r="CD28" s="295">
        <v>0</v>
      </c>
      <c r="CE28" s="293">
        <v>0</v>
      </c>
      <c r="CF28" s="293">
        <v>3845</v>
      </c>
      <c r="CG28" s="293">
        <v>445</v>
      </c>
      <c r="CH28" s="293">
        <v>0</v>
      </c>
      <c r="CI28" s="293">
        <v>0</v>
      </c>
      <c r="CJ28" s="296">
        <v>4290</v>
      </c>
      <c r="CK28" s="297">
        <v>4290</v>
      </c>
      <c r="CL28" s="292">
        <v>0</v>
      </c>
      <c r="CM28" s="293">
        <v>0</v>
      </c>
      <c r="CN28" s="294">
        <v>0</v>
      </c>
      <c r="CO28" s="295">
        <v>0</v>
      </c>
      <c r="CP28" s="293">
        <v>0</v>
      </c>
      <c r="CQ28" s="293">
        <v>0</v>
      </c>
      <c r="CR28" s="293">
        <v>0</v>
      </c>
      <c r="CS28" s="293">
        <v>0</v>
      </c>
      <c r="CT28" s="293">
        <v>0</v>
      </c>
      <c r="CU28" s="296">
        <v>0</v>
      </c>
      <c r="CV28" s="297">
        <v>0</v>
      </c>
      <c r="CW28" s="292">
        <v>0</v>
      </c>
      <c r="CX28" s="293">
        <v>0</v>
      </c>
      <c r="CY28" s="294">
        <v>0</v>
      </c>
      <c r="CZ28" s="298"/>
      <c r="DA28" s="293">
        <v>0</v>
      </c>
      <c r="DB28" s="293">
        <v>0</v>
      </c>
      <c r="DC28" s="293">
        <v>0</v>
      </c>
      <c r="DD28" s="293">
        <v>0</v>
      </c>
      <c r="DE28" s="293">
        <v>0</v>
      </c>
      <c r="DF28" s="296">
        <v>0</v>
      </c>
      <c r="DG28" s="297">
        <v>0</v>
      </c>
      <c r="DH28" s="292">
        <v>0</v>
      </c>
      <c r="DI28" s="293">
        <v>696</v>
      </c>
      <c r="DJ28" s="294">
        <v>696</v>
      </c>
      <c r="DK28" s="295">
        <v>0</v>
      </c>
      <c r="DL28" s="293">
        <v>29276</v>
      </c>
      <c r="DM28" s="293">
        <v>115370</v>
      </c>
      <c r="DN28" s="293">
        <v>647314</v>
      </c>
      <c r="DO28" s="293">
        <v>824681</v>
      </c>
      <c r="DP28" s="293">
        <v>522943</v>
      </c>
      <c r="DQ28" s="296">
        <v>2139584</v>
      </c>
      <c r="DR28" s="299">
        <v>2140280</v>
      </c>
      <c r="DS28" s="292">
        <v>0</v>
      </c>
      <c r="DT28" s="293">
        <v>0</v>
      </c>
      <c r="DU28" s="294">
        <v>0</v>
      </c>
      <c r="DV28" s="298"/>
      <c r="DW28" s="293">
        <v>15035</v>
      </c>
      <c r="DX28" s="293">
        <v>58187</v>
      </c>
      <c r="DY28" s="293">
        <v>538774</v>
      </c>
      <c r="DZ28" s="293">
        <v>733095</v>
      </c>
      <c r="EA28" s="293">
        <v>498719</v>
      </c>
      <c r="EB28" s="296">
        <v>1843810</v>
      </c>
      <c r="EC28" s="297">
        <v>1843810</v>
      </c>
      <c r="ED28" s="292">
        <v>0</v>
      </c>
      <c r="EE28" s="293">
        <v>0</v>
      </c>
      <c r="EF28" s="294">
        <v>0</v>
      </c>
      <c r="EG28" s="298"/>
      <c r="EH28" s="293">
        <v>217</v>
      </c>
      <c r="EI28" s="293">
        <v>35712</v>
      </c>
      <c r="EJ28" s="293">
        <v>931</v>
      </c>
      <c r="EK28" s="293">
        <v>12772</v>
      </c>
      <c r="EL28" s="293">
        <v>217</v>
      </c>
      <c r="EM28" s="296">
        <v>49849</v>
      </c>
      <c r="EN28" s="297">
        <v>49849</v>
      </c>
      <c r="EO28" s="292">
        <v>0</v>
      </c>
      <c r="EP28" s="293">
        <v>0</v>
      </c>
      <c r="EQ28" s="294">
        <v>0</v>
      </c>
      <c r="ER28" s="298"/>
      <c r="ES28" s="293">
        <v>0</v>
      </c>
      <c r="ET28" s="293">
        <v>0</v>
      </c>
      <c r="EU28" s="293">
        <v>0</v>
      </c>
      <c r="EV28" s="293">
        <v>0</v>
      </c>
      <c r="EW28" s="293">
        <v>0</v>
      </c>
      <c r="EX28" s="296">
        <v>0</v>
      </c>
      <c r="EY28" s="297">
        <v>0</v>
      </c>
      <c r="EZ28" s="292">
        <v>0</v>
      </c>
      <c r="FA28" s="293">
        <v>0</v>
      </c>
      <c r="FB28" s="294">
        <v>0</v>
      </c>
      <c r="FC28" s="298"/>
      <c r="FD28" s="293">
        <v>0</v>
      </c>
      <c r="FE28" s="293">
        <v>0</v>
      </c>
      <c r="FF28" s="293">
        <v>0</v>
      </c>
      <c r="FG28" s="293">
        <v>0</v>
      </c>
      <c r="FH28" s="293">
        <v>217</v>
      </c>
      <c r="FI28" s="296">
        <v>217</v>
      </c>
      <c r="FJ28" s="297">
        <v>217</v>
      </c>
      <c r="FK28" s="292">
        <v>0</v>
      </c>
      <c r="FL28" s="293">
        <v>0</v>
      </c>
      <c r="FM28" s="294">
        <v>0</v>
      </c>
      <c r="FN28" s="298"/>
      <c r="FO28" s="293">
        <v>0</v>
      </c>
      <c r="FP28" s="293">
        <v>0</v>
      </c>
      <c r="FQ28" s="293">
        <v>0</v>
      </c>
      <c r="FR28" s="293">
        <v>0</v>
      </c>
      <c r="FS28" s="293">
        <v>0</v>
      </c>
      <c r="FT28" s="296">
        <v>0</v>
      </c>
      <c r="FU28" s="297">
        <v>0</v>
      </c>
      <c r="FV28" s="292">
        <v>0</v>
      </c>
      <c r="FW28" s="293">
        <v>696</v>
      </c>
      <c r="FX28" s="294">
        <v>696</v>
      </c>
      <c r="FY28" s="295">
        <v>0</v>
      </c>
      <c r="FZ28" s="293">
        <v>14024</v>
      </c>
      <c r="GA28" s="293">
        <v>21471</v>
      </c>
      <c r="GB28" s="293">
        <v>107588</v>
      </c>
      <c r="GC28" s="293">
        <v>78814</v>
      </c>
      <c r="GD28" s="293">
        <v>23790</v>
      </c>
      <c r="GE28" s="296">
        <v>245687</v>
      </c>
      <c r="GF28" s="297">
        <v>246383</v>
      </c>
      <c r="GG28" s="292">
        <v>0</v>
      </c>
      <c r="GH28" s="293">
        <v>0</v>
      </c>
      <c r="GI28" s="294">
        <v>0</v>
      </c>
      <c r="GJ28" s="295">
        <v>0</v>
      </c>
      <c r="GK28" s="293">
        <v>0</v>
      </c>
      <c r="GL28" s="293">
        <v>0</v>
      </c>
      <c r="GM28" s="293">
        <v>21</v>
      </c>
      <c r="GN28" s="293">
        <v>0</v>
      </c>
      <c r="GO28" s="293">
        <v>0</v>
      </c>
      <c r="GP28" s="296">
        <v>21</v>
      </c>
      <c r="GQ28" s="297">
        <v>21</v>
      </c>
      <c r="GR28" s="292">
        <v>0</v>
      </c>
      <c r="GS28" s="293">
        <v>0</v>
      </c>
      <c r="GT28" s="294">
        <v>0</v>
      </c>
      <c r="GU28" s="295">
        <v>0</v>
      </c>
      <c r="GV28" s="293">
        <v>0</v>
      </c>
      <c r="GW28" s="293">
        <v>0</v>
      </c>
      <c r="GX28" s="293">
        <v>0</v>
      </c>
      <c r="GY28" s="293">
        <v>0</v>
      </c>
      <c r="GZ28" s="293">
        <v>0</v>
      </c>
      <c r="HA28" s="296">
        <v>0</v>
      </c>
      <c r="HB28" s="297">
        <v>0</v>
      </c>
      <c r="HC28" s="292">
        <v>0</v>
      </c>
      <c r="HD28" s="293">
        <v>0</v>
      </c>
      <c r="HE28" s="294">
        <v>0</v>
      </c>
      <c r="HF28" s="298"/>
      <c r="HG28" s="293">
        <v>0</v>
      </c>
      <c r="HH28" s="293">
        <v>0</v>
      </c>
      <c r="HI28" s="293">
        <v>0</v>
      </c>
      <c r="HJ28" s="293">
        <v>0</v>
      </c>
      <c r="HK28" s="293">
        <v>0</v>
      </c>
      <c r="HL28" s="296">
        <v>0</v>
      </c>
      <c r="HM28" s="297">
        <v>0</v>
      </c>
      <c r="HN28" s="292">
        <v>0</v>
      </c>
      <c r="HO28" s="293">
        <v>726</v>
      </c>
      <c r="HP28" s="294">
        <v>726</v>
      </c>
      <c r="HQ28" s="295">
        <v>0</v>
      </c>
      <c r="HR28" s="293">
        <v>81861</v>
      </c>
      <c r="HS28" s="293">
        <v>275981</v>
      </c>
      <c r="HT28" s="293">
        <v>1165242</v>
      </c>
      <c r="HU28" s="293">
        <v>1500709</v>
      </c>
      <c r="HV28" s="293">
        <v>1155773</v>
      </c>
      <c r="HW28" s="296">
        <v>4179566</v>
      </c>
      <c r="HX28" s="297">
        <v>4180292</v>
      </c>
    </row>
    <row r="29" spans="1:232" ht="21" customHeight="1" x14ac:dyDescent="0.2">
      <c r="A29" s="498" t="s">
        <v>26</v>
      </c>
      <c r="B29" s="292">
        <v>0</v>
      </c>
      <c r="C29" s="293">
        <v>0</v>
      </c>
      <c r="D29" s="294">
        <v>0</v>
      </c>
      <c r="E29" s="295">
        <v>0</v>
      </c>
      <c r="F29" s="293">
        <v>40914</v>
      </c>
      <c r="G29" s="293">
        <v>224575</v>
      </c>
      <c r="H29" s="293">
        <v>365215</v>
      </c>
      <c r="I29" s="293">
        <v>786010</v>
      </c>
      <c r="J29" s="293">
        <v>460045</v>
      </c>
      <c r="K29" s="296">
        <v>1876759</v>
      </c>
      <c r="L29" s="297">
        <v>1876759</v>
      </c>
      <c r="M29" s="292">
        <v>0</v>
      </c>
      <c r="N29" s="293">
        <v>0</v>
      </c>
      <c r="O29" s="294">
        <v>0</v>
      </c>
      <c r="P29" s="298"/>
      <c r="Q29" s="293">
        <v>0</v>
      </c>
      <c r="R29" s="293">
        <v>89040</v>
      </c>
      <c r="S29" s="293">
        <v>226345</v>
      </c>
      <c r="T29" s="293">
        <v>538150</v>
      </c>
      <c r="U29" s="293">
        <v>362230</v>
      </c>
      <c r="V29" s="296">
        <v>1215765</v>
      </c>
      <c r="W29" s="297">
        <v>1215765</v>
      </c>
      <c r="X29" s="292">
        <v>0</v>
      </c>
      <c r="Y29" s="293">
        <v>0</v>
      </c>
      <c r="Z29" s="294">
        <v>0</v>
      </c>
      <c r="AA29" s="298"/>
      <c r="AB29" s="293">
        <v>32705</v>
      </c>
      <c r="AC29" s="293">
        <v>124465</v>
      </c>
      <c r="AD29" s="293">
        <v>136090</v>
      </c>
      <c r="AE29" s="293">
        <v>221575</v>
      </c>
      <c r="AF29" s="293">
        <v>92225</v>
      </c>
      <c r="AG29" s="296">
        <v>607060</v>
      </c>
      <c r="AH29" s="297">
        <v>607060</v>
      </c>
      <c r="AI29" s="292">
        <v>0</v>
      </c>
      <c r="AJ29" s="293">
        <v>0</v>
      </c>
      <c r="AK29" s="294">
        <v>0</v>
      </c>
      <c r="AL29" s="298"/>
      <c r="AM29" s="293">
        <v>0</v>
      </c>
      <c r="AN29" s="293">
        <v>0</v>
      </c>
      <c r="AO29" s="293">
        <v>0</v>
      </c>
      <c r="AP29" s="293">
        <v>0</v>
      </c>
      <c r="AQ29" s="293">
        <v>0</v>
      </c>
      <c r="AR29" s="296">
        <v>0</v>
      </c>
      <c r="AS29" s="297">
        <v>0</v>
      </c>
      <c r="AT29" s="292">
        <v>0</v>
      </c>
      <c r="AU29" s="293">
        <v>0</v>
      </c>
      <c r="AV29" s="294">
        <v>0</v>
      </c>
      <c r="AW29" s="298"/>
      <c r="AX29" s="293">
        <v>0</v>
      </c>
      <c r="AY29" s="293">
        <v>0</v>
      </c>
      <c r="AZ29" s="293">
        <v>2635</v>
      </c>
      <c r="BA29" s="293">
        <v>0</v>
      </c>
      <c r="BB29" s="293">
        <v>5270</v>
      </c>
      <c r="BC29" s="296">
        <v>7905</v>
      </c>
      <c r="BD29" s="297">
        <v>7905</v>
      </c>
      <c r="BE29" s="292">
        <v>0</v>
      </c>
      <c r="BF29" s="293">
        <v>0</v>
      </c>
      <c r="BG29" s="294">
        <v>0</v>
      </c>
      <c r="BH29" s="298"/>
      <c r="BI29" s="293">
        <v>0</v>
      </c>
      <c r="BJ29" s="293">
        <v>0</v>
      </c>
      <c r="BK29" s="293">
        <v>0</v>
      </c>
      <c r="BL29" s="293">
        <v>0</v>
      </c>
      <c r="BM29" s="293">
        <v>0</v>
      </c>
      <c r="BN29" s="296">
        <v>0</v>
      </c>
      <c r="BO29" s="297">
        <v>0</v>
      </c>
      <c r="BP29" s="292">
        <v>0</v>
      </c>
      <c r="BQ29" s="293">
        <v>0</v>
      </c>
      <c r="BR29" s="294">
        <v>0</v>
      </c>
      <c r="BS29" s="295">
        <v>0</v>
      </c>
      <c r="BT29" s="293">
        <v>8209</v>
      </c>
      <c r="BU29" s="293">
        <v>8715</v>
      </c>
      <c r="BV29" s="293">
        <v>145</v>
      </c>
      <c r="BW29" s="293">
        <v>25305</v>
      </c>
      <c r="BX29" s="293">
        <v>320</v>
      </c>
      <c r="BY29" s="296">
        <v>42694</v>
      </c>
      <c r="BZ29" s="297">
        <v>42694</v>
      </c>
      <c r="CA29" s="292">
        <v>0</v>
      </c>
      <c r="CB29" s="293">
        <v>0</v>
      </c>
      <c r="CC29" s="294">
        <v>0</v>
      </c>
      <c r="CD29" s="295">
        <v>0</v>
      </c>
      <c r="CE29" s="293">
        <v>0</v>
      </c>
      <c r="CF29" s="293">
        <v>2355</v>
      </c>
      <c r="CG29" s="293">
        <v>0</v>
      </c>
      <c r="CH29" s="293">
        <v>980</v>
      </c>
      <c r="CI29" s="293">
        <v>0</v>
      </c>
      <c r="CJ29" s="296">
        <v>3335</v>
      </c>
      <c r="CK29" s="297">
        <v>3335</v>
      </c>
      <c r="CL29" s="292">
        <v>0</v>
      </c>
      <c r="CM29" s="293">
        <v>0</v>
      </c>
      <c r="CN29" s="294">
        <v>0</v>
      </c>
      <c r="CO29" s="295">
        <v>0</v>
      </c>
      <c r="CP29" s="293">
        <v>0</v>
      </c>
      <c r="CQ29" s="293">
        <v>0</v>
      </c>
      <c r="CR29" s="293">
        <v>0</v>
      </c>
      <c r="CS29" s="293">
        <v>0</v>
      </c>
      <c r="CT29" s="293">
        <v>0</v>
      </c>
      <c r="CU29" s="296">
        <v>0</v>
      </c>
      <c r="CV29" s="297">
        <v>0</v>
      </c>
      <c r="CW29" s="292">
        <v>0</v>
      </c>
      <c r="CX29" s="293">
        <v>0</v>
      </c>
      <c r="CY29" s="294">
        <v>0</v>
      </c>
      <c r="CZ29" s="298"/>
      <c r="DA29" s="293">
        <v>0</v>
      </c>
      <c r="DB29" s="293">
        <v>0</v>
      </c>
      <c r="DC29" s="293">
        <v>0</v>
      </c>
      <c r="DD29" s="293">
        <v>0</v>
      </c>
      <c r="DE29" s="293">
        <v>0</v>
      </c>
      <c r="DF29" s="296">
        <v>0</v>
      </c>
      <c r="DG29" s="297">
        <v>0</v>
      </c>
      <c r="DH29" s="292">
        <v>0</v>
      </c>
      <c r="DI29" s="293">
        <v>0</v>
      </c>
      <c r="DJ29" s="294">
        <v>0</v>
      </c>
      <c r="DK29" s="295">
        <v>0</v>
      </c>
      <c r="DL29" s="293">
        <v>23672</v>
      </c>
      <c r="DM29" s="293">
        <v>181091</v>
      </c>
      <c r="DN29" s="293">
        <v>359546</v>
      </c>
      <c r="DO29" s="293">
        <v>702020</v>
      </c>
      <c r="DP29" s="293">
        <v>466405</v>
      </c>
      <c r="DQ29" s="296">
        <v>1732734</v>
      </c>
      <c r="DR29" s="299">
        <v>1732734</v>
      </c>
      <c r="DS29" s="292">
        <v>0</v>
      </c>
      <c r="DT29" s="293">
        <v>0</v>
      </c>
      <c r="DU29" s="294">
        <v>0</v>
      </c>
      <c r="DV29" s="298"/>
      <c r="DW29" s="293">
        <v>0</v>
      </c>
      <c r="DX29" s="293">
        <v>127652</v>
      </c>
      <c r="DY29" s="293">
        <v>345123</v>
      </c>
      <c r="DZ29" s="293">
        <v>619446</v>
      </c>
      <c r="EA29" s="293">
        <v>445401</v>
      </c>
      <c r="EB29" s="296">
        <v>1537622</v>
      </c>
      <c r="EC29" s="297">
        <v>1537622</v>
      </c>
      <c r="ED29" s="292">
        <v>0</v>
      </c>
      <c r="EE29" s="293">
        <v>0</v>
      </c>
      <c r="EF29" s="294">
        <v>0</v>
      </c>
      <c r="EG29" s="298"/>
      <c r="EH29" s="293">
        <v>217</v>
      </c>
      <c r="EI29" s="293">
        <v>35061</v>
      </c>
      <c r="EJ29" s="293">
        <v>13206</v>
      </c>
      <c r="EK29" s="293">
        <v>55539</v>
      </c>
      <c r="EL29" s="293">
        <v>750</v>
      </c>
      <c r="EM29" s="296">
        <v>104773</v>
      </c>
      <c r="EN29" s="297">
        <v>104773</v>
      </c>
      <c r="EO29" s="292">
        <v>0</v>
      </c>
      <c r="EP29" s="293">
        <v>0</v>
      </c>
      <c r="EQ29" s="294">
        <v>0</v>
      </c>
      <c r="ER29" s="298"/>
      <c r="ES29" s="293">
        <v>0</v>
      </c>
      <c r="ET29" s="293">
        <v>0</v>
      </c>
      <c r="EU29" s="293">
        <v>0</v>
      </c>
      <c r="EV29" s="293">
        <v>0</v>
      </c>
      <c r="EW29" s="293">
        <v>0</v>
      </c>
      <c r="EX29" s="296">
        <v>0</v>
      </c>
      <c r="EY29" s="297">
        <v>0</v>
      </c>
      <c r="EZ29" s="292">
        <v>0</v>
      </c>
      <c r="FA29" s="293">
        <v>0</v>
      </c>
      <c r="FB29" s="294">
        <v>0</v>
      </c>
      <c r="FC29" s="298"/>
      <c r="FD29" s="293">
        <v>0</v>
      </c>
      <c r="FE29" s="293">
        <v>0</v>
      </c>
      <c r="FF29" s="293">
        <v>217</v>
      </c>
      <c r="FG29" s="293">
        <v>0</v>
      </c>
      <c r="FH29" s="293">
        <v>434</v>
      </c>
      <c r="FI29" s="296">
        <v>651</v>
      </c>
      <c r="FJ29" s="297">
        <v>651</v>
      </c>
      <c r="FK29" s="292">
        <v>0</v>
      </c>
      <c r="FL29" s="293">
        <v>0</v>
      </c>
      <c r="FM29" s="294">
        <v>0</v>
      </c>
      <c r="FN29" s="298"/>
      <c r="FO29" s="293">
        <v>0</v>
      </c>
      <c r="FP29" s="293">
        <v>0</v>
      </c>
      <c r="FQ29" s="293">
        <v>0</v>
      </c>
      <c r="FR29" s="293">
        <v>0</v>
      </c>
      <c r="FS29" s="293">
        <v>0</v>
      </c>
      <c r="FT29" s="296">
        <v>0</v>
      </c>
      <c r="FU29" s="297">
        <v>0</v>
      </c>
      <c r="FV29" s="292">
        <v>0</v>
      </c>
      <c r="FW29" s="293">
        <v>0</v>
      </c>
      <c r="FX29" s="294">
        <v>0</v>
      </c>
      <c r="FY29" s="295">
        <v>0</v>
      </c>
      <c r="FZ29" s="293">
        <v>23455</v>
      </c>
      <c r="GA29" s="293">
        <v>18343</v>
      </c>
      <c r="GB29" s="293">
        <v>1000</v>
      </c>
      <c r="GC29" s="293">
        <v>26951</v>
      </c>
      <c r="GD29" s="293">
        <v>19820</v>
      </c>
      <c r="GE29" s="296">
        <v>89569</v>
      </c>
      <c r="GF29" s="297">
        <v>89569</v>
      </c>
      <c r="GG29" s="292">
        <v>0</v>
      </c>
      <c r="GH29" s="293">
        <v>0</v>
      </c>
      <c r="GI29" s="294">
        <v>0</v>
      </c>
      <c r="GJ29" s="295">
        <v>0</v>
      </c>
      <c r="GK29" s="293">
        <v>0</v>
      </c>
      <c r="GL29" s="293">
        <v>35</v>
      </c>
      <c r="GM29" s="293">
        <v>0</v>
      </c>
      <c r="GN29" s="293">
        <v>84</v>
      </c>
      <c r="GO29" s="293">
        <v>0</v>
      </c>
      <c r="GP29" s="296">
        <v>119</v>
      </c>
      <c r="GQ29" s="297">
        <v>119</v>
      </c>
      <c r="GR29" s="292">
        <v>0</v>
      </c>
      <c r="GS29" s="293">
        <v>0</v>
      </c>
      <c r="GT29" s="294">
        <v>0</v>
      </c>
      <c r="GU29" s="295">
        <v>0</v>
      </c>
      <c r="GV29" s="293">
        <v>0</v>
      </c>
      <c r="GW29" s="293">
        <v>0</v>
      </c>
      <c r="GX29" s="293">
        <v>0</v>
      </c>
      <c r="GY29" s="293">
        <v>0</v>
      </c>
      <c r="GZ29" s="293">
        <v>0</v>
      </c>
      <c r="HA29" s="296">
        <v>0</v>
      </c>
      <c r="HB29" s="297">
        <v>0</v>
      </c>
      <c r="HC29" s="292">
        <v>0</v>
      </c>
      <c r="HD29" s="293">
        <v>0</v>
      </c>
      <c r="HE29" s="294">
        <v>0</v>
      </c>
      <c r="HF29" s="298"/>
      <c r="HG29" s="293">
        <v>0</v>
      </c>
      <c r="HH29" s="293">
        <v>0</v>
      </c>
      <c r="HI29" s="293">
        <v>0</v>
      </c>
      <c r="HJ29" s="293">
        <v>0</v>
      </c>
      <c r="HK29" s="293">
        <v>0</v>
      </c>
      <c r="HL29" s="296">
        <v>0</v>
      </c>
      <c r="HM29" s="297">
        <v>0</v>
      </c>
      <c r="HN29" s="292">
        <v>0</v>
      </c>
      <c r="HO29" s="293">
        <v>0</v>
      </c>
      <c r="HP29" s="294">
        <v>0</v>
      </c>
      <c r="HQ29" s="295">
        <v>0</v>
      </c>
      <c r="HR29" s="293">
        <v>64586</v>
      </c>
      <c r="HS29" s="293">
        <v>405666</v>
      </c>
      <c r="HT29" s="293">
        <v>724761</v>
      </c>
      <c r="HU29" s="293">
        <v>1488030</v>
      </c>
      <c r="HV29" s="293">
        <v>926450</v>
      </c>
      <c r="HW29" s="296">
        <v>3609493</v>
      </c>
      <c r="HX29" s="297">
        <v>3609493</v>
      </c>
    </row>
    <row r="30" spans="1:232" ht="21" customHeight="1" x14ac:dyDescent="0.2">
      <c r="A30" s="498" t="s">
        <v>27</v>
      </c>
      <c r="B30" s="292">
        <v>0</v>
      </c>
      <c r="C30" s="293">
        <v>0</v>
      </c>
      <c r="D30" s="294">
        <v>0</v>
      </c>
      <c r="E30" s="295">
        <v>0</v>
      </c>
      <c r="F30" s="293">
        <v>73983</v>
      </c>
      <c r="G30" s="293">
        <v>169593</v>
      </c>
      <c r="H30" s="293">
        <v>515785</v>
      </c>
      <c r="I30" s="293">
        <v>705480</v>
      </c>
      <c r="J30" s="293">
        <v>452770</v>
      </c>
      <c r="K30" s="296">
        <v>1917611</v>
      </c>
      <c r="L30" s="297">
        <v>1917611</v>
      </c>
      <c r="M30" s="292">
        <v>0</v>
      </c>
      <c r="N30" s="293">
        <v>0</v>
      </c>
      <c r="O30" s="294">
        <v>0</v>
      </c>
      <c r="P30" s="298"/>
      <c r="Q30" s="293">
        <v>35340</v>
      </c>
      <c r="R30" s="293">
        <v>32705</v>
      </c>
      <c r="S30" s="293">
        <v>323200</v>
      </c>
      <c r="T30" s="293">
        <v>541205</v>
      </c>
      <c r="U30" s="293">
        <v>406975</v>
      </c>
      <c r="V30" s="296">
        <v>1339425</v>
      </c>
      <c r="W30" s="297">
        <v>1339425</v>
      </c>
      <c r="X30" s="292">
        <v>0</v>
      </c>
      <c r="Y30" s="293">
        <v>0</v>
      </c>
      <c r="Z30" s="294">
        <v>0</v>
      </c>
      <c r="AA30" s="298"/>
      <c r="AB30" s="293">
        <v>35340</v>
      </c>
      <c r="AC30" s="293">
        <v>126330</v>
      </c>
      <c r="AD30" s="293">
        <v>100510</v>
      </c>
      <c r="AE30" s="293">
        <v>153105</v>
      </c>
      <c r="AF30" s="293">
        <v>43160</v>
      </c>
      <c r="AG30" s="296">
        <v>458445</v>
      </c>
      <c r="AH30" s="297">
        <v>458445</v>
      </c>
      <c r="AI30" s="292">
        <v>0</v>
      </c>
      <c r="AJ30" s="293">
        <v>0</v>
      </c>
      <c r="AK30" s="294">
        <v>0</v>
      </c>
      <c r="AL30" s="298"/>
      <c r="AM30" s="293">
        <v>0</v>
      </c>
      <c r="AN30" s="293">
        <v>0</v>
      </c>
      <c r="AO30" s="293">
        <v>0</v>
      </c>
      <c r="AP30" s="293">
        <v>0</v>
      </c>
      <c r="AQ30" s="293">
        <v>0</v>
      </c>
      <c r="AR30" s="296">
        <v>0</v>
      </c>
      <c r="AS30" s="297">
        <v>0</v>
      </c>
      <c r="AT30" s="292">
        <v>0</v>
      </c>
      <c r="AU30" s="293">
        <v>0</v>
      </c>
      <c r="AV30" s="294">
        <v>0</v>
      </c>
      <c r="AW30" s="298"/>
      <c r="AX30" s="293">
        <v>0</v>
      </c>
      <c r="AY30" s="293">
        <v>0</v>
      </c>
      <c r="AZ30" s="293">
        <v>0</v>
      </c>
      <c r="BA30" s="293">
        <v>0</v>
      </c>
      <c r="BB30" s="293">
        <v>0</v>
      </c>
      <c r="BC30" s="296">
        <v>0</v>
      </c>
      <c r="BD30" s="297">
        <v>0</v>
      </c>
      <c r="BE30" s="292">
        <v>0</v>
      </c>
      <c r="BF30" s="293">
        <v>0</v>
      </c>
      <c r="BG30" s="294">
        <v>0</v>
      </c>
      <c r="BH30" s="298"/>
      <c r="BI30" s="293">
        <v>0</v>
      </c>
      <c r="BJ30" s="293">
        <v>0</v>
      </c>
      <c r="BK30" s="293">
        <v>62620</v>
      </c>
      <c r="BL30" s="293">
        <v>10540</v>
      </c>
      <c r="BM30" s="293">
        <v>2635</v>
      </c>
      <c r="BN30" s="296">
        <v>75795</v>
      </c>
      <c r="BO30" s="297">
        <v>75795</v>
      </c>
      <c r="BP30" s="292">
        <v>0</v>
      </c>
      <c r="BQ30" s="293">
        <v>0</v>
      </c>
      <c r="BR30" s="294">
        <v>0</v>
      </c>
      <c r="BS30" s="295">
        <v>0</v>
      </c>
      <c r="BT30" s="293">
        <v>3303</v>
      </c>
      <c r="BU30" s="293">
        <v>10558</v>
      </c>
      <c r="BV30" s="293">
        <v>29455</v>
      </c>
      <c r="BW30" s="293">
        <v>0</v>
      </c>
      <c r="BX30" s="293">
        <v>0</v>
      </c>
      <c r="BY30" s="296">
        <v>43316</v>
      </c>
      <c r="BZ30" s="297">
        <v>43316</v>
      </c>
      <c r="CA30" s="292">
        <v>0</v>
      </c>
      <c r="CB30" s="293">
        <v>0</v>
      </c>
      <c r="CC30" s="294">
        <v>0</v>
      </c>
      <c r="CD30" s="295">
        <v>0</v>
      </c>
      <c r="CE30" s="293">
        <v>0</v>
      </c>
      <c r="CF30" s="293">
        <v>0</v>
      </c>
      <c r="CG30" s="293">
        <v>0</v>
      </c>
      <c r="CH30" s="293">
        <v>630</v>
      </c>
      <c r="CI30" s="293">
        <v>0</v>
      </c>
      <c r="CJ30" s="296">
        <v>630</v>
      </c>
      <c r="CK30" s="297">
        <v>630</v>
      </c>
      <c r="CL30" s="292">
        <v>0</v>
      </c>
      <c r="CM30" s="293">
        <v>0</v>
      </c>
      <c r="CN30" s="294">
        <v>0</v>
      </c>
      <c r="CO30" s="295">
        <v>0</v>
      </c>
      <c r="CP30" s="293">
        <v>0</v>
      </c>
      <c r="CQ30" s="293">
        <v>0</v>
      </c>
      <c r="CR30" s="293">
        <v>0</v>
      </c>
      <c r="CS30" s="293">
        <v>0</v>
      </c>
      <c r="CT30" s="293">
        <v>0</v>
      </c>
      <c r="CU30" s="296">
        <v>0</v>
      </c>
      <c r="CV30" s="297">
        <v>0</v>
      </c>
      <c r="CW30" s="292">
        <v>0</v>
      </c>
      <c r="CX30" s="293">
        <v>0</v>
      </c>
      <c r="CY30" s="294">
        <v>0</v>
      </c>
      <c r="CZ30" s="298"/>
      <c r="DA30" s="293">
        <v>0</v>
      </c>
      <c r="DB30" s="293">
        <v>0</v>
      </c>
      <c r="DC30" s="293">
        <v>0</v>
      </c>
      <c r="DD30" s="293">
        <v>0</v>
      </c>
      <c r="DE30" s="293">
        <v>0</v>
      </c>
      <c r="DF30" s="296">
        <v>0</v>
      </c>
      <c r="DG30" s="297">
        <v>0</v>
      </c>
      <c r="DH30" s="292">
        <v>0</v>
      </c>
      <c r="DI30" s="293">
        <v>0</v>
      </c>
      <c r="DJ30" s="294">
        <v>0</v>
      </c>
      <c r="DK30" s="295">
        <v>0</v>
      </c>
      <c r="DL30" s="293">
        <v>61458</v>
      </c>
      <c r="DM30" s="293">
        <v>73874</v>
      </c>
      <c r="DN30" s="293">
        <v>520484</v>
      </c>
      <c r="DO30" s="293">
        <v>689343</v>
      </c>
      <c r="DP30" s="293">
        <v>403064</v>
      </c>
      <c r="DQ30" s="296">
        <v>1748223</v>
      </c>
      <c r="DR30" s="299">
        <v>1748223</v>
      </c>
      <c r="DS30" s="292">
        <v>0</v>
      </c>
      <c r="DT30" s="293">
        <v>0</v>
      </c>
      <c r="DU30" s="294">
        <v>0</v>
      </c>
      <c r="DV30" s="298"/>
      <c r="DW30" s="293">
        <v>30070</v>
      </c>
      <c r="DX30" s="293">
        <v>15035</v>
      </c>
      <c r="DY30" s="293">
        <v>325138</v>
      </c>
      <c r="DZ30" s="293">
        <v>553794</v>
      </c>
      <c r="EA30" s="293">
        <v>370397</v>
      </c>
      <c r="EB30" s="296">
        <v>1294434</v>
      </c>
      <c r="EC30" s="297">
        <v>1294434</v>
      </c>
      <c r="ED30" s="292">
        <v>0</v>
      </c>
      <c r="EE30" s="293">
        <v>0</v>
      </c>
      <c r="EF30" s="294">
        <v>0</v>
      </c>
      <c r="EG30" s="298"/>
      <c r="EH30" s="293">
        <v>21793</v>
      </c>
      <c r="EI30" s="293">
        <v>46804</v>
      </c>
      <c r="EJ30" s="293">
        <v>59427</v>
      </c>
      <c r="EK30" s="293">
        <v>47455</v>
      </c>
      <c r="EL30" s="293">
        <v>11091</v>
      </c>
      <c r="EM30" s="296">
        <v>186570</v>
      </c>
      <c r="EN30" s="297">
        <v>186570</v>
      </c>
      <c r="EO30" s="292">
        <v>0</v>
      </c>
      <c r="EP30" s="293">
        <v>0</v>
      </c>
      <c r="EQ30" s="294">
        <v>0</v>
      </c>
      <c r="ER30" s="298"/>
      <c r="ES30" s="293">
        <v>0</v>
      </c>
      <c r="ET30" s="293">
        <v>0</v>
      </c>
      <c r="EU30" s="293">
        <v>0</v>
      </c>
      <c r="EV30" s="293">
        <v>0</v>
      </c>
      <c r="EW30" s="293">
        <v>0</v>
      </c>
      <c r="EX30" s="296">
        <v>0</v>
      </c>
      <c r="EY30" s="297">
        <v>0</v>
      </c>
      <c r="EZ30" s="292">
        <v>0</v>
      </c>
      <c r="FA30" s="293">
        <v>0</v>
      </c>
      <c r="FB30" s="294">
        <v>0</v>
      </c>
      <c r="FC30" s="298"/>
      <c r="FD30" s="293">
        <v>0</v>
      </c>
      <c r="FE30" s="293">
        <v>0</v>
      </c>
      <c r="FF30" s="293">
        <v>0</v>
      </c>
      <c r="FG30" s="293">
        <v>0</v>
      </c>
      <c r="FH30" s="293">
        <v>0</v>
      </c>
      <c r="FI30" s="296">
        <v>0</v>
      </c>
      <c r="FJ30" s="297">
        <v>0</v>
      </c>
      <c r="FK30" s="292">
        <v>0</v>
      </c>
      <c r="FL30" s="293">
        <v>0</v>
      </c>
      <c r="FM30" s="294">
        <v>0</v>
      </c>
      <c r="FN30" s="298"/>
      <c r="FO30" s="293">
        <v>0</v>
      </c>
      <c r="FP30" s="293">
        <v>0</v>
      </c>
      <c r="FQ30" s="293">
        <v>101494</v>
      </c>
      <c r="FR30" s="293">
        <v>86304</v>
      </c>
      <c r="FS30" s="293">
        <v>21576</v>
      </c>
      <c r="FT30" s="296">
        <v>209374</v>
      </c>
      <c r="FU30" s="297">
        <v>209374</v>
      </c>
      <c r="FV30" s="292">
        <v>0</v>
      </c>
      <c r="FW30" s="293">
        <v>0</v>
      </c>
      <c r="FX30" s="294">
        <v>0</v>
      </c>
      <c r="FY30" s="295">
        <v>0</v>
      </c>
      <c r="FZ30" s="293">
        <v>9595</v>
      </c>
      <c r="GA30" s="293">
        <v>12035</v>
      </c>
      <c r="GB30" s="293">
        <v>34425</v>
      </c>
      <c r="GC30" s="293">
        <v>0</v>
      </c>
      <c r="GD30" s="293">
        <v>0</v>
      </c>
      <c r="GE30" s="296">
        <v>56055</v>
      </c>
      <c r="GF30" s="297">
        <v>56055</v>
      </c>
      <c r="GG30" s="292">
        <v>0</v>
      </c>
      <c r="GH30" s="293">
        <v>0</v>
      </c>
      <c r="GI30" s="294">
        <v>0</v>
      </c>
      <c r="GJ30" s="295">
        <v>0</v>
      </c>
      <c r="GK30" s="293">
        <v>0</v>
      </c>
      <c r="GL30" s="293">
        <v>0</v>
      </c>
      <c r="GM30" s="293">
        <v>0</v>
      </c>
      <c r="GN30" s="293">
        <v>1790</v>
      </c>
      <c r="GO30" s="293">
        <v>0</v>
      </c>
      <c r="GP30" s="296">
        <v>1790</v>
      </c>
      <c r="GQ30" s="297">
        <v>1790</v>
      </c>
      <c r="GR30" s="292">
        <v>0</v>
      </c>
      <c r="GS30" s="293">
        <v>0</v>
      </c>
      <c r="GT30" s="294">
        <v>0</v>
      </c>
      <c r="GU30" s="295">
        <v>0</v>
      </c>
      <c r="GV30" s="293">
        <v>0</v>
      </c>
      <c r="GW30" s="293">
        <v>0</v>
      </c>
      <c r="GX30" s="293">
        <v>0</v>
      </c>
      <c r="GY30" s="293">
        <v>0</v>
      </c>
      <c r="GZ30" s="293">
        <v>0</v>
      </c>
      <c r="HA30" s="296">
        <v>0</v>
      </c>
      <c r="HB30" s="297">
        <v>0</v>
      </c>
      <c r="HC30" s="292">
        <v>0</v>
      </c>
      <c r="HD30" s="293">
        <v>0</v>
      </c>
      <c r="HE30" s="294">
        <v>0</v>
      </c>
      <c r="HF30" s="298"/>
      <c r="HG30" s="293">
        <v>0</v>
      </c>
      <c r="HH30" s="293">
        <v>0</v>
      </c>
      <c r="HI30" s="293">
        <v>0</v>
      </c>
      <c r="HJ30" s="293">
        <v>0</v>
      </c>
      <c r="HK30" s="293">
        <v>0</v>
      </c>
      <c r="HL30" s="296">
        <v>0</v>
      </c>
      <c r="HM30" s="297">
        <v>0</v>
      </c>
      <c r="HN30" s="292">
        <v>0</v>
      </c>
      <c r="HO30" s="293">
        <v>0</v>
      </c>
      <c r="HP30" s="294">
        <v>0</v>
      </c>
      <c r="HQ30" s="295">
        <v>0</v>
      </c>
      <c r="HR30" s="293">
        <v>135441</v>
      </c>
      <c r="HS30" s="293">
        <v>243467</v>
      </c>
      <c r="HT30" s="293">
        <v>1036269</v>
      </c>
      <c r="HU30" s="293">
        <v>1394823</v>
      </c>
      <c r="HV30" s="293">
        <v>855834</v>
      </c>
      <c r="HW30" s="296">
        <v>3665834</v>
      </c>
      <c r="HX30" s="297">
        <v>3665834</v>
      </c>
    </row>
    <row r="31" spans="1:232" ht="21" customHeight="1" x14ac:dyDescent="0.2">
      <c r="A31" s="498" t="s">
        <v>28</v>
      </c>
      <c r="B31" s="292">
        <v>0</v>
      </c>
      <c r="C31" s="293">
        <v>0</v>
      </c>
      <c r="D31" s="294">
        <v>0</v>
      </c>
      <c r="E31" s="295">
        <v>0</v>
      </c>
      <c r="F31" s="293">
        <v>24645</v>
      </c>
      <c r="G31" s="293">
        <v>55335</v>
      </c>
      <c r="H31" s="293">
        <v>276649</v>
      </c>
      <c r="I31" s="293">
        <v>196598</v>
      </c>
      <c r="J31" s="293">
        <v>63020</v>
      </c>
      <c r="K31" s="296">
        <v>616247</v>
      </c>
      <c r="L31" s="297">
        <v>616247</v>
      </c>
      <c r="M31" s="292">
        <v>0</v>
      </c>
      <c r="N31" s="293">
        <v>0</v>
      </c>
      <c r="O31" s="294">
        <v>0</v>
      </c>
      <c r="P31" s="298"/>
      <c r="Q31" s="293">
        <v>0</v>
      </c>
      <c r="R31" s="293">
        <v>30690</v>
      </c>
      <c r="S31" s="293">
        <v>210760</v>
      </c>
      <c r="T31" s="293">
        <v>130550</v>
      </c>
      <c r="U31" s="293">
        <v>63020</v>
      </c>
      <c r="V31" s="296">
        <v>435020</v>
      </c>
      <c r="W31" s="297">
        <v>435020</v>
      </c>
      <c r="X31" s="292">
        <v>0</v>
      </c>
      <c r="Y31" s="293">
        <v>0</v>
      </c>
      <c r="Z31" s="294">
        <v>0</v>
      </c>
      <c r="AA31" s="298"/>
      <c r="AB31" s="293">
        <v>24645</v>
      </c>
      <c r="AC31" s="293">
        <v>24645</v>
      </c>
      <c r="AD31" s="293">
        <v>59985</v>
      </c>
      <c r="AE31" s="293">
        <v>66048</v>
      </c>
      <c r="AF31" s="293">
        <v>0</v>
      </c>
      <c r="AG31" s="296">
        <v>175323</v>
      </c>
      <c r="AH31" s="297">
        <v>175323</v>
      </c>
      <c r="AI31" s="292">
        <v>0</v>
      </c>
      <c r="AJ31" s="293">
        <v>0</v>
      </c>
      <c r="AK31" s="294">
        <v>0</v>
      </c>
      <c r="AL31" s="298"/>
      <c r="AM31" s="293">
        <v>0</v>
      </c>
      <c r="AN31" s="293">
        <v>0</v>
      </c>
      <c r="AO31" s="293">
        <v>0</v>
      </c>
      <c r="AP31" s="293">
        <v>0</v>
      </c>
      <c r="AQ31" s="293">
        <v>0</v>
      </c>
      <c r="AR31" s="296">
        <v>0</v>
      </c>
      <c r="AS31" s="297">
        <v>0</v>
      </c>
      <c r="AT31" s="292">
        <v>0</v>
      </c>
      <c r="AU31" s="293">
        <v>0</v>
      </c>
      <c r="AV31" s="294">
        <v>0</v>
      </c>
      <c r="AW31" s="298"/>
      <c r="AX31" s="293">
        <v>0</v>
      </c>
      <c r="AY31" s="293">
        <v>0</v>
      </c>
      <c r="AZ31" s="293">
        <v>0</v>
      </c>
      <c r="BA31" s="293">
        <v>0</v>
      </c>
      <c r="BB31" s="293">
        <v>0</v>
      </c>
      <c r="BC31" s="296">
        <v>0</v>
      </c>
      <c r="BD31" s="297">
        <v>0</v>
      </c>
      <c r="BE31" s="292">
        <v>0</v>
      </c>
      <c r="BF31" s="293">
        <v>0</v>
      </c>
      <c r="BG31" s="294">
        <v>0</v>
      </c>
      <c r="BH31" s="298"/>
      <c r="BI31" s="293">
        <v>0</v>
      </c>
      <c r="BJ31" s="293">
        <v>0</v>
      </c>
      <c r="BK31" s="293">
        <v>2635</v>
      </c>
      <c r="BL31" s="293">
        <v>0</v>
      </c>
      <c r="BM31" s="293">
        <v>0</v>
      </c>
      <c r="BN31" s="296">
        <v>2635</v>
      </c>
      <c r="BO31" s="297">
        <v>2635</v>
      </c>
      <c r="BP31" s="292">
        <v>0</v>
      </c>
      <c r="BQ31" s="293">
        <v>0</v>
      </c>
      <c r="BR31" s="294">
        <v>0</v>
      </c>
      <c r="BS31" s="295">
        <v>0</v>
      </c>
      <c r="BT31" s="293">
        <v>0</v>
      </c>
      <c r="BU31" s="293">
        <v>0</v>
      </c>
      <c r="BV31" s="293">
        <v>3269</v>
      </c>
      <c r="BW31" s="293">
        <v>0</v>
      </c>
      <c r="BX31" s="293">
        <v>0</v>
      </c>
      <c r="BY31" s="296">
        <v>3269</v>
      </c>
      <c r="BZ31" s="297">
        <v>3269</v>
      </c>
      <c r="CA31" s="292">
        <v>0</v>
      </c>
      <c r="CB31" s="293">
        <v>0</v>
      </c>
      <c r="CC31" s="294">
        <v>0</v>
      </c>
      <c r="CD31" s="295">
        <v>0</v>
      </c>
      <c r="CE31" s="293">
        <v>0</v>
      </c>
      <c r="CF31" s="293">
        <v>0</v>
      </c>
      <c r="CG31" s="293">
        <v>0</v>
      </c>
      <c r="CH31" s="293">
        <v>0</v>
      </c>
      <c r="CI31" s="293">
        <v>0</v>
      </c>
      <c r="CJ31" s="296">
        <v>0</v>
      </c>
      <c r="CK31" s="297">
        <v>0</v>
      </c>
      <c r="CL31" s="292">
        <v>0</v>
      </c>
      <c r="CM31" s="293">
        <v>0</v>
      </c>
      <c r="CN31" s="294">
        <v>0</v>
      </c>
      <c r="CO31" s="295">
        <v>0</v>
      </c>
      <c r="CP31" s="293">
        <v>0</v>
      </c>
      <c r="CQ31" s="293">
        <v>0</v>
      </c>
      <c r="CR31" s="293">
        <v>0</v>
      </c>
      <c r="CS31" s="293">
        <v>0</v>
      </c>
      <c r="CT31" s="293">
        <v>0</v>
      </c>
      <c r="CU31" s="296">
        <v>0</v>
      </c>
      <c r="CV31" s="297">
        <v>0</v>
      </c>
      <c r="CW31" s="292">
        <v>0</v>
      </c>
      <c r="CX31" s="293">
        <v>0</v>
      </c>
      <c r="CY31" s="294">
        <v>0</v>
      </c>
      <c r="CZ31" s="298"/>
      <c r="DA31" s="293">
        <v>0</v>
      </c>
      <c r="DB31" s="293">
        <v>0</v>
      </c>
      <c r="DC31" s="293">
        <v>0</v>
      </c>
      <c r="DD31" s="293">
        <v>0</v>
      </c>
      <c r="DE31" s="293">
        <v>0</v>
      </c>
      <c r="DF31" s="296">
        <v>0</v>
      </c>
      <c r="DG31" s="297">
        <v>0</v>
      </c>
      <c r="DH31" s="292">
        <v>0</v>
      </c>
      <c r="DI31" s="293">
        <v>0</v>
      </c>
      <c r="DJ31" s="294">
        <v>0</v>
      </c>
      <c r="DK31" s="295">
        <v>0</v>
      </c>
      <c r="DL31" s="293">
        <v>217</v>
      </c>
      <c r="DM31" s="293">
        <v>14787</v>
      </c>
      <c r="DN31" s="293">
        <v>201244</v>
      </c>
      <c r="DO31" s="293">
        <v>130954</v>
      </c>
      <c r="DP31" s="293">
        <v>94216</v>
      </c>
      <c r="DQ31" s="296">
        <v>441418</v>
      </c>
      <c r="DR31" s="299">
        <v>441418</v>
      </c>
      <c r="DS31" s="292">
        <v>0</v>
      </c>
      <c r="DT31" s="293">
        <v>0</v>
      </c>
      <c r="DU31" s="294">
        <v>0</v>
      </c>
      <c r="DV31" s="298"/>
      <c r="DW31" s="293">
        <v>0</v>
      </c>
      <c r="DX31" s="293">
        <v>14570</v>
      </c>
      <c r="DY31" s="293">
        <v>164631</v>
      </c>
      <c r="DZ31" s="293">
        <v>108951</v>
      </c>
      <c r="EA31" s="293">
        <v>94216</v>
      </c>
      <c r="EB31" s="296">
        <v>382368</v>
      </c>
      <c r="EC31" s="297">
        <v>382368</v>
      </c>
      <c r="ED31" s="292">
        <v>0</v>
      </c>
      <c r="EE31" s="293">
        <v>0</v>
      </c>
      <c r="EF31" s="294">
        <v>0</v>
      </c>
      <c r="EG31" s="298"/>
      <c r="EH31" s="293">
        <v>217</v>
      </c>
      <c r="EI31" s="293">
        <v>217</v>
      </c>
      <c r="EJ31" s="293">
        <v>11532</v>
      </c>
      <c r="EK31" s="293">
        <v>22003</v>
      </c>
      <c r="EL31" s="293">
        <v>0</v>
      </c>
      <c r="EM31" s="296">
        <v>33969</v>
      </c>
      <c r="EN31" s="297">
        <v>33969</v>
      </c>
      <c r="EO31" s="292">
        <v>0</v>
      </c>
      <c r="EP31" s="293">
        <v>0</v>
      </c>
      <c r="EQ31" s="294">
        <v>0</v>
      </c>
      <c r="ER31" s="298"/>
      <c r="ES31" s="293">
        <v>0</v>
      </c>
      <c r="ET31" s="293">
        <v>0</v>
      </c>
      <c r="EU31" s="293">
        <v>0</v>
      </c>
      <c r="EV31" s="293">
        <v>0</v>
      </c>
      <c r="EW31" s="293">
        <v>0</v>
      </c>
      <c r="EX31" s="296">
        <v>0</v>
      </c>
      <c r="EY31" s="297">
        <v>0</v>
      </c>
      <c r="EZ31" s="292">
        <v>0</v>
      </c>
      <c r="FA31" s="293">
        <v>0</v>
      </c>
      <c r="FB31" s="294">
        <v>0</v>
      </c>
      <c r="FC31" s="298"/>
      <c r="FD31" s="293">
        <v>0</v>
      </c>
      <c r="FE31" s="293">
        <v>0</v>
      </c>
      <c r="FF31" s="293">
        <v>0</v>
      </c>
      <c r="FG31" s="293">
        <v>0</v>
      </c>
      <c r="FH31" s="293">
        <v>0</v>
      </c>
      <c r="FI31" s="296">
        <v>0</v>
      </c>
      <c r="FJ31" s="297">
        <v>0</v>
      </c>
      <c r="FK31" s="292">
        <v>0</v>
      </c>
      <c r="FL31" s="293">
        <v>0</v>
      </c>
      <c r="FM31" s="294">
        <v>0</v>
      </c>
      <c r="FN31" s="298"/>
      <c r="FO31" s="293">
        <v>0</v>
      </c>
      <c r="FP31" s="293">
        <v>0</v>
      </c>
      <c r="FQ31" s="293">
        <v>21576</v>
      </c>
      <c r="FR31" s="293">
        <v>0</v>
      </c>
      <c r="FS31" s="293">
        <v>0</v>
      </c>
      <c r="FT31" s="296">
        <v>21576</v>
      </c>
      <c r="FU31" s="297">
        <v>21576</v>
      </c>
      <c r="FV31" s="292">
        <v>0</v>
      </c>
      <c r="FW31" s="293">
        <v>0</v>
      </c>
      <c r="FX31" s="294">
        <v>0</v>
      </c>
      <c r="FY31" s="295">
        <v>0</v>
      </c>
      <c r="FZ31" s="293">
        <v>0</v>
      </c>
      <c r="GA31" s="293">
        <v>0</v>
      </c>
      <c r="GB31" s="293">
        <v>3505</v>
      </c>
      <c r="GC31" s="293">
        <v>0</v>
      </c>
      <c r="GD31" s="293">
        <v>0</v>
      </c>
      <c r="GE31" s="296">
        <v>3505</v>
      </c>
      <c r="GF31" s="297">
        <v>3505</v>
      </c>
      <c r="GG31" s="292">
        <v>0</v>
      </c>
      <c r="GH31" s="293">
        <v>0</v>
      </c>
      <c r="GI31" s="294">
        <v>0</v>
      </c>
      <c r="GJ31" s="295">
        <v>0</v>
      </c>
      <c r="GK31" s="293">
        <v>0</v>
      </c>
      <c r="GL31" s="293">
        <v>0</v>
      </c>
      <c r="GM31" s="293">
        <v>0</v>
      </c>
      <c r="GN31" s="293">
        <v>0</v>
      </c>
      <c r="GO31" s="293">
        <v>0</v>
      </c>
      <c r="GP31" s="296">
        <v>0</v>
      </c>
      <c r="GQ31" s="297">
        <v>0</v>
      </c>
      <c r="GR31" s="292">
        <v>0</v>
      </c>
      <c r="GS31" s="293">
        <v>0</v>
      </c>
      <c r="GT31" s="294">
        <v>0</v>
      </c>
      <c r="GU31" s="295">
        <v>0</v>
      </c>
      <c r="GV31" s="293">
        <v>0</v>
      </c>
      <c r="GW31" s="293">
        <v>0</v>
      </c>
      <c r="GX31" s="293">
        <v>0</v>
      </c>
      <c r="GY31" s="293">
        <v>0</v>
      </c>
      <c r="GZ31" s="293">
        <v>0</v>
      </c>
      <c r="HA31" s="296">
        <v>0</v>
      </c>
      <c r="HB31" s="297">
        <v>0</v>
      </c>
      <c r="HC31" s="292">
        <v>0</v>
      </c>
      <c r="HD31" s="293">
        <v>0</v>
      </c>
      <c r="HE31" s="294">
        <v>0</v>
      </c>
      <c r="HF31" s="298"/>
      <c r="HG31" s="293">
        <v>0</v>
      </c>
      <c r="HH31" s="293">
        <v>0</v>
      </c>
      <c r="HI31" s="293">
        <v>0</v>
      </c>
      <c r="HJ31" s="293">
        <v>0</v>
      </c>
      <c r="HK31" s="293">
        <v>0</v>
      </c>
      <c r="HL31" s="296">
        <v>0</v>
      </c>
      <c r="HM31" s="297">
        <v>0</v>
      </c>
      <c r="HN31" s="292">
        <v>0</v>
      </c>
      <c r="HO31" s="293">
        <v>0</v>
      </c>
      <c r="HP31" s="294">
        <v>0</v>
      </c>
      <c r="HQ31" s="295">
        <v>0</v>
      </c>
      <c r="HR31" s="293">
        <v>24862</v>
      </c>
      <c r="HS31" s="293">
        <v>70122</v>
      </c>
      <c r="HT31" s="293">
        <v>477893</v>
      </c>
      <c r="HU31" s="293">
        <v>327552</v>
      </c>
      <c r="HV31" s="293">
        <v>157236</v>
      </c>
      <c r="HW31" s="296">
        <v>1057665</v>
      </c>
      <c r="HX31" s="297">
        <v>1057665</v>
      </c>
    </row>
    <row r="32" spans="1:232" ht="21" customHeight="1" x14ac:dyDescent="0.2">
      <c r="A32" s="498" t="s">
        <v>29</v>
      </c>
      <c r="B32" s="292">
        <v>0</v>
      </c>
      <c r="C32" s="293">
        <v>0</v>
      </c>
      <c r="D32" s="294">
        <v>0</v>
      </c>
      <c r="E32" s="295">
        <v>0</v>
      </c>
      <c r="F32" s="293">
        <v>3235</v>
      </c>
      <c r="G32" s="293">
        <v>114280</v>
      </c>
      <c r="H32" s="293">
        <v>243480</v>
      </c>
      <c r="I32" s="293">
        <v>493395</v>
      </c>
      <c r="J32" s="293">
        <v>222205</v>
      </c>
      <c r="K32" s="296">
        <v>1076595</v>
      </c>
      <c r="L32" s="297">
        <v>1076595</v>
      </c>
      <c r="M32" s="292">
        <v>0</v>
      </c>
      <c r="N32" s="293">
        <v>0</v>
      </c>
      <c r="O32" s="294">
        <v>0</v>
      </c>
      <c r="P32" s="298"/>
      <c r="Q32" s="293">
        <v>0</v>
      </c>
      <c r="R32" s="293">
        <v>35495</v>
      </c>
      <c r="S32" s="293">
        <v>93465</v>
      </c>
      <c r="T32" s="293">
        <v>328710</v>
      </c>
      <c r="U32" s="293">
        <v>158100</v>
      </c>
      <c r="V32" s="296">
        <v>615770</v>
      </c>
      <c r="W32" s="297">
        <v>615770</v>
      </c>
      <c r="X32" s="292">
        <v>0</v>
      </c>
      <c r="Y32" s="293">
        <v>0</v>
      </c>
      <c r="Z32" s="294">
        <v>0</v>
      </c>
      <c r="AA32" s="298"/>
      <c r="AB32" s="293">
        <v>2635</v>
      </c>
      <c r="AC32" s="293">
        <v>62620</v>
      </c>
      <c r="AD32" s="293">
        <v>70070</v>
      </c>
      <c r="AE32" s="293">
        <v>49615</v>
      </c>
      <c r="AF32" s="293">
        <v>27280</v>
      </c>
      <c r="AG32" s="296">
        <v>212220</v>
      </c>
      <c r="AH32" s="297">
        <v>212220</v>
      </c>
      <c r="AI32" s="292">
        <v>0</v>
      </c>
      <c r="AJ32" s="293">
        <v>0</v>
      </c>
      <c r="AK32" s="294">
        <v>0</v>
      </c>
      <c r="AL32" s="298"/>
      <c r="AM32" s="293">
        <v>0</v>
      </c>
      <c r="AN32" s="293">
        <v>0</v>
      </c>
      <c r="AO32" s="293">
        <v>0</v>
      </c>
      <c r="AP32" s="293">
        <v>0</v>
      </c>
      <c r="AQ32" s="293">
        <v>0</v>
      </c>
      <c r="AR32" s="296">
        <v>0</v>
      </c>
      <c r="AS32" s="297">
        <v>0</v>
      </c>
      <c r="AT32" s="292">
        <v>0</v>
      </c>
      <c r="AU32" s="293">
        <v>0</v>
      </c>
      <c r="AV32" s="294">
        <v>0</v>
      </c>
      <c r="AW32" s="298"/>
      <c r="AX32" s="293">
        <v>0</v>
      </c>
      <c r="AY32" s="293">
        <v>0</v>
      </c>
      <c r="AZ32" s="293">
        <v>0</v>
      </c>
      <c r="BA32" s="293">
        <v>0</v>
      </c>
      <c r="BB32" s="293">
        <v>0</v>
      </c>
      <c r="BC32" s="296">
        <v>0</v>
      </c>
      <c r="BD32" s="297">
        <v>0</v>
      </c>
      <c r="BE32" s="292">
        <v>0</v>
      </c>
      <c r="BF32" s="293">
        <v>0</v>
      </c>
      <c r="BG32" s="294">
        <v>0</v>
      </c>
      <c r="BH32" s="298"/>
      <c r="BI32" s="293">
        <v>0</v>
      </c>
      <c r="BJ32" s="293">
        <v>0</v>
      </c>
      <c r="BK32" s="293">
        <v>48430</v>
      </c>
      <c r="BL32" s="293">
        <v>110100</v>
      </c>
      <c r="BM32" s="293">
        <v>35230</v>
      </c>
      <c r="BN32" s="296">
        <v>193760</v>
      </c>
      <c r="BO32" s="297">
        <v>193760</v>
      </c>
      <c r="BP32" s="292">
        <v>0</v>
      </c>
      <c r="BQ32" s="293">
        <v>0</v>
      </c>
      <c r="BR32" s="294">
        <v>0</v>
      </c>
      <c r="BS32" s="295">
        <v>0</v>
      </c>
      <c r="BT32" s="293">
        <v>600</v>
      </c>
      <c r="BU32" s="293">
        <v>14035</v>
      </c>
      <c r="BV32" s="293">
        <v>30835</v>
      </c>
      <c r="BW32" s="293">
        <v>4970</v>
      </c>
      <c r="BX32" s="293">
        <v>1595</v>
      </c>
      <c r="BY32" s="296">
        <v>52035</v>
      </c>
      <c r="BZ32" s="297">
        <v>52035</v>
      </c>
      <c r="CA32" s="292">
        <v>0</v>
      </c>
      <c r="CB32" s="293">
        <v>0</v>
      </c>
      <c r="CC32" s="294">
        <v>0</v>
      </c>
      <c r="CD32" s="295">
        <v>0</v>
      </c>
      <c r="CE32" s="293">
        <v>0</v>
      </c>
      <c r="CF32" s="293">
        <v>2130</v>
      </c>
      <c r="CG32" s="293">
        <v>680</v>
      </c>
      <c r="CH32" s="293">
        <v>0</v>
      </c>
      <c r="CI32" s="293">
        <v>0</v>
      </c>
      <c r="CJ32" s="296">
        <v>2810</v>
      </c>
      <c r="CK32" s="297">
        <v>2810</v>
      </c>
      <c r="CL32" s="292">
        <v>0</v>
      </c>
      <c r="CM32" s="293">
        <v>0</v>
      </c>
      <c r="CN32" s="294">
        <v>0</v>
      </c>
      <c r="CO32" s="295">
        <v>0</v>
      </c>
      <c r="CP32" s="293">
        <v>0</v>
      </c>
      <c r="CQ32" s="293">
        <v>0</v>
      </c>
      <c r="CR32" s="293">
        <v>0</v>
      </c>
      <c r="CS32" s="293">
        <v>0</v>
      </c>
      <c r="CT32" s="293">
        <v>0</v>
      </c>
      <c r="CU32" s="296">
        <v>0</v>
      </c>
      <c r="CV32" s="297">
        <v>0</v>
      </c>
      <c r="CW32" s="292">
        <v>0</v>
      </c>
      <c r="CX32" s="293">
        <v>0</v>
      </c>
      <c r="CY32" s="294">
        <v>0</v>
      </c>
      <c r="CZ32" s="298"/>
      <c r="DA32" s="293">
        <v>0</v>
      </c>
      <c r="DB32" s="293">
        <v>0</v>
      </c>
      <c r="DC32" s="293">
        <v>0</v>
      </c>
      <c r="DD32" s="293">
        <v>0</v>
      </c>
      <c r="DE32" s="293">
        <v>0</v>
      </c>
      <c r="DF32" s="296">
        <v>0</v>
      </c>
      <c r="DG32" s="297">
        <v>0</v>
      </c>
      <c r="DH32" s="292">
        <v>0</v>
      </c>
      <c r="DI32" s="293">
        <v>0</v>
      </c>
      <c r="DJ32" s="294">
        <v>0</v>
      </c>
      <c r="DK32" s="295">
        <v>0</v>
      </c>
      <c r="DL32" s="293">
        <v>968</v>
      </c>
      <c r="DM32" s="293">
        <v>44226</v>
      </c>
      <c r="DN32" s="293">
        <v>329056</v>
      </c>
      <c r="DO32" s="293">
        <v>404758</v>
      </c>
      <c r="DP32" s="293">
        <v>194475</v>
      </c>
      <c r="DQ32" s="296">
        <v>973483</v>
      </c>
      <c r="DR32" s="299">
        <v>973483</v>
      </c>
      <c r="DS32" s="292">
        <v>0</v>
      </c>
      <c r="DT32" s="293">
        <v>0</v>
      </c>
      <c r="DU32" s="294">
        <v>0</v>
      </c>
      <c r="DV32" s="298"/>
      <c r="DW32" s="293">
        <v>0</v>
      </c>
      <c r="DX32" s="293">
        <v>26505</v>
      </c>
      <c r="DY32" s="293">
        <v>77686</v>
      </c>
      <c r="DZ32" s="293">
        <v>271852</v>
      </c>
      <c r="EA32" s="293">
        <v>144832</v>
      </c>
      <c r="EB32" s="296">
        <v>520875</v>
      </c>
      <c r="EC32" s="297">
        <v>520875</v>
      </c>
      <c r="ED32" s="292">
        <v>0</v>
      </c>
      <c r="EE32" s="293">
        <v>0</v>
      </c>
      <c r="EF32" s="294">
        <v>0</v>
      </c>
      <c r="EG32" s="298"/>
      <c r="EH32" s="293">
        <v>217</v>
      </c>
      <c r="EI32" s="293">
        <v>868</v>
      </c>
      <c r="EJ32" s="293">
        <v>11059</v>
      </c>
      <c r="EK32" s="293">
        <v>707</v>
      </c>
      <c r="EL32" s="293">
        <v>434</v>
      </c>
      <c r="EM32" s="296">
        <v>13285</v>
      </c>
      <c r="EN32" s="297">
        <v>13285</v>
      </c>
      <c r="EO32" s="292">
        <v>0</v>
      </c>
      <c r="EP32" s="293">
        <v>0</v>
      </c>
      <c r="EQ32" s="294">
        <v>0</v>
      </c>
      <c r="ER32" s="298"/>
      <c r="ES32" s="293">
        <v>0</v>
      </c>
      <c r="ET32" s="293">
        <v>0</v>
      </c>
      <c r="EU32" s="293">
        <v>0</v>
      </c>
      <c r="EV32" s="293">
        <v>0</v>
      </c>
      <c r="EW32" s="293">
        <v>0</v>
      </c>
      <c r="EX32" s="296">
        <v>0</v>
      </c>
      <c r="EY32" s="297">
        <v>0</v>
      </c>
      <c r="EZ32" s="292">
        <v>0</v>
      </c>
      <c r="FA32" s="293">
        <v>0</v>
      </c>
      <c r="FB32" s="294">
        <v>0</v>
      </c>
      <c r="FC32" s="298"/>
      <c r="FD32" s="293">
        <v>0</v>
      </c>
      <c r="FE32" s="293">
        <v>0</v>
      </c>
      <c r="FF32" s="293">
        <v>0</v>
      </c>
      <c r="FG32" s="293">
        <v>0</v>
      </c>
      <c r="FH32" s="293">
        <v>0</v>
      </c>
      <c r="FI32" s="296">
        <v>0</v>
      </c>
      <c r="FJ32" s="297">
        <v>0</v>
      </c>
      <c r="FK32" s="292">
        <v>0</v>
      </c>
      <c r="FL32" s="293">
        <v>0</v>
      </c>
      <c r="FM32" s="294">
        <v>0</v>
      </c>
      <c r="FN32" s="298"/>
      <c r="FO32" s="293">
        <v>0</v>
      </c>
      <c r="FP32" s="293">
        <v>0</v>
      </c>
      <c r="FQ32" s="293">
        <v>202292</v>
      </c>
      <c r="FR32" s="293">
        <v>124758</v>
      </c>
      <c r="FS32" s="293">
        <v>43593</v>
      </c>
      <c r="FT32" s="296">
        <v>370643</v>
      </c>
      <c r="FU32" s="297">
        <v>370643</v>
      </c>
      <c r="FV32" s="292">
        <v>0</v>
      </c>
      <c r="FW32" s="293">
        <v>0</v>
      </c>
      <c r="FX32" s="294">
        <v>0</v>
      </c>
      <c r="FY32" s="295">
        <v>0</v>
      </c>
      <c r="FZ32" s="293">
        <v>751</v>
      </c>
      <c r="GA32" s="293">
        <v>16818</v>
      </c>
      <c r="GB32" s="293">
        <v>35871</v>
      </c>
      <c r="GC32" s="293">
        <v>7441</v>
      </c>
      <c r="GD32" s="293">
        <v>5616</v>
      </c>
      <c r="GE32" s="296">
        <v>66497</v>
      </c>
      <c r="GF32" s="297">
        <v>66497</v>
      </c>
      <c r="GG32" s="292">
        <v>0</v>
      </c>
      <c r="GH32" s="293">
        <v>0</v>
      </c>
      <c r="GI32" s="294">
        <v>0</v>
      </c>
      <c r="GJ32" s="295">
        <v>0</v>
      </c>
      <c r="GK32" s="293">
        <v>0</v>
      </c>
      <c r="GL32" s="293">
        <v>35</v>
      </c>
      <c r="GM32" s="293">
        <v>2148</v>
      </c>
      <c r="GN32" s="293">
        <v>0</v>
      </c>
      <c r="GO32" s="293">
        <v>0</v>
      </c>
      <c r="GP32" s="296">
        <v>2183</v>
      </c>
      <c r="GQ32" s="297">
        <v>2183</v>
      </c>
      <c r="GR32" s="292">
        <v>0</v>
      </c>
      <c r="GS32" s="293">
        <v>0</v>
      </c>
      <c r="GT32" s="294">
        <v>0</v>
      </c>
      <c r="GU32" s="295">
        <v>0</v>
      </c>
      <c r="GV32" s="293">
        <v>0</v>
      </c>
      <c r="GW32" s="293">
        <v>0</v>
      </c>
      <c r="GX32" s="293">
        <v>0</v>
      </c>
      <c r="GY32" s="293">
        <v>0</v>
      </c>
      <c r="GZ32" s="293">
        <v>0</v>
      </c>
      <c r="HA32" s="296">
        <v>0</v>
      </c>
      <c r="HB32" s="297">
        <v>0</v>
      </c>
      <c r="HC32" s="292">
        <v>0</v>
      </c>
      <c r="HD32" s="293">
        <v>0</v>
      </c>
      <c r="HE32" s="294">
        <v>0</v>
      </c>
      <c r="HF32" s="298"/>
      <c r="HG32" s="293">
        <v>0</v>
      </c>
      <c r="HH32" s="293">
        <v>0</v>
      </c>
      <c r="HI32" s="293">
        <v>0</v>
      </c>
      <c r="HJ32" s="293">
        <v>0</v>
      </c>
      <c r="HK32" s="293">
        <v>0</v>
      </c>
      <c r="HL32" s="296">
        <v>0</v>
      </c>
      <c r="HM32" s="297">
        <v>0</v>
      </c>
      <c r="HN32" s="292">
        <v>0</v>
      </c>
      <c r="HO32" s="293">
        <v>0</v>
      </c>
      <c r="HP32" s="294">
        <v>0</v>
      </c>
      <c r="HQ32" s="295">
        <v>0</v>
      </c>
      <c r="HR32" s="293">
        <v>4203</v>
      </c>
      <c r="HS32" s="293">
        <v>158506</v>
      </c>
      <c r="HT32" s="293">
        <v>572536</v>
      </c>
      <c r="HU32" s="293">
        <v>898153</v>
      </c>
      <c r="HV32" s="293">
        <v>416680</v>
      </c>
      <c r="HW32" s="296">
        <v>2050078</v>
      </c>
      <c r="HX32" s="297">
        <v>2050078</v>
      </c>
    </row>
    <row r="33" spans="1:232" ht="21" customHeight="1" x14ac:dyDescent="0.2">
      <c r="A33" s="498" t="s">
        <v>30</v>
      </c>
      <c r="B33" s="292">
        <v>0</v>
      </c>
      <c r="C33" s="293">
        <v>0</v>
      </c>
      <c r="D33" s="294">
        <v>0</v>
      </c>
      <c r="E33" s="295">
        <v>0</v>
      </c>
      <c r="F33" s="293">
        <v>93850</v>
      </c>
      <c r="G33" s="293">
        <v>7385</v>
      </c>
      <c r="H33" s="293">
        <v>259615</v>
      </c>
      <c r="I33" s="293">
        <v>367260</v>
      </c>
      <c r="J33" s="293">
        <v>159085</v>
      </c>
      <c r="K33" s="296">
        <v>887195</v>
      </c>
      <c r="L33" s="297">
        <v>887195</v>
      </c>
      <c r="M33" s="292">
        <v>0</v>
      </c>
      <c r="N33" s="293">
        <v>0</v>
      </c>
      <c r="O33" s="294">
        <v>0</v>
      </c>
      <c r="P33" s="298"/>
      <c r="Q33" s="293">
        <v>0</v>
      </c>
      <c r="R33" s="293">
        <v>2635</v>
      </c>
      <c r="S33" s="293">
        <v>181470</v>
      </c>
      <c r="T33" s="293">
        <v>283430</v>
      </c>
      <c r="U33" s="293">
        <v>122605</v>
      </c>
      <c r="V33" s="296">
        <v>590140</v>
      </c>
      <c r="W33" s="297">
        <v>590140</v>
      </c>
      <c r="X33" s="292">
        <v>0</v>
      </c>
      <c r="Y33" s="293">
        <v>0</v>
      </c>
      <c r="Z33" s="294">
        <v>0</v>
      </c>
      <c r="AA33" s="298"/>
      <c r="AB33" s="293">
        <v>92690</v>
      </c>
      <c r="AC33" s="293">
        <v>0</v>
      </c>
      <c r="AD33" s="293">
        <v>40765</v>
      </c>
      <c r="AE33" s="293">
        <v>79205</v>
      </c>
      <c r="AF33" s="293">
        <v>2635</v>
      </c>
      <c r="AG33" s="296">
        <v>215295</v>
      </c>
      <c r="AH33" s="297">
        <v>215295</v>
      </c>
      <c r="AI33" s="292">
        <v>0</v>
      </c>
      <c r="AJ33" s="293">
        <v>0</v>
      </c>
      <c r="AK33" s="294">
        <v>0</v>
      </c>
      <c r="AL33" s="298"/>
      <c r="AM33" s="293">
        <v>0</v>
      </c>
      <c r="AN33" s="293">
        <v>0</v>
      </c>
      <c r="AO33" s="293">
        <v>0</v>
      </c>
      <c r="AP33" s="293">
        <v>0</v>
      </c>
      <c r="AQ33" s="293">
        <v>0</v>
      </c>
      <c r="AR33" s="296">
        <v>0</v>
      </c>
      <c r="AS33" s="297">
        <v>0</v>
      </c>
      <c r="AT33" s="292">
        <v>0</v>
      </c>
      <c r="AU33" s="293">
        <v>0</v>
      </c>
      <c r="AV33" s="294">
        <v>0</v>
      </c>
      <c r="AW33" s="298"/>
      <c r="AX33" s="293">
        <v>0</v>
      </c>
      <c r="AY33" s="293">
        <v>0</v>
      </c>
      <c r="AZ33" s="293">
        <v>35495</v>
      </c>
      <c r="BA33" s="293">
        <v>0</v>
      </c>
      <c r="BB33" s="293">
        <v>32705</v>
      </c>
      <c r="BC33" s="296">
        <v>68200</v>
      </c>
      <c r="BD33" s="297">
        <v>68200</v>
      </c>
      <c r="BE33" s="292">
        <v>0</v>
      </c>
      <c r="BF33" s="293">
        <v>0</v>
      </c>
      <c r="BG33" s="294">
        <v>0</v>
      </c>
      <c r="BH33" s="298"/>
      <c r="BI33" s="293">
        <v>0</v>
      </c>
      <c r="BJ33" s="293">
        <v>0</v>
      </c>
      <c r="BK33" s="293">
        <v>0</v>
      </c>
      <c r="BL33" s="293">
        <v>0</v>
      </c>
      <c r="BM33" s="293">
        <v>0</v>
      </c>
      <c r="BN33" s="296">
        <v>0</v>
      </c>
      <c r="BO33" s="297">
        <v>0</v>
      </c>
      <c r="BP33" s="292">
        <v>0</v>
      </c>
      <c r="BQ33" s="293">
        <v>0</v>
      </c>
      <c r="BR33" s="294">
        <v>0</v>
      </c>
      <c r="BS33" s="295">
        <v>0</v>
      </c>
      <c r="BT33" s="293">
        <v>1160</v>
      </c>
      <c r="BU33" s="293">
        <v>4750</v>
      </c>
      <c r="BV33" s="293">
        <v>1885</v>
      </c>
      <c r="BW33" s="293">
        <v>4380</v>
      </c>
      <c r="BX33" s="293">
        <v>1140</v>
      </c>
      <c r="BY33" s="296">
        <v>13315</v>
      </c>
      <c r="BZ33" s="297">
        <v>13315</v>
      </c>
      <c r="CA33" s="292">
        <v>0</v>
      </c>
      <c r="CB33" s="293">
        <v>0</v>
      </c>
      <c r="CC33" s="294">
        <v>0</v>
      </c>
      <c r="CD33" s="295">
        <v>0</v>
      </c>
      <c r="CE33" s="293">
        <v>0</v>
      </c>
      <c r="CF33" s="293">
        <v>0</v>
      </c>
      <c r="CG33" s="293">
        <v>0</v>
      </c>
      <c r="CH33" s="293">
        <v>245</v>
      </c>
      <c r="CI33" s="293">
        <v>0</v>
      </c>
      <c r="CJ33" s="296">
        <v>245</v>
      </c>
      <c r="CK33" s="297">
        <v>245</v>
      </c>
      <c r="CL33" s="292">
        <v>0</v>
      </c>
      <c r="CM33" s="293">
        <v>0</v>
      </c>
      <c r="CN33" s="294">
        <v>0</v>
      </c>
      <c r="CO33" s="295">
        <v>0</v>
      </c>
      <c r="CP33" s="293">
        <v>0</v>
      </c>
      <c r="CQ33" s="293">
        <v>0</v>
      </c>
      <c r="CR33" s="293">
        <v>0</v>
      </c>
      <c r="CS33" s="293">
        <v>0</v>
      </c>
      <c r="CT33" s="293">
        <v>0</v>
      </c>
      <c r="CU33" s="296">
        <v>0</v>
      </c>
      <c r="CV33" s="297">
        <v>0</v>
      </c>
      <c r="CW33" s="292">
        <v>0</v>
      </c>
      <c r="CX33" s="293">
        <v>0</v>
      </c>
      <c r="CY33" s="294">
        <v>0</v>
      </c>
      <c r="CZ33" s="298"/>
      <c r="DA33" s="293">
        <v>0</v>
      </c>
      <c r="DB33" s="293">
        <v>0</v>
      </c>
      <c r="DC33" s="293">
        <v>0</v>
      </c>
      <c r="DD33" s="293">
        <v>0</v>
      </c>
      <c r="DE33" s="293">
        <v>0</v>
      </c>
      <c r="DF33" s="296">
        <v>0</v>
      </c>
      <c r="DG33" s="297">
        <v>0</v>
      </c>
      <c r="DH33" s="292">
        <v>0</v>
      </c>
      <c r="DI33" s="293">
        <v>0</v>
      </c>
      <c r="DJ33" s="294">
        <v>0</v>
      </c>
      <c r="DK33" s="295">
        <v>0</v>
      </c>
      <c r="DL33" s="293">
        <v>42206</v>
      </c>
      <c r="DM33" s="293">
        <v>24346</v>
      </c>
      <c r="DN33" s="293">
        <v>377297</v>
      </c>
      <c r="DO33" s="293">
        <v>310068</v>
      </c>
      <c r="DP33" s="293">
        <v>175044</v>
      </c>
      <c r="DQ33" s="296">
        <v>928961</v>
      </c>
      <c r="DR33" s="299">
        <v>928961</v>
      </c>
      <c r="DS33" s="292">
        <v>0</v>
      </c>
      <c r="DT33" s="293">
        <v>0</v>
      </c>
      <c r="DU33" s="294">
        <v>0</v>
      </c>
      <c r="DV33" s="298"/>
      <c r="DW33" s="293">
        <v>0</v>
      </c>
      <c r="DX33" s="293">
        <v>15035</v>
      </c>
      <c r="DY33" s="293">
        <v>331400</v>
      </c>
      <c r="DZ33" s="293">
        <v>294347</v>
      </c>
      <c r="EA33" s="293">
        <v>161789</v>
      </c>
      <c r="EB33" s="296">
        <v>802571</v>
      </c>
      <c r="EC33" s="297">
        <v>802571</v>
      </c>
      <c r="ED33" s="292">
        <v>0</v>
      </c>
      <c r="EE33" s="293">
        <v>0</v>
      </c>
      <c r="EF33" s="294">
        <v>0</v>
      </c>
      <c r="EG33" s="298"/>
      <c r="EH33" s="293">
        <v>36239</v>
      </c>
      <c r="EI33" s="293">
        <v>0</v>
      </c>
      <c r="EJ33" s="293">
        <v>23002</v>
      </c>
      <c r="EK33" s="293">
        <v>1085</v>
      </c>
      <c r="EL33" s="293">
        <v>11098</v>
      </c>
      <c r="EM33" s="296">
        <v>71424</v>
      </c>
      <c r="EN33" s="297">
        <v>71424</v>
      </c>
      <c r="EO33" s="292">
        <v>0</v>
      </c>
      <c r="EP33" s="293">
        <v>0</v>
      </c>
      <c r="EQ33" s="294">
        <v>0</v>
      </c>
      <c r="ER33" s="298"/>
      <c r="ES33" s="293">
        <v>0</v>
      </c>
      <c r="ET33" s="293">
        <v>0</v>
      </c>
      <c r="EU33" s="293">
        <v>0</v>
      </c>
      <c r="EV33" s="293">
        <v>0</v>
      </c>
      <c r="EW33" s="293">
        <v>0</v>
      </c>
      <c r="EX33" s="296">
        <v>0</v>
      </c>
      <c r="EY33" s="297">
        <v>0</v>
      </c>
      <c r="EZ33" s="292">
        <v>0</v>
      </c>
      <c r="FA33" s="293">
        <v>0</v>
      </c>
      <c r="FB33" s="294">
        <v>0</v>
      </c>
      <c r="FC33" s="298"/>
      <c r="FD33" s="293">
        <v>0</v>
      </c>
      <c r="FE33" s="293">
        <v>0</v>
      </c>
      <c r="FF33" s="293">
        <v>11687</v>
      </c>
      <c r="FG33" s="293">
        <v>0</v>
      </c>
      <c r="FH33" s="293">
        <v>217</v>
      </c>
      <c r="FI33" s="296">
        <v>11904</v>
      </c>
      <c r="FJ33" s="297">
        <v>11904</v>
      </c>
      <c r="FK33" s="292">
        <v>0</v>
      </c>
      <c r="FL33" s="293">
        <v>0</v>
      </c>
      <c r="FM33" s="294">
        <v>0</v>
      </c>
      <c r="FN33" s="298"/>
      <c r="FO33" s="293">
        <v>0</v>
      </c>
      <c r="FP33" s="293">
        <v>0</v>
      </c>
      <c r="FQ33" s="293">
        <v>0</v>
      </c>
      <c r="FR33" s="293">
        <v>0</v>
      </c>
      <c r="FS33" s="293">
        <v>0</v>
      </c>
      <c r="FT33" s="296">
        <v>0</v>
      </c>
      <c r="FU33" s="297">
        <v>0</v>
      </c>
      <c r="FV33" s="292">
        <v>0</v>
      </c>
      <c r="FW33" s="293">
        <v>0</v>
      </c>
      <c r="FX33" s="294">
        <v>0</v>
      </c>
      <c r="FY33" s="295">
        <v>0</v>
      </c>
      <c r="FZ33" s="293">
        <v>5967</v>
      </c>
      <c r="GA33" s="293">
        <v>9311</v>
      </c>
      <c r="GB33" s="293">
        <v>9700</v>
      </c>
      <c r="GC33" s="293">
        <v>13920</v>
      </c>
      <c r="GD33" s="293">
        <v>1940</v>
      </c>
      <c r="GE33" s="296">
        <v>40838</v>
      </c>
      <c r="GF33" s="297">
        <v>40838</v>
      </c>
      <c r="GG33" s="292">
        <v>0</v>
      </c>
      <c r="GH33" s="293">
        <v>0</v>
      </c>
      <c r="GI33" s="294">
        <v>0</v>
      </c>
      <c r="GJ33" s="295">
        <v>0</v>
      </c>
      <c r="GK33" s="293">
        <v>0</v>
      </c>
      <c r="GL33" s="293">
        <v>0</v>
      </c>
      <c r="GM33" s="293">
        <v>1508</v>
      </c>
      <c r="GN33" s="293">
        <v>716</v>
      </c>
      <c r="GO33" s="293">
        <v>0</v>
      </c>
      <c r="GP33" s="296">
        <v>2224</v>
      </c>
      <c r="GQ33" s="297">
        <v>2224</v>
      </c>
      <c r="GR33" s="292">
        <v>0</v>
      </c>
      <c r="GS33" s="293">
        <v>0</v>
      </c>
      <c r="GT33" s="294">
        <v>0</v>
      </c>
      <c r="GU33" s="295">
        <v>0</v>
      </c>
      <c r="GV33" s="293">
        <v>0</v>
      </c>
      <c r="GW33" s="293">
        <v>0</v>
      </c>
      <c r="GX33" s="293">
        <v>0</v>
      </c>
      <c r="GY33" s="293">
        <v>0</v>
      </c>
      <c r="GZ33" s="293">
        <v>0</v>
      </c>
      <c r="HA33" s="296">
        <v>0</v>
      </c>
      <c r="HB33" s="297">
        <v>0</v>
      </c>
      <c r="HC33" s="292">
        <v>0</v>
      </c>
      <c r="HD33" s="293">
        <v>0</v>
      </c>
      <c r="HE33" s="294">
        <v>0</v>
      </c>
      <c r="HF33" s="298"/>
      <c r="HG33" s="293">
        <v>0</v>
      </c>
      <c r="HH33" s="293">
        <v>0</v>
      </c>
      <c r="HI33" s="293">
        <v>0</v>
      </c>
      <c r="HJ33" s="293">
        <v>0</v>
      </c>
      <c r="HK33" s="293">
        <v>0</v>
      </c>
      <c r="HL33" s="296">
        <v>0</v>
      </c>
      <c r="HM33" s="297">
        <v>0</v>
      </c>
      <c r="HN33" s="292">
        <v>0</v>
      </c>
      <c r="HO33" s="293">
        <v>0</v>
      </c>
      <c r="HP33" s="294">
        <v>0</v>
      </c>
      <c r="HQ33" s="295">
        <v>0</v>
      </c>
      <c r="HR33" s="293">
        <v>136056</v>
      </c>
      <c r="HS33" s="293">
        <v>31731</v>
      </c>
      <c r="HT33" s="293">
        <v>636912</v>
      </c>
      <c r="HU33" s="293">
        <v>677328</v>
      </c>
      <c r="HV33" s="293">
        <v>334129</v>
      </c>
      <c r="HW33" s="296">
        <v>1816156</v>
      </c>
      <c r="HX33" s="297">
        <v>1816156</v>
      </c>
    </row>
    <row r="34" spans="1:232" ht="21" customHeight="1" x14ac:dyDescent="0.2">
      <c r="A34" s="498" t="s">
        <v>31</v>
      </c>
      <c r="B34" s="292">
        <v>0</v>
      </c>
      <c r="C34" s="293">
        <v>1740</v>
      </c>
      <c r="D34" s="294">
        <v>1740</v>
      </c>
      <c r="E34" s="295">
        <v>0</v>
      </c>
      <c r="F34" s="293">
        <v>33865</v>
      </c>
      <c r="G34" s="293">
        <v>105270</v>
      </c>
      <c r="H34" s="293">
        <v>281750</v>
      </c>
      <c r="I34" s="293">
        <v>227530</v>
      </c>
      <c r="J34" s="293">
        <v>109375</v>
      </c>
      <c r="K34" s="296">
        <v>757790</v>
      </c>
      <c r="L34" s="297">
        <v>759530</v>
      </c>
      <c r="M34" s="292">
        <v>0</v>
      </c>
      <c r="N34" s="293">
        <v>0</v>
      </c>
      <c r="O34" s="294">
        <v>0</v>
      </c>
      <c r="P34" s="298"/>
      <c r="Q34" s="293">
        <v>0</v>
      </c>
      <c r="R34" s="293">
        <v>57350</v>
      </c>
      <c r="S34" s="293">
        <v>271960</v>
      </c>
      <c r="T34" s="293">
        <v>128120</v>
      </c>
      <c r="U34" s="293">
        <v>109375</v>
      </c>
      <c r="V34" s="296">
        <v>566805</v>
      </c>
      <c r="W34" s="297">
        <v>566805</v>
      </c>
      <c r="X34" s="292">
        <v>0</v>
      </c>
      <c r="Y34" s="293">
        <v>0</v>
      </c>
      <c r="Z34" s="294">
        <v>0</v>
      </c>
      <c r="AA34" s="298"/>
      <c r="AB34" s="293">
        <v>0</v>
      </c>
      <c r="AC34" s="293">
        <v>29915</v>
      </c>
      <c r="AD34" s="293">
        <v>7905</v>
      </c>
      <c r="AE34" s="293">
        <v>65255</v>
      </c>
      <c r="AF34" s="293">
        <v>0</v>
      </c>
      <c r="AG34" s="296">
        <v>103075</v>
      </c>
      <c r="AH34" s="297">
        <v>103075</v>
      </c>
      <c r="AI34" s="292">
        <v>0</v>
      </c>
      <c r="AJ34" s="293">
        <v>0</v>
      </c>
      <c r="AK34" s="294">
        <v>0</v>
      </c>
      <c r="AL34" s="298"/>
      <c r="AM34" s="293">
        <v>0</v>
      </c>
      <c r="AN34" s="293">
        <v>0</v>
      </c>
      <c r="AO34" s="293">
        <v>0</v>
      </c>
      <c r="AP34" s="293">
        <v>0</v>
      </c>
      <c r="AQ34" s="293">
        <v>0</v>
      </c>
      <c r="AR34" s="296">
        <v>0</v>
      </c>
      <c r="AS34" s="297">
        <v>0</v>
      </c>
      <c r="AT34" s="292">
        <v>0</v>
      </c>
      <c r="AU34" s="293">
        <v>0</v>
      </c>
      <c r="AV34" s="294">
        <v>0</v>
      </c>
      <c r="AW34" s="298"/>
      <c r="AX34" s="293">
        <v>32705</v>
      </c>
      <c r="AY34" s="293">
        <v>11130</v>
      </c>
      <c r="AZ34" s="293">
        <v>0</v>
      </c>
      <c r="BA34" s="293">
        <v>32705</v>
      </c>
      <c r="BB34" s="293">
        <v>0</v>
      </c>
      <c r="BC34" s="296">
        <v>76540</v>
      </c>
      <c r="BD34" s="297">
        <v>76540</v>
      </c>
      <c r="BE34" s="292">
        <v>0</v>
      </c>
      <c r="BF34" s="293">
        <v>0</v>
      </c>
      <c r="BG34" s="294">
        <v>0</v>
      </c>
      <c r="BH34" s="298"/>
      <c r="BI34" s="293">
        <v>0</v>
      </c>
      <c r="BJ34" s="293">
        <v>0</v>
      </c>
      <c r="BK34" s="293">
        <v>0</v>
      </c>
      <c r="BL34" s="293">
        <v>0</v>
      </c>
      <c r="BM34" s="293">
        <v>0</v>
      </c>
      <c r="BN34" s="296">
        <v>0</v>
      </c>
      <c r="BO34" s="297">
        <v>0</v>
      </c>
      <c r="BP34" s="292">
        <v>0</v>
      </c>
      <c r="BQ34" s="293">
        <v>1740</v>
      </c>
      <c r="BR34" s="294">
        <v>1740</v>
      </c>
      <c r="BS34" s="295">
        <v>0</v>
      </c>
      <c r="BT34" s="293">
        <v>1160</v>
      </c>
      <c r="BU34" s="293">
        <v>6875</v>
      </c>
      <c r="BV34" s="293">
        <v>1885</v>
      </c>
      <c r="BW34" s="293">
        <v>1450</v>
      </c>
      <c r="BX34" s="293">
        <v>0</v>
      </c>
      <c r="BY34" s="296">
        <v>11370</v>
      </c>
      <c r="BZ34" s="297">
        <v>13110</v>
      </c>
      <c r="CA34" s="292">
        <v>0</v>
      </c>
      <c r="CB34" s="293">
        <v>0</v>
      </c>
      <c r="CC34" s="294">
        <v>0</v>
      </c>
      <c r="CD34" s="295">
        <v>0</v>
      </c>
      <c r="CE34" s="293">
        <v>0</v>
      </c>
      <c r="CF34" s="293">
        <v>0</v>
      </c>
      <c r="CG34" s="293">
        <v>0</v>
      </c>
      <c r="CH34" s="293">
        <v>0</v>
      </c>
      <c r="CI34" s="293">
        <v>0</v>
      </c>
      <c r="CJ34" s="296">
        <v>0</v>
      </c>
      <c r="CK34" s="297">
        <v>0</v>
      </c>
      <c r="CL34" s="292">
        <v>0</v>
      </c>
      <c r="CM34" s="293">
        <v>0</v>
      </c>
      <c r="CN34" s="294">
        <v>0</v>
      </c>
      <c r="CO34" s="295">
        <v>0</v>
      </c>
      <c r="CP34" s="293">
        <v>0</v>
      </c>
      <c r="CQ34" s="293">
        <v>0</v>
      </c>
      <c r="CR34" s="293">
        <v>0</v>
      </c>
      <c r="CS34" s="293">
        <v>0</v>
      </c>
      <c r="CT34" s="293">
        <v>0</v>
      </c>
      <c r="CU34" s="296">
        <v>0</v>
      </c>
      <c r="CV34" s="297">
        <v>0</v>
      </c>
      <c r="CW34" s="292">
        <v>0</v>
      </c>
      <c r="CX34" s="293">
        <v>0</v>
      </c>
      <c r="CY34" s="294">
        <v>0</v>
      </c>
      <c r="CZ34" s="298"/>
      <c r="DA34" s="293">
        <v>0</v>
      </c>
      <c r="DB34" s="293">
        <v>0</v>
      </c>
      <c r="DC34" s="293">
        <v>0</v>
      </c>
      <c r="DD34" s="293">
        <v>0</v>
      </c>
      <c r="DE34" s="293">
        <v>0</v>
      </c>
      <c r="DF34" s="296">
        <v>0</v>
      </c>
      <c r="DG34" s="297">
        <v>0</v>
      </c>
      <c r="DH34" s="292">
        <v>0</v>
      </c>
      <c r="DI34" s="293">
        <v>5820</v>
      </c>
      <c r="DJ34" s="294">
        <v>5820</v>
      </c>
      <c r="DK34" s="295">
        <v>0</v>
      </c>
      <c r="DL34" s="293">
        <v>4078</v>
      </c>
      <c r="DM34" s="293">
        <v>64445</v>
      </c>
      <c r="DN34" s="293">
        <v>326345</v>
      </c>
      <c r="DO34" s="293">
        <v>301750</v>
      </c>
      <c r="DP34" s="293">
        <v>152927</v>
      </c>
      <c r="DQ34" s="296">
        <v>849545</v>
      </c>
      <c r="DR34" s="299">
        <v>855365</v>
      </c>
      <c r="DS34" s="292">
        <v>0</v>
      </c>
      <c r="DT34" s="293">
        <v>0</v>
      </c>
      <c r="DU34" s="294">
        <v>0</v>
      </c>
      <c r="DV34" s="298"/>
      <c r="DW34" s="293">
        <v>0</v>
      </c>
      <c r="DX34" s="293">
        <v>51801</v>
      </c>
      <c r="DY34" s="293">
        <v>317302</v>
      </c>
      <c r="DZ34" s="293">
        <v>294424</v>
      </c>
      <c r="EA34" s="293">
        <v>152927</v>
      </c>
      <c r="EB34" s="296">
        <v>816454</v>
      </c>
      <c r="EC34" s="297">
        <v>816454</v>
      </c>
      <c r="ED34" s="292">
        <v>0</v>
      </c>
      <c r="EE34" s="293">
        <v>0</v>
      </c>
      <c r="EF34" s="294">
        <v>0</v>
      </c>
      <c r="EG34" s="298"/>
      <c r="EH34" s="293">
        <v>0</v>
      </c>
      <c r="EI34" s="293">
        <v>620</v>
      </c>
      <c r="EJ34" s="293">
        <v>651</v>
      </c>
      <c r="EK34" s="293">
        <v>1085</v>
      </c>
      <c r="EL34" s="293">
        <v>0</v>
      </c>
      <c r="EM34" s="296">
        <v>2356</v>
      </c>
      <c r="EN34" s="297">
        <v>2356</v>
      </c>
      <c r="EO34" s="292">
        <v>0</v>
      </c>
      <c r="EP34" s="293">
        <v>0</v>
      </c>
      <c r="EQ34" s="294">
        <v>0</v>
      </c>
      <c r="ER34" s="298"/>
      <c r="ES34" s="293">
        <v>0</v>
      </c>
      <c r="ET34" s="293">
        <v>0</v>
      </c>
      <c r="EU34" s="293">
        <v>0</v>
      </c>
      <c r="EV34" s="293">
        <v>0</v>
      </c>
      <c r="EW34" s="293">
        <v>0</v>
      </c>
      <c r="EX34" s="296">
        <v>0</v>
      </c>
      <c r="EY34" s="297">
        <v>0</v>
      </c>
      <c r="EZ34" s="292">
        <v>0</v>
      </c>
      <c r="FA34" s="293">
        <v>0</v>
      </c>
      <c r="FB34" s="294">
        <v>0</v>
      </c>
      <c r="FC34" s="298"/>
      <c r="FD34" s="293">
        <v>217</v>
      </c>
      <c r="FE34" s="293">
        <v>98</v>
      </c>
      <c r="FF34" s="293">
        <v>0</v>
      </c>
      <c r="FG34" s="293">
        <v>217</v>
      </c>
      <c r="FH34" s="293">
        <v>0</v>
      </c>
      <c r="FI34" s="296">
        <v>532</v>
      </c>
      <c r="FJ34" s="297">
        <v>532</v>
      </c>
      <c r="FK34" s="292">
        <v>0</v>
      </c>
      <c r="FL34" s="293">
        <v>0</v>
      </c>
      <c r="FM34" s="294">
        <v>0</v>
      </c>
      <c r="FN34" s="298"/>
      <c r="FO34" s="293">
        <v>0</v>
      </c>
      <c r="FP34" s="293">
        <v>0</v>
      </c>
      <c r="FQ34" s="293">
        <v>0</v>
      </c>
      <c r="FR34" s="293">
        <v>0</v>
      </c>
      <c r="FS34" s="293">
        <v>0</v>
      </c>
      <c r="FT34" s="296">
        <v>0</v>
      </c>
      <c r="FU34" s="297">
        <v>0</v>
      </c>
      <c r="FV34" s="292">
        <v>0</v>
      </c>
      <c r="FW34" s="293">
        <v>5820</v>
      </c>
      <c r="FX34" s="294">
        <v>5820</v>
      </c>
      <c r="FY34" s="295">
        <v>0</v>
      </c>
      <c r="FZ34" s="293">
        <v>3861</v>
      </c>
      <c r="GA34" s="293">
        <v>11926</v>
      </c>
      <c r="GB34" s="293">
        <v>8392</v>
      </c>
      <c r="GC34" s="293">
        <v>6024</v>
      </c>
      <c r="GD34" s="293">
        <v>0</v>
      </c>
      <c r="GE34" s="296">
        <v>30203</v>
      </c>
      <c r="GF34" s="297">
        <v>36023</v>
      </c>
      <c r="GG34" s="292">
        <v>0</v>
      </c>
      <c r="GH34" s="293">
        <v>0</v>
      </c>
      <c r="GI34" s="294">
        <v>0</v>
      </c>
      <c r="GJ34" s="295">
        <v>0</v>
      </c>
      <c r="GK34" s="293">
        <v>0</v>
      </c>
      <c r="GL34" s="293">
        <v>0</v>
      </c>
      <c r="GM34" s="293">
        <v>0</v>
      </c>
      <c r="GN34" s="293">
        <v>0</v>
      </c>
      <c r="GO34" s="293">
        <v>0</v>
      </c>
      <c r="GP34" s="296">
        <v>0</v>
      </c>
      <c r="GQ34" s="297">
        <v>0</v>
      </c>
      <c r="GR34" s="292">
        <v>0</v>
      </c>
      <c r="GS34" s="293">
        <v>0</v>
      </c>
      <c r="GT34" s="294">
        <v>0</v>
      </c>
      <c r="GU34" s="295">
        <v>0</v>
      </c>
      <c r="GV34" s="293">
        <v>0</v>
      </c>
      <c r="GW34" s="293">
        <v>0</v>
      </c>
      <c r="GX34" s="293">
        <v>0</v>
      </c>
      <c r="GY34" s="293">
        <v>0</v>
      </c>
      <c r="GZ34" s="293">
        <v>0</v>
      </c>
      <c r="HA34" s="296">
        <v>0</v>
      </c>
      <c r="HB34" s="297">
        <v>0</v>
      </c>
      <c r="HC34" s="292">
        <v>0</v>
      </c>
      <c r="HD34" s="293">
        <v>0</v>
      </c>
      <c r="HE34" s="294">
        <v>0</v>
      </c>
      <c r="HF34" s="298"/>
      <c r="HG34" s="293">
        <v>0</v>
      </c>
      <c r="HH34" s="293">
        <v>0</v>
      </c>
      <c r="HI34" s="293">
        <v>0</v>
      </c>
      <c r="HJ34" s="293">
        <v>0</v>
      </c>
      <c r="HK34" s="293">
        <v>0</v>
      </c>
      <c r="HL34" s="296">
        <v>0</v>
      </c>
      <c r="HM34" s="297">
        <v>0</v>
      </c>
      <c r="HN34" s="292">
        <v>0</v>
      </c>
      <c r="HO34" s="293">
        <v>7560</v>
      </c>
      <c r="HP34" s="294">
        <v>7560</v>
      </c>
      <c r="HQ34" s="295">
        <v>0</v>
      </c>
      <c r="HR34" s="293">
        <v>37943</v>
      </c>
      <c r="HS34" s="293">
        <v>169715</v>
      </c>
      <c r="HT34" s="293">
        <v>608095</v>
      </c>
      <c r="HU34" s="293">
        <v>529280</v>
      </c>
      <c r="HV34" s="293">
        <v>262302</v>
      </c>
      <c r="HW34" s="296">
        <v>1607335</v>
      </c>
      <c r="HX34" s="297">
        <v>1614895</v>
      </c>
    </row>
    <row r="35" spans="1:232" ht="21" customHeight="1" x14ac:dyDescent="0.2">
      <c r="A35" s="498" t="s">
        <v>32</v>
      </c>
      <c r="B35" s="292">
        <v>0</v>
      </c>
      <c r="C35" s="293">
        <v>0</v>
      </c>
      <c r="D35" s="294">
        <v>0</v>
      </c>
      <c r="E35" s="295">
        <v>0</v>
      </c>
      <c r="F35" s="293">
        <v>68200</v>
      </c>
      <c r="G35" s="293">
        <v>75420</v>
      </c>
      <c r="H35" s="293">
        <v>406515</v>
      </c>
      <c r="I35" s="293">
        <v>454955</v>
      </c>
      <c r="J35" s="293">
        <v>167700</v>
      </c>
      <c r="K35" s="296">
        <v>1172790</v>
      </c>
      <c r="L35" s="297">
        <v>1172790</v>
      </c>
      <c r="M35" s="292">
        <v>0</v>
      </c>
      <c r="N35" s="293">
        <v>0</v>
      </c>
      <c r="O35" s="294">
        <v>0</v>
      </c>
      <c r="P35" s="298"/>
      <c r="Q35" s="293">
        <v>35495</v>
      </c>
      <c r="R35" s="293">
        <v>0</v>
      </c>
      <c r="S35" s="293">
        <v>135750</v>
      </c>
      <c r="T35" s="293">
        <v>254800</v>
      </c>
      <c r="U35" s="293">
        <v>67870</v>
      </c>
      <c r="V35" s="296">
        <v>493915</v>
      </c>
      <c r="W35" s="297">
        <v>493915</v>
      </c>
      <c r="X35" s="292">
        <v>0</v>
      </c>
      <c r="Y35" s="293">
        <v>0</v>
      </c>
      <c r="Z35" s="294">
        <v>0</v>
      </c>
      <c r="AA35" s="298"/>
      <c r="AB35" s="293">
        <v>32705</v>
      </c>
      <c r="AC35" s="293">
        <v>65410</v>
      </c>
      <c r="AD35" s="293">
        <v>65255</v>
      </c>
      <c r="AE35" s="293">
        <v>160580</v>
      </c>
      <c r="AF35" s="293">
        <v>35495</v>
      </c>
      <c r="AG35" s="296">
        <v>359445</v>
      </c>
      <c r="AH35" s="297">
        <v>359445</v>
      </c>
      <c r="AI35" s="292">
        <v>0</v>
      </c>
      <c r="AJ35" s="293">
        <v>0</v>
      </c>
      <c r="AK35" s="294">
        <v>0</v>
      </c>
      <c r="AL35" s="298"/>
      <c r="AM35" s="293">
        <v>0</v>
      </c>
      <c r="AN35" s="293">
        <v>0</v>
      </c>
      <c r="AO35" s="293">
        <v>0</v>
      </c>
      <c r="AP35" s="293">
        <v>0</v>
      </c>
      <c r="AQ35" s="293">
        <v>0</v>
      </c>
      <c r="AR35" s="296">
        <v>0</v>
      </c>
      <c r="AS35" s="297">
        <v>0</v>
      </c>
      <c r="AT35" s="292">
        <v>0</v>
      </c>
      <c r="AU35" s="293">
        <v>0</v>
      </c>
      <c r="AV35" s="294">
        <v>0</v>
      </c>
      <c r="AW35" s="298"/>
      <c r="AX35" s="293">
        <v>0</v>
      </c>
      <c r="AY35" s="293">
        <v>0</v>
      </c>
      <c r="AZ35" s="293">
        <v>0</v>
      </c>
      <c r="BA35" s="293">
        <v>0</v>
      </c>
      <c r="BB35" s="293">
        <v>32705</v>
      </c>
      <c r="BC35" s="296">
        <v>32705</v>
      </c>
      <c r="BD35" s="297">
        <v>32705</v>
      </c>
      <c r="BE35" s="292">
        <v>0</v>
      </c>
      <c r="BF35" s="293">
        <v>0</v>
      </c>
      <c r="BG35" s="294">
        <v>0</v>
      </c>
      <c r="BH35" s="298"/>
      <c r="BI35" s="293">
        <v>0</v>
      </c>
      <c r="BJ35" s="293">
        <v>0</v>
      </c>
      <c r="BK35" s="293">
        <v>197875</v>
      </c>
      <c r="BL35" s="293">
        <v>39165</v>
      </c>
      <c r="BM35" s="293">
        <v>27280</v>
      </c>
      <c r="BN35" s="296">
        <v>264320</v>
      </c>
      <c r="BO35" s="297">
        <v>264320</v>
      </c>
      <c r="BP35" s="292">
        <v>0</v>
      </c>
      <c r="BQ35" s="293">
        <v>0</v>
      </c>
      <c r="BR35" s="294">
        <v>0</v>
      </c>
      <c r="BS35" s="295">
        <v>0</v>
      </c>
      <c r="BT35" s="293">
        <v>0</v>
      </c>
      <c r="BU35" s="293">
        <v>10010</v>
      </c>
      <c r="BV35" s="293">
        <v>7345</v>
      </c>
      <c r="BW35" s="293">
        <v>145</v>
      </c>
      <c r="BX35" s="293">
        <v>4350</v>
      </c>
      <c r="BY35" s="296">
        <v>21850</v>
      </c>
      <c r="BZ35" s="297">
        <v>21850</v>
      </c>
      <c r="CA35" s="292">
        <v>0</v>
      </c>
      <c r="CB35" s="293">
        <v>0</v>
      </c>
      <c r="CC35" s="294">
        <v>0</v>
      </c>
      <c r="CD35" s="295">
        <v>0</v>
      </c>
      <c r="CE35" s="293">
        <v>0</v>
      </c>
      <c r="CF35" s="293">
        <v>0</v>
      </c>
      <c r="CG35" s="293">
        <v>290</v>
      </c>
      <c r="CH35" s="293">
        <v>265</v>
      </c>
      <c r="CI35" s="293">
        <v>0</v>
      </c>
      <c r="CJ35" s="296">
        <v>555</v>
      </c>
      <c r="CK35" s="297">
        <v>555</v>
      </c>
      <c r="CL35" s="292">
        <v>0</v>
      </c>
      <c r="CM35" s="293">
        <v>0</v>
      </c>
      <c r="CN35" s="294">
        <v>0</v>
      </c>
      <c r="CO35" s="295">
        <v>0</v>
      </c>
      <c r="CP35" s="293">
        <v>0</v>
      </c>
      <c r="CQ35" s="293">
        <v>0</v>
      </c>
      <c r="CR35" s="293">
        <v>0</v>
      </c>
      <c r="CS35" s="293">
        <v>0</v>
      </c>
      <c r="CT35" s="293">
        <v>0</v>
      </c>
      <c r="CU35" s="296">
        <v>0</v>
      </c>
      <c r="CV35" s="297">
        <v>0</v>
      </c>
      <c r="CW35" s="292">
        <v>0</v>
      </c>
      <c r="CX35" s="293">
        <v>0</v>
      </c>
      <c r="CY35" s="294">
        <v>0</v>
      </c>
      <c r="CZ35" s="298"/>
      <c r="DA35" s="293">
        <v>0</v>
      </c>
      <c r="DB35" s="293">
        <v>0</v>
      </c>
      <c r="DC35" s="293">
        <v>0</v>
      </c>
      <c r="DD35" s="293">
        <v>0</v>
      </c>
      <c r="DE35" s="293">
        <v>0</v>
      </c>
      <c r="DF35" s="296">
        <v>0</v>
      </c>
      <c r="DG35" s="297">
        <v>0</v>
      </c>
      <c r="DH35" s="292">
        <v>0</v>
      </c>
      <c r="DI35" s="293">
        <v>0</v>
      </c>
      <c r="DJ35" s="294">
        <v>0</v>
      </c>
      <c r="DK35" s="295">
        <v>0</v>
      </c>
      <c r="DL35" s="293">
        <v>26722</v>
      </c>
      <c r="DM35" s="293">
        <v>22413</v>
      </c>
      <c r="DN35" s="293">
        <v>293360</v>
      </c>
      <c r="DO35" s="293">
        <v>438560</v>
      </c>
      <c r="DP35" s="293">
        <v>156991</v>
      </c>
      <c r="DQ35" s="296">
        <v>938046</v>
      </c>
      <c r="DR35" s="299">
        <v>938046</v>
      </c>
      <c r="DS35" s="292">
        <v>0</v>
      </c>
      <c r="DT35" s="293">
        <v>0</v>
      </c>
      <c r="DU35" s="294">
        <v>0</v>
      </c>
      <c r="DV35" s="298"/>
      <c r="DW35" s="293">
        <v>26505</v>
      </c>
      <c r="DX35" s="293">
        <v>0</v>
      </c>
      <c r="DY35" s="293">
        <v>169074</v>
      </c>
      <c r="DZ35" s="293">
        <v>344495</v>
      </c>
      <c r="EA35" s="293">
        <v>108775</v>
      </c>
      <c r="EB35" s="296">
        <v>648849</v>
      </c>
      <c r="EC35" s="297">
        <v>648849</v>
      </c>
      <c r="ED35" s="292">
        <v>0</v>
      </c>
      <c r="EE35" s="293">
        <v>0</v>
      </c>
      <c r="EF35" s="294">
        <v>0</v>
      </c>
      <c r="EG35" s="298"/>
      <c r="EH35" s="293">
        <v>217</v>
      </c>
      <c r="EI35" s="293">
        <v>403</v>
      </c>
      <c r="EJ35" s="293">
        <v>11935</v>
      </c>
      <c r="EK35" s="293">
        <v>38471</v>
      </c>
      <c r="EL35" s="293">
        <v>11687</v>
      </c>
      <c r="EM35" s="296">
        <v>62713</v>
      </c>
      <c r="EN35" s="297">
        <v>62713</v>
      </c>
      <c r="EO35" s="292">
        <v>0</v>
      </c>
      <c r="EP35" s="293">
        <v>0</v>
      </c>
      <c r="EQ35" s="294">
        <v>0</v>
      </c>
      <c r="ER35" s="298"/>
      <c r="ES35" s="293">
        <v>0</v>
      </c>
      <c r="ET35" s="293">
        <v>0</v>
      </c>
      <c r="EU35" s="293">
        <v>0</v>
      </c>
      <c r="EV35" s="293">
        <v>0</v>
      </c>
      <c r="EW35" s="293">
        <v>0</v>
      </c>
      <c r="EX35" s="296">
        <v>0</v>
      </c>
      <c r="EY35" s="297">
        <v>0</v>
      </c>
      <c r="EZ35" s="292">
        <v>0</v>
      </c>
      <c r="FA35" s="293">
        <v>0</v>
      </c>
      <c r="FB35" s="294">
        <v>0</v>
      </c>
      <c r="FC35" s="298"/>
      <c r="FD35" s="293">
        <v>0</v>
      </c>
      <c r="FE35" s="293">
        <v>0</v>
      </c>
      <c r="FF35" s="293">
        <v>0</v>
      </c>
      <c r="FG35" s="293">
        <v>0</v>
      </c>
      <c r="FH35" s="293">
        <v>217</v>
      </c>
      <c r="FI35" s="296">
        <v>217</v>
      </c>
      <c r="FJ35" s="297">
        <v>217</v>
      </c>
      <c r="FK35" s="292">
        <v>0</v>
      </c>
      <c r="FL35" s="293">
        <v>0</v>
      </c>
      <c r="FM35" s="294">
        <v>0</v>
      </c>
      <c r="FN35" s="298"/>
      <c r="FO35" s="293">
        <v>0</v>
      </c>
      <c r="FP35" s="293">
        <v>0</v>
      </c>
      <c r="FQ35" s="293">
        <v>100964</v>
      </c>
      <c r="FR35" s="293">
        <v>52765</v>
      </c>
      <c r="FS35" s="293">
        <v>21762</v>
      </c>
      <c r="FT35" s="296">
        <v>175491</v>
      </c>
      <c r="FU35" s="297">
        <v>175491</v>
      </c>
      <c r="FV35" s="292">
        <v>0</v>
      </c>
      <c r="FW35" s="293">
        <v>0</v>
      </c>
      <c r="FX35" s="294">
        <v>0</v>
      </c>
      <c r="FY35" s="295">
        <v>0</v>
      </c>
      <c r="FZ35" s="293">
        <v>0</v>
      </c>
      <c r="GA35" s="293">
        <v>22010</v>
      </c>
      <c r="GB35" s="293">
        <v>9955</v>
      </c>
      <c r="GC35" s="293">
        <v>1755</v>
      </c>
      <c r="GD35" s="293">
        <v>14550</v>
      </c>
      <c r="GE35" s="296">
        <v>48270</v>
      </c>
      <c r="GF35" s="297">
        <v>48270</v>
      </c>
      <c r="GG35" s="292">
        <v>0</v>
      </c>
      <c r="GH35" s="293">
        <v>0</v>
      </c>
      <c r="GI35" s="294">
        <v>0</v>
      </c>
      <c r="GJ35" s="295">
        <v>0</v>
      </c>
      <c r="GK35" s="293">
        <v>0</v>
      </c>
      <c r="GL35" s="293">
        <v>0</v>
      </c>
      <c r="GM35" s="293">
        <v>1432</v>
      </c>
      <c r="GN35" s="293">
        <v>1074</v>
      </c>
      <c r="GO35" s="293">
        <v>0</v>
      </c>
      <c r="GP35" s="296">
        <v>2506</v>
      </c>
      <c r="GQ35" s="297">
        <v>2506</v>
      </c>
      <c r="GR35" s="292">
        <v>0</v>
      </c>
      <c r="GS35" s="293">
        <v>0</v>
      </c>
      <c r="GT35" s="294">
        <v>0</v>
      </c>
      <c r="GU35" s="295">
        <v>0</v>
      </c>
      <c r="GV35" s="293">
        <v>0</v>
      </c>
      <c r="GW35" s="293">
        <v>0</v>
      </c>
      <c r="GX35" s="293">
        <v>0</v>
      </c>
      <c r="GY35" s="293">
        <v>0</v>
      </c>
      <c r="GZ35" s="293">
        <v>0</v>
      </c>
      <c r="HA35" s="296">
        <v>0</v>
      </c>
      <c r="HB35" s="297">
        <v>0</v>
      </c>
      <c r="HC35" s="292">
        <v>0</v>
      </c>
      <c r="HD35" s="293">
        <v>0</v>
      </c>
      <c r="HE35" s="294">
        <v>0</v>
      </c>
      <c r="HF35" s="298"/>
      <c r="HG35" s="293">
        <v>0</v>
      </c>
      <c r="HH35" s="293">
        <v>0</v>
      </c>
      <c r="HI35" s="293">
        <v>0</v>
      </c>
      <c r="HJ35" s="293">
        <v>0</v>
      </c>
      <c r="HK35" s="293">
        <v>0</v>
      </c>
      <c r="HL35" s="296">
        <v>0</v>
      </c>
      <c r="HM35" s="297">
        <v>0</v>
      </c>
      <c r="HN35" s="292">
        <v>0</v>
      </c>
      <c r="HO35" s="293">
        <v>0</v>
      </c>
      <c r="HP35" s="294">
        <v>0</v>
      </c>
      <c r="HQ35" s="295">
        <v>0</v>
      </c>
      <c r="HR35" s="293">
        <v>94922</v>
      </c>
      <c r="HS35" s="293">
        <v>97833</v>
      </c>
      <c r="HT35" s="293">
        <v>699875</v>
      </c>
      <c r="HU35" s="293">
        <v>893515</v>
      </c>
      <c r="HV35" s="293">
        <v>324691</v>
      </c>
      <c r="HW35" s="296">
        <v>2110836</v>
      </c>
      <c r="HX35" s="297">
        <v>2110836</v>
      </c>
    </row>
    <row r="36" spans="1:232" ht="21" customHeight="1" x14ac:dyDescent="0.2">
      <c r="A36" s="498" t="s">
        <v>33</v>
      </c>
      <c r="B36" s="292">
        <v>0</v>
      </c>
      <c r="C36" s="293">
        <v>0</v>
      </c>
      <c r="D36" s="294">
        <v>0</v>
      </c>
      <c r="E36" s="295">
        <v>0</v>
      </c>
      <c r="F36" s="293">
        <v>87030</v>
      </c>
      <c r="G36" s="293">
        <v>157435</v>
      </c>
      <c r="H36" s="293">
        <v>450530</v>
      </c>
      <c r="I36" s="293">
        <v>502920</v>
      </c>
      <c r="J36" s="293">
        <v>253760</v>
      </c>
      <c r="K36" s="296">
        <v>1451675</v>
      </c>
      <c r="L36" s="297">
        <v>1451675</v>
      </c>
      <c r="M36" s="292">
        <v>0</v>
      </c>
      <c r="N36" s="293">
        <v>0</v>
      </c>
      <c r="O36" s="294">
        <v>0</v>
      </c>
      <c r="P36" s="298"/>
      <c r="Q36" s="293">
        <v>0</v>
      </c>
      <c r="R36" s="293">
        <v>27450</v>
      </c>
      <c r="S36" s="293">
        <v>238085</v>
      </c>
      <c r="T36" s="293">
        <v>311810</v>
      </c>
      <c r="U36" s="293">
        <v>210025</v>
      </c>
      <c r="V36" s="296">
        <v>787370</v>
      </c>
      <c r="W36" s="297">
        <v>787370</v>
      </c>
      <c r="X36" s="292">
        <v>0</v>
      </c>
      <c r="Y36" s="293">
        <v>0</v>
      </c>
      <c r="Z36" s="294">
        <v>0</v>
      </c>
      <c r="AA36" s="298"/>
      <c r="AB36" s="293">
        <v>59985</v>
      </c>
      <c r="AC36" s="293">
        <v>65410</v>
      </c>
      <c r="AD36" s="293">
        <v>141670</v>
      </c>
      <c r="AE36" s="293">
        <v>142850</v>
      </c>
      <c r="AF36" s="293">
        <v>6715</v>
      </c>
      <c r="AG36" s="296">
        <v>416630</v>
      </c>
      <c r="AH36" s="297">
        <v>416630</v>
      </c>
      <c r="AI36" s="292">
        <v>0</v>
      </c>
      <c r="AJ36" s="293">
        <v>0</v>
      </c>
      <c r="AK36" s="294">
        <v>0</v>
      </c>
      <c r="AL36" s="298"/>
      <c r="AM36" s="293">
        <v>0</v>
      </c>
      <c r="AN36" s="293">
        <v>0</v>
      </c>
      <c r="AO36" s="293">
        <v>0</v>
      </c>
      <c r="AP36" s="293">
        <v>0</v>
      </c>
      <c r="AQ36" s="293">
        <v>0</v>
      </c>
      <c r="AR36" s="296">
        <v>0</v>
      </c>
      <c r="AS36" s="297">
        <v>0</v>
      </c>
      <c r="AT36" s="292">
        <v>0</v>
      </c>
      <c r="AU36" s="293">
        <v>0</v>
      </c>
      <c r="AV36" s="294">
        <v>0</v>
      </c>
      <c r="AW36" s="298"/>
      <c r="AX36" s="293">
        <v>24645</v>
      </c>
      <c r="AY36" s="293">
        <v>62775</v>
      </c>
      <c r="AZ36" s="293">
        <v>64050</v>
      </c>
      <c r="BA36" s="293">
        <v>33665</v>
      </c>
      <c r="BB36" s="293">
        <v>26705</v>
      </c>
      <c r="BC36" s="296">
        <v>211840</v>
      </c>
      <c r="BD36" s="297">
        <v>211840</v>
      </c>
      <c r="BE36" s="292">
        <v>0</v>
      </c>
      <c r="BF36" s="293">
        <v>0</v>
      </c>
      <c r="BG36" s="294">
        <v>0</v>
      </c>
      <c r="BH36" s="298"/>
      <c r="BI36" s="293">
        <v>0</v>
      </c>
      <c r="BJ36" s="293">
        <v>0</v>
      </c>
      <c r="BK36" s="293">
        <v>0</v>
      </c>
      <c r="BL36" s="293">
        <v>0</v>
      </c>
      <c r="BM36" s="293">
        <v>0</v>
      </c>
      <c r="BN36" s="296">
        <v>0</v>
      </c>
      <c r="BO36" s="297">
        <v>0</v>
      </c>
      <c r="BP36" s="292">
        <v>0</v>
      </c>
      <c r="BQ36" s="293">
        <v>0</v>
      </c>
      <c r="BR36" s="294">
        <v>0</v>
      </c>
      <c r="BS36" s="295">
        <v>0</v>
      </c>
      <c r="BT36" s="293">
        <v>2400</v>
      </c>
      <c r="BU36" s="293">
        <v>1800</v>
      </c>
      <c r="BV36" s="293">
        <v>6725</v>
      </c>
      <c r="BW36" s="293">
        <v>14595</v>
      </c>
      <c r="BX36" s="293">
        <v>7780</v>
      </c>
      <c r="BY36" s="296">
        <v>33300</v>
      </c>
      <c r="BZ36" s="297">
        <v>33300</v>
      </c>
      <c r="CA36" s="292">
        <v>0</v>
      </c>
      <c r="CB36" s="293">
        <v>0</v>
      </c>
      <c r="CC36" s="294">
        <v>0</v>
      </c>
      <c r="CD36" s="295">
        <v>0</v>
      </c>
      <c r="CE36" s="293">
        <v>0</v>
      </c>
      <c r="CF36" s="293">
        <v>0</v>
      </c>
      <c r="CG36" s="293">
        <v>0</v>
      </c>
      <c r="CH36" s="293">
        <v>0</v>
      </c>
      <c r="CI36" s="293">
        <v>2535</v>
      </c>
      <c r="CJ36" s="296">
        <v>2535</v>
      </c>
      <c r="CK36" s="297">
        <v>2535</v>
      </c>
      <c r="CL36" s="292">
        <v>0</v>
      </c>
      <c r="CM36" s="293">
        <v>0</v>
      </c>
      <c r="CN36" s="294">
        <v>0</v>
      </c>
      <c r="CO36" s="295">
        <v>0</v>
      </c>
      <c r="CP36" s="293">
        <v>0</v>
      </c>
      <c r="CQ36" s="293">
        <v>0</v>
      </c>
      <c r="CR36" s="293">
        <v>0</v>
      </c>
      <c r="CS36" s="293">
        <v>0</v>
      </c>
      <c r="CT36" s="293">
        <v>0</v>
      </c>
      <c r="CU36" s="296">
        <v>0</v>
      </c>
      <c r="CV36" s="297">
        <v>0</v>
      </c>
      <c r="CW36" s="292">
        <v>0</v>
      </c>
      <c r="CX36" s="293">
        <v>0</v>
      </c>
      <c r="CY36" s="294">
        <v>0</v>
      </c>
      <c r="CZ36" s="298"/>
      <c r="DA36" s="293">
        <v>0</v>
      </c>
      <c r="DB36" s="293">
        <v>0</v>
      </c>
      <c r="DC36" s="293">
        <v>0</v>
      </c>
      <c r="DD36" s="293">
        <v>0</v>
      </c>
      <c r="DE36" s="293">
        <v>0</v>
      </c>
      <c r="DF36" s="296">
        <v>0</v>
      </c>
      <c r="DG36" s="297">
        <v>0</v>
      </c>
      <c r="DH36" s="292">
        <v>0</v>
      </c>
      <c r="DI36" s="293">
        <v>0</v>
      </c>
      <c r="DJ36" s="294">
        <v>0</v>
      </c>
      <c r="DK36" s="295">
        <v>0</v>
      </c>
      <c r="DL36" s="293">
        <v>3340</v>
      </c>
      <c r="DM36" s="293">
        <v>65154</v>
      </c>
      <c r="DN36" s="293">
        <v>338009</v>
      </c>
      <c r="DO36" s="293">
        <v>400153</v>
      </c>
      <c r="DP36" s="293">
        <v>205570</v>
      </c>
      <c r="DQ36" s="296">
        <v>1012226</v>
      </c>
      <c r="DR36" s="299">
        <v>1012226</v>
      </c>
      <c r="DS36" s="292">
        <v>0</v>
      </c>
      <c r="DT36" s="293">
        <v>0</v>
      </c>
      <c r="DU36" s="294">
        <v>0</v>
      </c>
      <c r="DV36" s="298"/>
      <c r="DW36" s="293">
        <v>0</v>
      </c>
      <c r="DX36" s="293">
        <v>37581</v>
      </c>
      <c r="DY36" s="293">
        <v>295679</v>
      </c>
      <c r="DZ36" s="293">
        <v>372032</v>
      </c>
      <c r="EA36" s="293">
        <v>191642</v>
      </c>
      <c r="EB36" s="296">
        <v>896934</v>
      </c>
      <c r="EC36" s="297">
        <v>896934</v>
      </c>
      <c r="ED36" s="292">
        <v>0</v>
      </c>
      <c r="EE36" s="293">
        <v>0</v>
      </c>
      <c r="EF36" s="294">
        <v>0</v>
      </c>
      <c r="EG36" s="298"/>
      <c r="EH36" s="293">
        <v>651</v>
      </c>
      <c r="EI36" s="293">
        <v>12338</v>
      </c>
      <c r="EJ36" s="293">
        <v>24025</v>
      </c>
      <c r="EK36" s="293">
        <v>1414</v>
      </c>
      <c r="EL36" s="293">
        <v>567</v>
      </c>
      <c r="EM36" s="296">
        <v>38995</v>
      </c>
      <c r="EN36" s="297">
        <v>38995</v>
      </c>
      <c r="EO36" s="292">
        <v>0</v>
      </c>
      <c r="EP36" s="293">
        <v>0</v>
      </c>
      <c r="EQ36" s="294">
        <v>0</v>
      </c>
      <c r="ER36" s="298"/>
      <c r="ES36" s="293">
        <v>0</v>
      </c>
      <c r="ET36" s="293">
        <v>0</v>
      </c>
      <c r="EU36" s="293">
        <v>0</v>
      </c>
      <c r="EV36" s="293">
        <v>0</v>
      </c>
      <c r="EW36" s="293">
        <v>0</v>
      </c>
      <c r="EX36" s="296">
        <v>0</v>
      </c>
      <c r="EY36" s="297">
        <v>0</v>
      </c>
      <c r="EZ36" s="292">
        <v>0</v>
      </c>
      <c r="FA36" s="293">
        <v>0</v>
      </c>
      <c r="FB36" s="294">
        <v>0</v>
      </c>
      <c r="FC36" s="298"/>
      <c r="FD36" s="293">
        <v>217</v>
      </c>
      <c r="FE36" s="293">
        <v>12121</v>
      </c>
      <c r="FF36" s="293">
        <v>12338</v>
      </c>
      <c r="FG36" s="293">
        <v>11687</v>
      </c>
      <c r="FH36" s="293">
        <v>8511</v>
      </c>
      <c r="FI36" s="296">
        <v>44874</v>
      </c>
      <c r="FJ36" s="297">
        <v>44874</v>
      </c>
      <c r="FK36" s="292">
        <v>0</v>
      </c>
      <c r="FL36" s="293">
        <v>0</v>
      </c>
      <c r="FM36" s="294">
        <v>0</v>
      </c>
      <c r="FN36" s="298"/>
      <c r="FO36" s="293">
        <v>0</v>
      </c>
      <c r="FP36" s="293">
        <v>0</v>
      </c>
      <c r="FQ36" s="293">
        <v>0</v>
      </c>
      <c r="FR36" s="293">
        <v>0</v>
      </c>
      <c r="FS36" s="293">
        <v>0</v>
      </c>
      <c r="FT36" s="296">
        <v>0</v>
      </c>
      <c r="FU36" s="297">
        <v>0</v>
      </c>
      <c r="FV36" s="292">
        <v>0</v>
      </c>
      <c r="FW36" s="293">
        <v>0</v>
      </c>
      <c r="FX36" s="294">
        <v>0</v>
      </c>
      <c r="FY36" s="295">
        <v>0</v>
      </c>
      <c r="FZ36" s="293">
        <v>2472</v>
      </c>
      <c r="GA36" s="293">
        <v>3114</v>
      </c>
      <c r="GB36" s="293">
        <v>5967</v>
      </c>
      <c r="GC36" s="293">
        <v>15020</v>
      </c>
      <c r="GD36" s="293">
        <v>4850</v>
      </c>
      <c r="GE36" s="296">
        <v>31423</v>
      </c>
      <c r="GF36" s="297">
        <v>31423</v>
      </c>
      <c r="GG36" s="292">
        <v>0</v>
      </c>
      <c r="GH36" s="293">
        <v>0</v>
      </c>
      <c r="GI36" s="294">
        <v>0</v>
      </c>
      <c r="GJ36" s="295">
        <v>0</v>
      </c>
      <c r="GK36" s="293">
        <v>0</v>
      </c>
      <c r="GL36" s="293">
        <v>0</v>
      </c>
      <c r="GM36" s="293">
        <v>0</v>
      </c>
      <c r="GN36" s="293">
        <v>0</v>
      </c>
      <c r="GO36" s="293">
        <v>0</v>
      </c>
      <c r="GP36" s="296">
        <v>0</v>
      </c>
      <c r="GQ36" s="297">
        <v>0</v>
      </c>
      <c r="GR36" s="292">
        <v>0</v>
      </c>
      <c r="GS36" s="293">
        <v>0</v>
      </c>
      <c r="GT36" s="294">
        <v>0</v>
      </c>
      <c r="GU36" s="295">
        <v>0</v>
      </c>
      <c r="GV36" s="293">
        <v>0</v>
      </c>
      <c r="GW36" s="293">
        <v>0</v>
      </c>
      <c r="GX36" s="293">
        <v>0</v>
      </c>
      <c r="GY36" s="293">
        <v>0</v>
      </c>
      <c r="GZ36" s="293">
        <v>0</v>
      </c>
      <c r="HA36" s="296">
        <v>0</v>
      </c>
      <c r="HB36" s="297">
        <v>0</v>
      </c>
      <c r="HC36" s="292">
        <v>0</v>
      </c>
      <c r="HD36" s="293">
        <v>0</v>
      </c>
      <c r="HE36" s="294">
        <v>0</v>
      </c>
      <c r="HF36" s="298"/>
      <c r="HG36" s="293">
        <v>0</v>
      </c>
      <c r="HH36" s="293">
        <v>0</v>
      </c>
      <c r="HI36" s="293">
        <v>0</v>
      </c>
      <c r="HJ36" s="293">
        <v>0</v>
      </c>
      <c r="HK36" s="293">
        <v>0</v>
      </c>
      <c r="HL36" s="296">
        <v>0</v>
      </c>
      <c r="HM36" s="297">
        <v>0</v>
      </c>
      <c r="HN36" s="292">
        <v>0</v>
      </c>
      <c r="HO36" s="293">
        <v>0</v>
      </c>
      <c r="HP36" s="294">
        <v>0</v>
      </c>
      <c r="HQ36" s="295">
        <v>0</v>
      </c>
      <c r="HR36" s="293">
        <v>90370</v>
      </c>
      <c r="HS36" s="293">
        <v>222589</v>
      </c>
      <c r="HT36" s="293">
        <v>788539</v>
      </c>
      <c r="HU36" s="293">
        <v>903073</v>
      </c>
      <c r="HV36" s="293">
        <v>459330</v>
      </c>
      <c r="HW36" s="296">
        <v>2463901</v>
      </c>
      <c r="HX36" s="297">
        <v>2463901</v>
      </c>
    </row>
    <row r="37" spans="1:232" ht="21" customHeight="1" x14ac:dyDescent="0.2">
      <c r="A37" s="498" t="s">
        <v>34</v>
      </c>
      <c r="B37" s="292">
        <v>0</v>
      </c>
      <c r="C37" s="293">
        <v>0</v>
      </c>
      <c r="D37" s="294">
        <v>0</v>
      </c>
      <c r="E37" s="295">
        <v>0</v>
      </c>
      <c r="F37" s="293">
        <v>27280</v>
      </c>
      <c r="G37" s="293">
        <v>103385</v>
      </c>
      <c r="H37" s="293">
        <v>71785</v>
      </c>
      <c r="I37" s="293">
        <v>237165</v>
      </c>
      <c r="J37" s="293">
        <v>171979</v>
      </c>
      <c r="K37" s="296">
        <v>611594</v>
      </c>
      <c r="L37" s="297">
        <v>611594</v>
      </c>
      <c r="M37" s="292">
        <v>0</v>
      </c>
      <c r="N37" s="293">
        <v>0</v>
      </c>
      <c r="O37" s="294">
        <v>0</v>
      </c>
      <c r="P37" s="298"/>
      <c r="Q37" s="293">
        <v>0</v>
      </c>
      <c r="R37" s="293">
        <v>0</v>
      </c>
      <c r="S37" s="293">
        <v>40610</v>
      </c>
      <c r="T37" s="293">
        <v>227970</v>
      </c>
      <c r="U37" s="293">
        <v>132550</v>
      </c>
      <c r="V37" s="296">
        <v>401130</v>
      </c>
      <c r="W37" s="297">
        <v>401130</v>
      </c>
      <c r="X37" s="292">
        <v>0</v>
      </c>
      <c r="Y37" s="293">
        <v>0</v>
      </c>
      <c r="Z37" s="294">
        <v>0</v>
      </c>
      <c r="AA37" s="298"/>
      <c r="AB37" s="293">
        <v>27280</v>
      </c>
      <c r="AC37" s="293">
        <v>103385</v>
      </c>
      <c r="AD37" s="293">
        <v>29235</v>
      </c>
      <c r="AE37" s="293">
        <v>1275</v>
      </c>
      <c r="AF37" s="293">
        <v>35340</v>
      </c>
      <c r="AG37" s="296">
        <v>196515</v>
      </c>
      <c r="AH37" s="297">
        <v>196515</v>
      </c>
      <c r="AI37" s="292">
        <v>0</v>
      </c>
      <c r="AJ37" s="293">
        <v>0</v>
      </c>
      <c r="AK37" s="294">
        <v>0</v>
      </c>
      <c r="AL37" s="298"/>
      <c r="AM37" s="293">
        <v>0</v>
      </c>
      <c r="AN37" s="293">
        <v>0</v>
      </c>
      <c r="AO37" s="293">
        <v>0</v>
      </c>
      <c r="AP37" s="293">
        <v>0</v>
      </c>
      <c r="AQ37" s="293">
        <v>0</v>
      </c>
      <c r="AR37" s="296">
        <v>0</v>
      </c>
      <c r="AS37" s="297">
        <v>0</v>
      </c>
      <c r="AT37" s="292">
        <v>0</v>
      </c>
      <c r="AU37" s="293">
        <v>0</v>
      </c>
      <c r="AV37" s="294">
        <v>0</v>
      </c>
      <c r="AW37" s="298"/>
      <c r="AX37" s="293">
        <v>0</v>
      </c>
      <c r="AY37" s="293">
        <v>0</v>
      </c>
      <c r="AZ37" s="293">
        <v>0</v>
      </c>
      <c r="BA37" s="293">
        <v>0</v>
      </c>
      <c r="BB37" s="293">
        <v>0</v>
      </c>
      <c r="BC37" s="296">
        <v>0</v>
      </c>
      <c r="BD37" s="297">
        <v>0</v>
      </c>
      <c r="BE37" s="292">
        <v>0</v>
      </c>
      <c r="BF37" s="293">
        <v>0</v>
      </c>
      <c r="BG37" s="294">
        <v>0</v>
      </c>
      <c r="BH37" s="298"/>
      <c r="BI37" s="293">
        <v>0</v>
      </c>
      <c r="BJ37" s="293">
        <v>0</v>
      </c>
      <c r="BK37" s="293">
        <v>0</v>
      </c>
      <c r="BL37" s="293">
        <v>0</v>
      </c>
      <c r="BM37" s="293">
        <v>0</v>
      </c>
      <c r="BN37" s="296">
        <v>0</v>
      </c>
      <c r="BO37" s="297">
        <v>0</v>
      </c>
      <c r="BP37" s="292">
        <v>0</v>
      </c>
      <c r="BQ37" s="293">
        <v>0</v>
      </c>
      <c r="BR37" s="294">
        <v>0</v>
      </c>
      <c r="BS37" s="295">
        <v>0</v>
      </c>
      <c r="BT37" s="293">
        <v>0</v>
      </c>
      <c r="BU37" s="293">
        <v>0</v>
      </c>
      <c r="BV37" s="293">
        <v>1940</v>
      </c>
      <c r="BW37" s="293">
        <v>0</v>
      </c>
      <c r="BX37" s="293">
        <v>4089</v>
      </c>
      <c r="BY37" s="296">
        <v>6029</v>
      </c>
      <c r="BZ37" s="297">
        <v>6029</v>
      </c>
      <c r="CA37" s="292">
        <v>0</v>
      </c>
      <c r="CB37" s="293">
        <v>0</v>
      </c>
      <c r="CC37" s="294">
        <v>0</v>
      </c>
      <c r="CD37" s="295">
        <v>0</v>
      </c>
      <c r="CE37" s="293">
        <v>0</v>
      </c>
      <c r="CF37" s="293">
        <v>0</v>
      </c>
      <c r="CG37" s="293">
        <v>0</v>
      </c>
      <c r="CH37" s="293">
        <v>7920</v>
      </c>
      <c r="CI37" s="293">
        <v>0</v>
      </c>
      <c r="CJ37" s="296">
        <v>7920</v>
      </c>
      <c r="CK37" s="297">
        <v>7920</v>
      </c>
      <c r="CL37" s="292">
        <v>0</v>
      </c>
      <c r="CM37" s="293">
        <v>0</v>
      </c>
      <c r="CN37" s="294">
        <v>0</v>
      </c>
      <c r="CO37" s="295">
        <v>0</v>
      </c>
      <c r="CP37" s="293">
        <v>0</v>
      </c>
      <c r="CQ37" s="293">
        <v>0</v>
      </c>
      <c r="CR37" s="293">
        <v>0</v>
      </c>
      <c r="CS37" s="293">
        <v>0</v>
      </c>
      <c r="CT37" s="293">
        <v>0</v>
      </c>
      <c r="CU37" s="296">
        <v>0</v>
      </c>
      <c r="CV37" s="297">
        <v>0</v>
      </c>
      <c r="CW37" s="292">
        <v>0</v>
      </c>
      <c r="CX37" s="293">
        <v>0</v>
      </c>
      <c r="CY37" s="294">
        <v>0</v>
      </c>
      <c r="CZ37" s="298"/>
      <c r="DA37" s="293">
        <v>0</v>
      </c>
      <c r="DB37" s="293">
        <v>0</v>
      </c>
      <c r="DC37" s="293">
        <v>0</v>
      </c>
      <c r="DD37" s="293">
        <v>0</v>
      </c>
      <c r="DE37" s="293">
        <v>0</v>
      </c>
      <c r="DF37" s="296">
        <v>0</v>
      </c>
      <c r="DG37" s="297">
        <v>0</v>
      </c>
      <c r="DH37" s="292">
        <v>0</v>
      </c>
      <c r="DI37" s="293">
        <v>0</v>
      </c>
      <c r="DJ37" s="294">
        <v>0</v>
      </c>
      <c r="DK37" s="295">
        <v>0</v>
      </c>
      <c r="DL37" s="293">
        <v>403</v>
      </c>
      <c r="DM37" s="293">
        <v>12989</v>
      </c>
      <c r="DN37" s="293">
        <v>106335</v>
      </c>
      <c r="DO37" s="293">
        <v>272486</v>
      </c>
      <c r="DP37" s="293">
        <v>168402</v>
      </c>
      <c r="DQ37" s="296">
        <v>560615</v>
      </c>
      <c r="DR37" s="299">
        <v>560615</v>
      </c>
      <c r="DS37" s="292">
        <v>0</v>
      </c>
      <c r="DT37" s="293">
        <v>0</v>
      </c>
      <c r="DU37" s="294">
        <v>0</v>
      </c>
      <c r="DV37" s="298"/>
      <c r="DW37" s="293">
        <v>0</v>
      </c>
      <c r="DX37" s="293">
        <v>0</v>
      </c>
      <c r="DY37" s="293">
        <v>101494</v>
      </c>
      <c r="DZ37" s="293">
        <v>272304</v>
      </c>
      <c r="EA37" s="293">
        <v>158224</v>
      </c>
      <c r="EB37" s="296">
        <v>532022</v>
      </c>
      <c r="EC37" s="297">
        <v>532022</v>
      </c>
      <c r="ED37" s="292">
        <v>0</v>
      </c>
      <c r="EE37" s="293">
        <v>0</v>
      </c>
      <c r="EF37" s="294">
        <v>0</v>
      </c>
      <c r="EG37" s="298"/>
      <c r="EH37" s="293">
        <v>403</v>
      </c>
      <c r="EI37" s="293">
        <v>12989</v>
      </c>
      <c r="EJ37" s="293">
        <v>602</v>
      </c>
      <c r="EK37" s="293">
        <v>112</v>
      </c>
      <c r="EL37" s="293">
        <v>434</v>
      </c>
      <c r="EM37" s="296">
        <v>14540</v>
      </c>
      <c r="EN37" s="297">
        <v>14540</v>
      </c>
      <c r="EO37" s="292">
        <v>0</v>
      </c>
      <c r="EP37" s="293">
        <v>0</v>
      </c>
      <c r="EQ37" s="294">
        <v>0</v>
      </c>
      <c r="ER37" s="298"/>
      <c r="ES37" s="293">
        <v>0</v>
      </c>
      <c r="ET37" s="293">
        <v>0</v>
      </c>
      <c r="EU37" s="293">
        <v>0</v>
      </c>
      <c r="EV37" s="293">
        <v>0</v>
      </c>
      <c r="EW37" s="293">
        <v>0</v>
      </c>
      <c r="EX37" s="296">
        <v>0</v>
      </c>
      <c r="EY37" s="297">
        <v>0</v>
      </c>
      <c r="EZ37" s="292">
        <v>0</v>
      </c>
      <c r="FA37" s="293">
        <v>0</v>
      </c>
      <c r="FB37" s="294">
        <v>0</v>
      </c>
      <c r="FC37" s="298"/>
      <c r="FD37" s="293">
        <v>0</v>
      </c>
      <c r="FE37" s="293">
        <v>0</v>
      </c>
      <c r="FF37" s="293">
        <v>0</v>
      </c>
      <c r="FG37" s="293">
        <v>0</v>
      </c>
      <c r="FH37" s="293">
        <v>0</v>
      </c>
      <c r="FI37" s="296">
        <v>0</v>
      </c>
      <c r="FJ37" s="297">
        <v>0</v>
      </c>
      <c r="FK37" s="292">
        <v>0</v>
      </c>
      <c r="FL37" s="293">
        <v>0</v>
      </c>
      <c r="FM37" s="294">
        <v>0</v>
      </c>
      <c r="FN37" s="298"/>
      <c r="FO37" s="293">
        <v>0</v>
      </c>
      <c r="FP37" s="293">
        <v>0</v>
      </c>
      <c r="FQ37" s="293">
        <v>0</v>
      </c>
      <c r="FR37" s="293">
        <v>0</v>
      </c>
      <c r="FS37" s="293">
        <v>0</v>
      </c>
      <c r="FT37" s="296">
        <v>0</v>
      </c>
      <c r="FU37" s="297">
        <v>0</v>
      </c>
      <c r="FV37" s="292">
        <v>0</v>
      </c>
      <c r="FW37" s="293">
        <v>0</v>
      </c>
      <c r="FX37" s="294">
        <v>0</v>
      </c>
      <c r="FY37" s="295">
        <v>0</v>
      </c>
      <c r="FZ37" s="293">
        <v>0</v>
      </c>
      <c r="GA37" s="293">
        <v>0</v>
      </c>
      <c r="GB37" s="293">
        <v>4239</v>
      </c>
      <c r="GC37" s="293">
        <v>0</v>
      </c>
      <c r="GD37" s="293">
        <v>9744</v>
      </c>
      <c r="GE37" s="296">
        <v>13983</v>
      </c>
      <c r="GF37" s="297">
        <v>13983</v>
      </c>
      <c r="GG37" s="292">
        <v>0</v>
      </c>
      <c r="GH37" s="293">
        <v>0</v>
      </c>
      <c r="GI37" s="294">
        <v>0</v>
      </c>
      <c r="GJ37" s="295">
        <v>0</v>
      </c>
      <c r="GK37" s="293">
        <v>0</v>
      </c>
      <c r="GL37" s="293">
        <v>0</v>
      </c>
      <c r="GM37" s="293">
        <v>0</v>
      </c>
      <c r="GN37" s="293">
        <v>70</v>
      </c>
      <c r="GO37" s="293">
        <v>0</v>
      </c>
      <c r="GP37" s="296">
        <v>70</v>
      </c>
      <c r="GQ37" s="297">
        <v>70</v>
      </c>
      <c r="GR37" s="292">
        <v>0</v>
      </c>
      <c r="GS37" s="293">
        <v>0</v>
      </c>
      <c r="GT37" s="294">
        <v>0</v>
      </c>
      <c r="GU37" s="295">
        <v>0</v>
      </c>
      <c r="GV37" s="293">
        <v>0</v>
      </c>
      <c r="GW37" s="293">
        <v>0</v>
      </c>
      <c r="GX37" s="293">
        <v>0</v>
      </c>
      <c r="GY37" s="293">
        <v>0</v>
      </c>
      <c r="GZ37" s="293">
        <v>0</v>
      </c>
      <c r="HA37" s="296">
        <v>0</v>
      </c>
      <c r="HB37" s="297">
        <v>0</v>
      </c>
      <c r="HC37" s="292">
        <v>0</v>
      </c>
      <c r="HD37" s="293">
        <v>0</v>
      </c>
      <c r="HE37" s="294">
        <v>0</v>
      </c>
      <c r="HF37" s="298"/>
      <c r="HG37" s="293">
        <v>0</v>
      </c>
      <c r="HH37" s="293">
        <v>0</v>
      </c>
      <c r="HI37" s="293">
        <v>0</v>
      </c>
      <c r="HJ37" s="293">
        <v>0</v>
      </c>
      <c r="HK37" s="293">
        <v>0</v>
      </c>
      <c r="HL37" s="296">
        <v>0</v>
      </c>
      <c r="HM37" s="297">
        <v>0</v>
      </c>
      <c r="HN37" s="292">
        <v>0</v>
      </c>
      <c r="HO37" s="293">
        <v>0</v>
      </c>
      <c r="HP37" s="294">
        <v>0</v>
      </c>
      <c r="HQ37" s="295">
        <v>0</v>
      </c>
      <c r="HR37" s="293">
        <v>27683</v>
      </c>
      <c r="HS37" s="293">
        <v>116374</v>
      </c>
      <c r="HT37" s="293">
        <v>178120</v>
      </c>
      <c r="HU37" s="293">
        <v>509651</v>
      </c>
      <c r="HV37" s="293">
        <v>340381</v>
      </c>
      <c r="HW37" s="296">
        <v>1172209</v>
      </c>
      <c r="HX37" s="297">
        <v>1172209</v>
      </c>
    </row>
    <row r="38" spans="1:232" ht="21" customHeight="1" x14ac:dyDescent="0.2">
      <c r="A38" s="498" t="s">
        <v>35</v>
      </c>
      <c r="B38" s="292">
        <v>1885</v>
      </c>
      <c r="C38" s="293">
        <v>0</v>
      </c>
      <c r="D38" s="294">
        <v>1885</v>
      </c>
      <c r="E38" s="295">
        <v>0</v>
      </c>
      <c r="F38" s="293">
        <v>230415</v>
      </c>
      <c r="G38" s="293">
        <v>279375</v>
      </c>
      <c r="H38" s="293">
        <v>648750</v>
      </c>
      <c r="I38" s="293">
        <v>572865</v>
      </c>
      <c r="J38" s="293">
        <v>522290</v>
      </c>
      <c r="K38" s="296">
        <v>2253695</v>
      </c>
      <c r="L38" s="297">
        <v>2255580</v>
      </c>
      <c r="M38" s="292">
        <v>0</v>
      </c>
      <c r="N38" s="293">
        <v>0</v>
      </c>
      <c r="O38" s="294">
        <v>0</v>
      </c>
      <c r="P38" s="298"/>
      <c r="Q38" s="293">
        <v>2635</v>
      </c>
      <c r="R38" s="293">
        <v>57350</v>
      </c>
      <c r="S38" s="293">
        <v>326895</v>
      </c>
      <c r="T38" s="293">
        <v>366780</v>
      </c>
      <c r="U38" s="293">
        <v>335620</v>
      </c>
      <c r="V38" s="296">
        <v>1089280</v>
      </c>
      <c r="W38" s="297">
        <v>1089280</v>
      </c>
      <c r="X38" s="292">
        <v>0</v>
      </c>
      <c r="Y38" s="293">
        <v>0</v>
      </c>
      <c r="Z38" s="294">
        <v>0</v>
      </c>
      <c r="AA38" s="298"/>
      <c r="AB38" s="293">
        <v>176460</v>
      </c>
      <c r="AC38" s="293">
        <v>212505</v>
      </c>
      <c r="AD38" s="293">
        <v>248005</v>
      </c>
      <c r="AE38" s="293">
        <v>98490</v>
      </c>
      <c r="AF38" s="293">
        <v>89000</v>
      </c>
      <c r="AG38" s="296">
        <v>824460</v>
      </c>
      <c r="AH38" s="297">
        <v>824460</v>
      </c>
      <c r="AI38" s="292">
        <v>0</v>
      </c>
      <c r="AJ38" s="293">
        <v>0</v>
      </c>
      <c r="AK38" s="294">
        <v>0</v>
      </c>
      <c r="AL38" s="298"/>
      <c r="AM38" s="293">
        <v>0</v>
      </c>
      <c r="AN38" s="293">
        <v>0</v>
      </c>
      <c r="AO38" s="293">
        <v>0</v>
      </c>
      <c r="AP38" s="293">
        <v>0</v>
      </c>
      <c r="AQ38" s="293">
        <v>0</v>
      </c>
      <c r="AR38" s="296">
        <v>0</v>
      </c>
      <c r="AS38" s="297">
        <v>0</v>
      </c>
      <c r="AT38" s="292">
        <v>0</v>
      </c>
      <c r="AU38" s="293">
        <v>0</v>
      </c>
      <c r="AV38" s="294">
        <v>0</v>
      </c>
      <c r="AW38" s="298"/>
      <c r="AX38" s="293">
        <v>35340</v>
      </c>
      <c r="AY38" s="293">
        <v>0</v>
      </c>
      <c r="AZ38" s="293">
        <v>70990</v>
      </c>
      <c r="BA38" s="293">
        <v>95635</v>
      </c>
      <c r="BB38" s="293">
        <v>97670</v>
      </c>
      <c r="BC38" s="296">
        <v>299635</v>
      </c>
      <c r="BD38" s="297">
        <v>299635</v>
      </c>
      <c r="BE38" s="292">
        <v>0</v>
      </c>
      <c r="BF38" s="293">
        <v>0</v>
      </c>
      <c r="BG38" s="294">
        <v>0</v>
      </c>
      <c r="BH38" s="298"/>
      <c r="BI38" s="293">
        <v>0</v>
      </c>
      <c r="BJ38" s="293">
        <v>0</v>
      </c>
      <c r="BK38" s="293">
        <v>0</v>
      </c>
      <c r="BL38" s="293">
        <v>0</v>
      </c>
      <c r="BM38" s="293">
        <v>0</v>
      </c>
      <c r="BN38" s="296">
        <v>0</v>
      </c>
      <c r="BO38" s="297">
        <v>0</v>
      </c>
      <c r="BP38" s="292">
        <v>1885</v>
      </c>
      <c r="BQ38" s="293">
        <v>0</v>
      </c>
      <c r="BR38" s="294">
        <v>1885</v>
      </c>
      <c r="BS38" s="295">
        <v>0</v>
      </c>
      <c r="BT38" s="293">
        <v>15980</v>
      </c>
      <c r="BU38" s="293">
        <v>9520</v>
      </c>
      <c r="BV38" s="293">
        <v>1610</v>
      </c>
      <c r="BW38" s="293">
        <v>11960</v>
      </c>
      <c r="BX38" s="293">
        <v>0</v>
      </c>
      <c r="BY38" s="296">
        <v>39070</v>
      </c>
      <c r="BZ38" s="297">
        <v>40955</v>
      </c>
      <c r="CA38" s="292">
        <v>0</v>
      </c>
      <c r="CB38" s="293">
        <v>0</v>
      </c>
      <c r="CC38" s="294">
        <v>0</v>
      </c>
      <c r="CD38" s="295">
        <v>0</v>
      </c>
      <c r="CE38" s="293">
        <v>0</v>
      </c>
      <c r="CF38" s="293">
        <v>0</v>
      </c>
      <c r="CG38" s="293">
        <v>1250</v>
      </c>
      <c r="CH38" s="293">
        <v>0</v>
      </c>
      <c r="CI38" s="293">
        <v>0</v>
      </c>
      <c r="CJ38" s="296">
        <v>1250</v>
      </c>
      <c r="CK38" s="297">
        <v>1250</v>
      </c>
      <c r="CL38" s="292">
        <v>0</v>
      </c>
      <c r="CM38" s="293">
        <v>0</v>
      </c>
      <c r="CN38" s="294">
        <v>0</v>
      </c>
      <c r="CO38" s="295">
        <v>0</v>
      </c>
      <c r="CP38" s="293">
        <v>0</v>
      </c>
      <c r="CQ38" s="293">
        <v>0</v>
      </c>
      <c r="CR38" s="293">
        <v>0</v>
      </c>
      <c r="CS38" s="293">
        <v>0</v>
      </c>
      <c r="CT38" s="293">
        <v>0</v>
      </c>
      <c r="CU38" s="296">
        <v>0</v>
      </c>
      <c r="CV38" s="297">
        <v>0</v>
      </c>
      <c r="CW38" s="292">
        <v>0</v>
      </c>
      <c r="CX38" s="293">
        <v>0</v>
      </c>
      <c r="CY38" s="294">
        <v>0</v>
      </c>
      <c r="CZ38" s="298"/>
      <c r="DA38" s="293">
        <v>0</v>
      </c>
      <c r="DB38" s="293">
        <v>0</v>
      </c>
      <c r="DC38" s="293">
        <v>0</v>
      </c>
      <c r="DD38" s="293">
        <v>0</v>
      </c>
      <c r="DE38" s="293">
        <v>0</v>
      </c>
      <c r="DF38" s="296">
        <v>0</v>
      </c>
      <c r="DG38" s="297">
        <v>0</v>
      </c>
      <c r="DH38" s="292">
        <v>1410</v>
      </c>
      <c r="DI38" s="293">
        <v>0</v>
      </c>
      <c r="DJ38" s="294">
        <v>1410</v>
      </c>
      <c r="DK38" s="295">
        <v>0</v>
      </c>
      <c r="DL38" s="293">
        <v>57900</v>
      </c>
      <c r="DM38" s="293">
        <v>62949</v>
      </c>
      <c r="DN38" s="293">
        <v>341184</v>
      </c>
      <c r="DO38" s="293">
        <v>472356</v>
      </c>
      <c r="DP38" s="293">
        <v>316858</v>
      </c>
      <c r="DQ38" s="296">
        <v>1251247</v>
      </c>
      <c r="DR38" s="299">
        <v>1252657</v>
      </c>
      <c r="DS38" s="292">
        <v>0</v>
      </c>
      <c r="DT38" s="293">
        <v>0</v>
      </c>
      <c r="DU38" s="294">
        <v>0</v>
      </c>
      <c r="DV38" s="298"/>
      <c r="DW38" s="293">
        <v>15035</v>
      </c>
      <c r="DX38" s="293">
        <v>36611</v>
      </c>
      <c r="DY38" s="293">
        <v>313348</v>
      </c>
      <c r="DZ38" s="293">
        <v>416447</v>
      </c>
      <c r="EA38" s="293">
        <v>283889</v>
      </c>
      <c r="EB38" s="296">
        <v>1065330</v>
      </c>
      <c r="EC38" s="297">
        <v>1065330</v>
      </c>
      <c r="ED38" s="292">
        <v>0</v>
      </c>
      <c r="EE38" s="293">
        <v>0</v>
      </c>
      <c r="EF38" s="294">
        <v>0</v>
      </c>
      <c r="EG38" s="298"/>
      <c r="EH38" s="293">
        <v>23491</v>
      </c>
      <c r="EI38" s="293">
        <v>12834</v>
      </c>
      <c r="EJ38" s="293">
        <v>2009</v>
      </c>
      <c r="EK38" s="293">
        <v>1253</v>
      </c>
      <c r="EL38" s="293">
        <v>644</v>
      </c>
      <c r="EM38" s="296">
        <v>40231</v>
      </c>
      <c r="EN38" s="297">
        <v>40231</v>
      </c>
      <c r="EO38" s="292">
        <v>0</v>
      </c>
      <c r="EP38" s="293">
        <v>0</v>
      </c>
      <c r="EQ38" s="294">
        <v>0</v>
      </c>
      <c r="ER38" s="298"/>
      <c r="ES38" s="293">
        <v>0</v>
      </c>
      <c r="ET38" s="293">
        <v>0</v>
      </c>
      <c r="EU38" s="293">
        <v>0</v>
      </c>
      <c r="EV38" s="293">
        <v>0</v>
      </c>
      <c r="EW38" s="293">
        <v>0</v>
      </c>
      <c r="EX38" s="296">
        <v>0</v>
      </c>
      <c r="EY38" s="297">
        <v>0</v>
      </c>
      <c r="EZ38" s="292">
        <v>0</v>
      </c>
      <c r="FA38" s="293">
        <v>0</v>
      </c>
      <c r="FB38" s="294">
        <v>0</v>
      </c>
      <c r="FC38" s="298"/>
      <c r="FD38" s="293">
        <v>434</v>
      </c>
      <c r="FE38" s="293">
        <v>0</v>
      </c>
      <c r="FF38" s="293">
        <v>23374</v>
      </c>
      <c r="FG38" s="293">
        <v>23591</v>
      </c>
      <c r="FH38" s="293">
        <v>32325</v>
      </c>
      <c r="FI38" s="296">
        <v>79724</v>
      </c>
      <c r="FJ38" s="297">
        <v>79724</v>
      </c>
      <c r="FK38" s="292">
        <v>0</v>
      </c>
      <c r="FL38" s="293">
        <v>0</v>
      </c>
      <c r="FM38" s="294">
        <v>0</v>
      </c>
      <c r="FN38" s="298"/>
      <c r="FO38" s="293">
        <v>0</v>
      </c>
      <c r="FP38" s="293">
        <v>0</v>
      </c>
      <c r="FQ38" s="293">
        <v>0</v>
      </c>
      <c r="FR38" s="293">
        <v>0</v>
      </c>
      <c r="FS38" s="293">
        <v>0</v>
      </c>
      <c r="FT38" s="296">
        <v>0</v>
      </c>
      <c r="FU38" s="297">
        <v>0</v>
      </c>
      <c r="FV38" s="292">
        <v>1410</v>
      </c>
      <c r="FW38" s="293">
        <v>0</v>
      </c>
      <c r="FX38" s="294">
        <v>1410</v>
      </c>
      <c r="FY38" s="295">
        <v>0</v>
      </c>
      <c r="FZ38" s="293">
        <v>18940</v>
      </c>
      <c r="GA38" s="293">
        <v>13504</v>
      </c>
      <c r="GB38" s="293">
        <v>2425</v>
      </c>
      <c r="GC38" s="293">
        <v>31065</v>
      </c>
      <c r="GD38" s="293">
        <v>0</v>
      </c>
      <c r="GE38" s="296">
        <v>65934</v>
      </c>
      <c r="GF38" s="297">
        <v>67344</v>
      </c>
      <c r="GG38" s="292">
        <v>0</v>
      </c>
      <c r="GH38" s="293">
        <v>0</v>
      </c>
      <c r="GI38" s="294">
        <v>0</v>
      </c>
      <c r="GJ38" s="295">
        <v>0</v>
      </c>
      <c r="GK38" s="293">
        <v>0</v>
      </c>
      <c r="GL38" s="293">
        <v>0</v>
      </c>
      <c r="GM38" s="293">
        <v>28</v>
      </c>
      <c r="GN38" s="293">
        <v>0</v>
      </c>
      <c r="GO38" s="293">
        <v>0</v>
      </c>
      <c r="GP38" s="296">
        <v>28</v>
      </c>
      <c r="GQ38" s="297">
        <v>28</v>
      </c>
      <c r="GR38" s="292">
        <v>0</v>
      </c>
      <c r="GS38" s="293">
        <v>0</v>
      </c>
      <c r="GT38" s="294">
        <v>0</v>
      </c>
      <c r="GU38" s="295">
        <v>0</v>
      </c>
      <c r="GV38" s="293">
        <v>0</v>
      </c>
      <c r="GW38" s="293">
        <v>0</v>
      </c>
      <c r="GX38" s="293">
        <v>0</v>
      </c>
      <c r="GY38" s="293">
        <v>0</v>
      </c>
      <c r="GZ38" s="293">
        <v>0</v>
      </c>
      <c r="HA38" s="296">
        <v>0</v>
      </c>
      <c r="HB38" s="297">
        <v>0</v>
      </c>
      <c r="HC38" s="292">
        <v>0</v>
      </c>
      <c r="HD38" s="293">
        <v>0</v>
      </c>
      <c r="HE38" s="294">
        <v>0</v>
      </c>
      <c r="HF38" s="298"/>
      <c r="HG38" s="293">
        <v>0</v>
      </c>
      <c r="HH38" s="293">
        <v>0</v>
      </c>
      <c r="HI38" s="293">
        <v>0</v>
      </c>
      <c r="HJ38" s="293">
        <v>0</v>
      </c>
      <c r="HK38" s="293">
        <v>0</v>
      </c>
      <c r="HL38" s="296">
        <v>0</v>
      </c>
      <c r="HM38" s="297">
        <v>0</v>
      </c>
      <c r="HN38" s="292">
        <v>3295</v>
      </c>
      <c r="HO38" s="293">
        <v>0</v>
      </c>
      <c r="HP38" s="294">
        <v>3295</v>
      </c>
      <c r="HQ38" s="295">
        <v>0</v>
      </c>
      <c r="HR38" s="293">
        <v>288315</v>
      </c>
      <c r="HS38" s="293">
        <v>342324</v>
      </c>
      <c r="HT38" s="293">
        <v>989934</v>
      </c>
      <c r="HU38" s="293">
        <v>1045221</v>
      </c>
      <c r="HV38" s="293">
        <v>839148</v>
      </c>
      <c r="HW38" s="296">
        <v>3504942</v>
      </c>
      <c r="HX38" s="297">
        <v>3508237</v>
      </c>
    </row>
    <row r="39" spans="1:232" ht="21" customHeight="1" x14ac:dyDescent="0.2">
      <c r="A39" s="498" t="s">
        <v>36</v>
      </c>
      <c r="B39" s="292">
        <v>0</v>
      </c>
      <c r="C39" s="293">
        <v>0</v>
      </c>
      <c r="D39" s="294">
        <v>0</v>
      </c>
      <c r="E39" s="295">
        <v>0</v>
      </c>
      <c r="F39" s="293">
        <v>126460</v>
      </c>
      <c r="G39" s="293">
        <v>270715</v>
      </c>
      <c r="H39" s="293">
        <v>862115</v>
      </c>
      <c r="I39" s="293">
        <v>1106905</v>
      </c>
      <c r="J39" s="293">
        <v>824379</v>
      </c>
      <c r="K39" s="296">
        <v>3190574</v>
      </c>
      <c r="L39" s="297">
        <v>3190574</v>
      </c>
      <c r="M39" s="292">
        <v>0</v>
      </c>
      <c r="N39" s="293">
        <v>0</v>
      </c>
      <c r="O39" s="294">
        <v>0</v>
      </c>
      <c r="P39" s="298"/>
      <c r="Q39" s="293">
        <v>0</v>
      </c>
      <c r="R39" s="293">
        <v>32705</v>
      </c>
      <c r="S39" s="293">
        <v>511780</v>
      </c>
      <c r="T39" s="293">
        <v>771080</v>
      </c>
      <c r="U39" s="293">
        <v>553059</v>
      </c>
      <c r="V39" s="296">
        <v>1868624</v>
      </c>
      <c r="W39" s="297">
        <v>1868624</v>
      </c>
      <c r="X39" s="292">
        <v>0</v>
      </c>
      <c r="Y39" s="293">
        <v>0</v>
      </c>
      <c r="Z39" s="294">
        <v>0</v>
      </c>
      <c r="AA39" s="298"/>
      <c r="AB39" s="293">
        <v>116715</v>
      </c>
      <c r="AC39" s="293">
        <v>144460</v>
      </c>
      <c r="AD39" s="293">
        <v>308240</v>
      </c>
      <c r="AE39" s="293">
        <v>221350</v>
      </c>
      <c r="AF39" s="293">
        <v>184120</v>
      </c>
      <c r="AG39" s="296">
        <v>974885</v>
      </c>
      <c r="AH39" s="297">
        <v>974885</v>
      </c>
      <c r="AI39" s="292">
        <v>0</v>
      </c>
      <c r="AJ39" s="293">
        <v>0</v>
      </c>
      <c r="AK39" s="294">
        <v>0</v>
      </c>
      <c r="AL39" s="298"/>
      <c r="AM39" s="293">
        <v>0</v>
      </c>
      <c r="AN39" s="293">
        <v>0</v>
      </c>
      <c r="AO39" s="293">
        <v>0</v>
      </c>
      <c r="AP39" s="293">
        <v>0</v>
      </c>
      <c r="AQ39" s="293">
        <v>0</v>
      </c>
      <c r="AR39" s="296">
        <v>0</v>
      </c>
      <c r="AS39" s="297">
        <v>0</v>
      </c>
      <c r="AT39" s="292">
        <v>0</v>
      </c>
      <c r="AU39" s="293">
        <v>0</v>
      </c>
      <c r="AV39" s="294">
        <v>0</v>
      </c>
      <c r="AW39" s="298"/>
      <c r="AX39" s="293">
        <v>0</v>
      </c>
      <c r="AY39" s="293">
        <v>0</v>
      </c>
      <c r="AZ39" s="293">
        <v>0</v>
      </c>
      <c r="BA39" s="293">
        <v>47155</v>
      </c>
      <c r="BB39" s="293">
        <v>0</v>
      </c>
      <c r="BC39" s="296">
        <v>47155</v>
      </c>
      <c r="BD39" s="297">
        <v>47155</v>
      </c>
      <c r="BE39" s="292">
        <v>0</v>
      </c>
      <c r="BF39" s="293">
        <v>0</v>
      </c>
      <c r="BG39" s="294">
        <v>0</v>
      </c>
      <c r="BH39" s="298"/>
      <c r="BI39" s="293">
        <v>0</v>
      </c>
      <c r="BJ39" s="293">
        <v>0</v>
      </c>
      <c r="BK39" s="293">
        <v>0</v>
      </c>
      <c r="BL39" s="293">
        <v>0</v>
      </c>
      <c r="BM39" s="293">
        <v>0</v>
      </c>
      <c r="BN39" s="296">
        <v>0</v>
      </c>
      <c r="BO39" s="297">
        <v>0</v>
      </c>
      <c r="BP39" s="292">
        <v>0</v>
      </c>
      <c r="BQ39" s="293">
        <v>0</v>
      </c>
      <c r="BR39" s="294">
        <v>0</v>
      </c>
      <c r="BS39" s="295">
        <v>0</v>
      </c>
      <c r="BT39" s="293">
        <v>9745</v>
      </c>
      <c r="BU39" s="293">
        <v>93550</v>
      </c>
      <c r="BV39" s="293">
        <v>42095</v>
      </c>
      <c r="BW39" s="293">
        <v>67320</v>
      </c>
      <c r="BX39" s="293">
        <v>87200</v>
      </c>
      <c r="BY39" s="296">
        <v>299910</v>
      </c>
      <c r="BZ39" s="297">
        <v>299910</v>
      </c>
      <c r="CA39" s="292">
        <v>0</v>
      </c>
      <c r="CB39" s="293">
        <v>0</v>
      </c>
      <c r="CC39" s="294">
        <v>0</v>
      </c>
      <c r="CD39" s="295">
        <v>0</v>
      </c>
      <c r="CE39" s="293">
        <v>0</v>
      </c>
      <c r="CF39" s="293">
        <v>0</v>
      </c>
      <c r="CG39" s="293">
        <v>0</v>
      </c>
      <c r="CH39" s="293">
        <v>0</v>
      </c>
      <c r="CI39" s="293">
        <v>0</v>
      </c>
      <c r="CJ39" s="296">
        <v>0</v>
      </c>
      <c r="CK39" s="297">
        <v>0</v>
      </c>
      <c r="CL39" s="292">
        <v>0</v>
      </c>
      <c r="CM39" s="293">
        <v>0</v>
      </c>
      <c r="CN39" s="294">
        <v>0</v>
      </c>
      <c r="CO39" s="295">
        <v>0</v>
      </c>
      <c r="CP39" s="293">
        <v>0</v>
      </c>
      <c r="CQ39" s="293">
        <v>0</v>
      </c>
      <c r="CR39" s="293">
        <v>0</v>
      </c>
      <c r="CS39" s="293">
        <v>0</v>
      </c>
      <c r="CT39" s="293">
        <v>0</v>
      </c>
      <c r="CU39" s="296">
        <v>0</v>
      </c>
      <c r="CV39" s="297">
        <v>0</v>
      </c>
      <c r="CW39" s="292">
        <v>0</v>
      </c>
      <c r="CX39" s="293">
        <v>0</v>
      </c>
      <c r="CY39" s="294">
        <v>0</v>
      </c>
      <c r="CZ39" s="298"/>
      <c r="DA39" s="293">
        <v>0</v>
      </c>
      <c r="DB39" s="293">
        <v>0</v>
      </c>
      <c r="DC39" s="293">
        <v>0</v>
      </c>
      <c r="DD39" s="293">
        <v>0</v>
      </c>
      <c r="DE39" s="293">
        <v>0</v>
      </c>
      <c r="DF39" s="296">
        <v>0</v>
      </c>
      <c r="DG39" s="297">
        <v>0</v>
      </c>
      <c r="DH39" s="292">
        <v>0</v>
      </c>
      <c r="DI39" s="293">
        <v>0</v>
      </c>
      <c r="DJ39" s="294">
        <v>0</v>
      </c>
      <c r="DK39" s="295">
        <v>0</v>
      </c>
      <c r="DL39" s="293">
        <v>24600</v>
      </c>
      <c r="DM39" s="293">
        <v>108131</v>
      </c>
      <c r="DN39" s="293">
        <v>824998</v>
      </c>
      <c r="DO39" s="293">
        <v>982555</v>
      </c>
      <c r="DP39" s="293">
        <v>911602</v>
      </c>
      <c r="DQ39" s="296">
        <v>2851886</v>
      </c>
      <c r="DR39" s="299">
        <v>2851886</v>
      </c>
      <c r="DS39" s="292">
        <v>0</v>
      </c>
      <c r="DT39" s="293">
        <v>0</v>
      </c>
      <c r="DU39" s="294">
        <v>0</v>
      </c>
      <c r="DV39" s="298"/>
      <c r="DW39" s="293">
        <v>0</v>
      </c>
      <c r="DX39" s="293">
        <v>15035</v>
      </c>
      <c r="DY39" s="293">
        <v>720126</v>
      </c>
      <c r="DZ39" s="293">
        <v>869965</v>
      </c>
      <c r="EA39" s="293">
        <v>826453</v>
      </c>
      <c r="EB39" s="296">
        <v>2431579</v>
      </c>
      <c r="EC39" s="297">
        <v>2431579</v>
      </c>
      <c r="ED39" s="292">
        <v>0</v>
      </c>
      <c r="EE39" s="293">
        <v>0</v>
      </c>
      <c r="EF39" s="294">
        <v>0</v>
      </c>
      <c r="EG39" s="298"/>
      <c r="EH39" s="293">
        <v>13423</v>
      </c>
      <c r="EI39" s="293">
        <v>2170</v>
      </c>
      <c r="EJ39" s="293">
        <v>15810</v>
      </c>
      <c r="EK39" s="293">
        <v>25545</v>
      </c>
      <c r="EL39" s="293">
        <v>2310</v>
      </c>
      <c r="EM39" s="296">
        <v>59258</v>
      </c>
      <c r="EN39" s="297">
        <v>59258</v>
      </c>
      <c r="EO39" s="292">
        <v>0</v>
      </c>
      <c r="EP39" s="293">
        <v>0</v>
      </c>
      <c r="EQ39" s="294">
        <v>0</v>
      </c>
      <c r="ER39" s="298"/>
      <c r="ES39" s="293">
        <v>0</v>
      </c>
      <c r="ET39" s="293">
        <v>0</v>
      </c>
      <c r="EU39" s="293">
        <v>0</v>
      </c>
      <c r="EV39" s="293">
        <v>0</v>
      </c>
      <c r="EW39" s="293">
        <v>0</v>
      </c>
      <c r="EX39" s="296">
        <v>0</v>
      </c>
      <c r="EY39" s="297">
        <v>0</v>
      </c>
      <c r="EZ39" s="292">
        <v>0</v>
      </c>
      <c r="FA39" s="293">
        <v>0</v>
      </c>
      <c r="FB39" s="294">
        <v>0</v>
      </c>
      <c r="FC39" s="298"/>
      <c r="FD39" s="293">
        <v>0</v>
      </c>
      <c r="FE39" s="293">
        <v>0</v>
      </c>
      <c r="FF39" s="293">
        <v>0</v>
      </c>
      <c r="FG39" s="293">
        <v>651</v>
      </c>
      <c r="FH39" s="293">
        <v>0</v>
      </c>
      <c r="FI39" s="296">
        <v>651</v>
      </c>
      <c r="FJ39" s="297">
        <v>651</v>
      </c>
      <c r="FK39" s="292">
        <v>0</v>
      </c>
      <c r="FL39" s="293">
        <v>0</v>
      </c>
      <c r="FM39" s="294">
        <v>0</v>
      </c>
      <c r="FN39" s="298"/>
      <c r="FO39" s="293">
        <v>0</v>
      </c>
      <c r="FP39" s="293">
        <v>0</v>
      </c>
      <c r="FQ39" s="293">
        <v>0</v>
      </c>
      <c r="FR39" s="293">
        <v>0</v>
      </c>
      <c r="FS39" s="293">
        <v>0</v>
      </c>
      <c r="FT39" s="296">
        <v>0</v>
      </c>
      <c r="FU39" s="297">
        <v>0</v>
      </c>
      <c r="FV39" s="292">
        <v>0</v>
      </c>
      <c r="FW39" s="293">
        <v>0</v>
      </c>
      <c r="FX39" s="294">
        <v>0</v>
      </c>
      <c r="FY39" s="295">
        <v>0</v>
      </c>
      <c r="FZ39" s="293">
        <v>11177</v>
      </c>
      <c r="GA39" s="293">
        <v>90926</v>
      </c>
      <c r="GB39" s="293">
        <v>89062</v>
      </c>
      <c r="GC39" s="293">
        <v>86394</v>
      </c>
      <c r="GD39" s="293">
        <v>82839</v>
      </c>
      <c r="GE39" s="296">
        <v>360398</v>
      </c>
      <c r="GF39" s="297">
        <v>360398</v>
      </c>
      <c r="GG39" s="292">
        <v>0</v>
      </c>
      <c r="GH39" s="293">
        <v>0</v>
      </c>
      <c r="GI39" s="294">
        <v>0</v>
      </c>
      <c r="GJ39" s="295">
        <v>0</v>
      </c>
      <c r="GK39" s="293">
        <v>0</v>
      </c>
      <c r="GL39" s="293">
        <v>0</v>
      </c>
      <c r="GM39" s="293">
        <v>0</v>
      </c>
      <c r="GN39" s="293">
        <v>0</v>
      </c>
      <c r="GO39" s="293">
        <v>0</v>
      </c>
      <c r="GP39" s="296">
        <v>0</v>
      </c>
      <c r="GQ39" s="297">
        <v>0</v>
      </c>
      <c r="GR39" s="292">
        <v>0</v>
      </c>
      <c r="GS39" s="293">
        <v>0</v>
      </c>
      <c r="GT39" s="294">
        <v>0</v>
      </c>
      <c r="GU39" s="295">
        <v>0</v>
      </c>
      <c r="GV39" s="293">
        <v>0</v>
      </c>
      <c r="GW39" s="293">
        <v>0</v>
      </c>
      <c r="GX39" s="293">
        <v>0</v>
      </c>
      <c r="GY39" s="293">
        <v>0</v>
      </c>
      <c r="GZ39" s="293">
        <v>0</v>
      </c>
      <c r="HA39" s="296">
        <v>0</v>
      </c>
      <c r="HB39" s="297">
        <v>0</v>
      </c>
      <c r="HC39" s="292">
        <v>0</v>
      </c>
      <c r="HD39" s="293">
        <v>0</v>
      </c>
      <c r="HE39" s="294">
        <v>0</v>
      </c>
      <c r="HF39" s="298"/>
      <c r="HG39" s="293">
        <v>0</v>
      </c>
      <c r="HH39" s="293">
        <v>0</v>
      </c>
      <c r="HI39" s="293">
        <v>0</v>
      </c>
      <c r="HJ39" s="293">
        <v>0</v>
      </c>
      <c r="HK39" s="293">
        <v>0</v>
      </c>
      <c r="HL39" s="296">
        <v>0</v>
      </c>
      <c r="HM39" s="297">
        <v>0</v>
      </c>
      <c r="HN39" s="292">
        <v>0</v>
      </c>
      <c r="HO39" s="293">
        <v>0</v>
      </c>
      <c r="HP39" s="294">
        <v>0</v>
      </c>
      <c r="HQ39" s="295">
        <v>0</v>
      </c>
      <c r="HR39" s="293">
        <v>151060</v>
      </c>
      <c r="HS39" s="293">
        <v>378846</v>
      </c>
      <c r="HT39" s="293">
        <v>1687113</v>
      </c>
      <c r="HU39" s="293">
        <v>2089460</v>
      </c>
      <c r="HV39" s="293">
        <v>1735981</v>
      </c>
      <c r="HW39" s="296">
        <v>6042460</v>
      </c>
      <c r="HX39" s="297">
        <v>6042460</v>
      </c>
    </row>
    <row r="40" spans="1:232" ht="21" customHeight="1" thickBot="1" x14ac:dyDescent="0.25">
      <c r="A40" s="499" t="s">
        <v>37</v>
      </c>
      <c r="B40" s="300">
        <v>0</v>
      </c>
      <c r="C40" s="301">
        <v>0</v>
      </c>
      <c r="D40" s="302">
        <v>0</v>
      </c>
      <c r="E40" s="303">
        <v>0</v>
      </c>
      <c r="F40" s="301">
        <v>0</v>
      </c>
      <c r="G40" s="301">
        <v>0</v>
      </c>
      <c r="H40" s="301">
        <v>113170</v>
      </c>
      <c r="I40" s="301">
        <v>62620</v>
      </c>
      <c r="J40" s="301">
        <v>35340</v>
      </c>
      <c r="K40" s="304">
        <v>211130</v>
      </c>
      <c r="L40" s="305">
        <v>211130</v>
      </c>
      <c r="M40" s="300">
        <v>0</v>
      </c>
      <c r="N40" s="301">
        <v>0</v>
      </c>
      <c r="O40" s="302">
        <v>0</v>
      </c>
      <c r="P40" s="306"/>
      <c r="Q40" s="301">
        <v>0</v>
      </c>
      <c r="R40" s="301">
        <v>0</v>
      </c>
      <c r="S40" s="301">
        <v>76715</v>
      </c>
      <c r="T40" s="301">
        <v>29915</v>
      </c>
      <c r="U40" s="301">
        <v>35340</v>
      </c>
      <c r="V40" s="304">
        <v>141970</v>
      </c>
      <c r="W40" s="305">
        <v>141970</v>
      </c>
      <c r="X40" s="300">
        <v>0</v>
      </c>
      <c r="Y40" s="301">
        <v>0</v>
      </c>
      <c r="Z40" s="302">
        <v>0</v>
      </c>
      <c r="AA40" s="306"/>
      <c r="AB40" s="301">
        <v>0</v>
      </c>
      <c r="AC40" s="301">
        <v>0</v>
      </c>
      <c r="AD40" s="301">
        <v>27280</v>
      </c>
      <c r="AE40" s="301">
        <v>32705</v>
      </c>
      <c r="AF40" s="301">
        <v>0</v>
      </c>
      <c r="AG40" s="304">
        <v>59985</v>
      </c>
      <c r="AH40" s="305">
        <v>59985</v>
      </c>
      <c r="AI40" s="300">
        <v>0</v>
      </c>
      <c r="AJ40" s="301">
        <v>0</v>
      </c>
      <c r="AK40" s="302">
        <v>0</v>
      </c>
      <c r="AL40" s="306"/>
      <c r="AM40" s="301">
        <v>0</v>
      </c>
      <c r="AN40" s="301">
        <v>0</v>
      </c>
      <c r="AO40" s="301">
        <v>0</v>
      </c>
      <c r="AP40" s="301">
        <v>0</v>
      </c>
      <c r="AQ40" s="301">
        <v>0</v>
      </c>
      <c r="AR40" s="304">
        <v>0</v>
      </c>
      <c r="AS40" s="305">
        <v>0</v>
      </c>
      <c r="AT40" s="300">
        <v>0</v>
      </c>
      <c r="AU40" s="301">
        <v>0</v>
      </c>
      <c r="AV40" s="302">
        <v>0</v>
      </c>
      <c r="AW40" s="306"/>
      <c r="AX40" s="301">
        <v>0</v>
      </c>
      <c r="AY40" s="301">
        <v>0</v>
      </c>
      <c r="AZ40" s="301">
        <v>0</v>
      </c>
      <c r="BA40" s="301">
        <v>0</v>
      </c>
      <c r="BB40" s="301">
        <v>0</v>
      </c>
      <c r="BC40" s="304">
        <v>0</v>
      </c>
      <c r="BD40" s="305">
        <v>0</v>
      </c>
      <c r="BE40" s="300">
        <v>0</v>
      </c>
      <c r="BF40" s="301">
        <v>0</v>
      </c>
      <c r="BG40" s="302">
        <v>0</v>
      </c>
      <c r="BH40" s="306"/>
      <c r="BI40" s="301">
        <v>0</v>
      </c>
      <c r="BJ40" s="301">
        <v>0</v>
      </c>
      <c r="BK40" s="301">
        <v>0</v>
      </c>
      <c r="BL40" s="301">
        <v>0</v>
      </c>
      <c r="BM40" s="301">
        <v>0</v>
      </c>
      <c r="BN40" s="304">
        <v>0</v>
      </c>
      <c r="BO40" s="305">
        <v>0</v>
      </c>
      <c r="BP40" s="300">
        <v>0</v>
      </c>
      <c r="BQ40" s="301">
        <v>0</v>
      </c>
      <c r="BR40" s="302">
        <v>0</v>
      </c>
      <c r="BS40" s="303">
        <v>0</v>
      </c>
      <c r="BT40" s="301">
        <v>0</v>
      </c>
      <c r="BU40" s="301">
        <v>0</v>
      </c>
      <c r="BV40" s="301">
        <v>9175</v>
      </c>
      <c r="BW40" s="301">
        <v>0</v>
      </c>
      <c r="BX40" s="301">
        <v>0</v>
      </c>
      <c r="BY40" s="304">
        <v>9175</v>
      </c>
      <c r="BZ40" s="305">
        <v>9175</v>
      </c>
      <c r="CA40" s="300">
        <v>0</v>
      </c>
      <c r="CB40" s="301">
        <v>0</v>
      </c>
      <c r="CC40" s="302">
        <v>0</v>
      </c>
      <c r="CD40" s="303">
        <v>0</v>
      </c>
      <c r="CE40" s="301">
        <v>0</v>
      </c>
      <c r="CF40" s="301">
        <v>0</v>
      </c>
      <c r="CG40" s="301">
        <v>0</v>
      </c>
      <c r="CH40" s="301">
        <v>0</v>
      </c>
      <c r="CI40" s="301">
        <v>0</v>
      </c>
      <c r="CJ40" s="304">
        <v>0</v>
      </c>
      <c r="CK40" s="305">
        <v>0</v>
      </c>
      <c r="CL40" s="300">
        <v>0</v>
      </c>
      <c r="CM40" s="301">
        <v>0</v>
      </c>
      <c r="CN40" s="302">
        <v>0</v>
      </c>
      <c r="CO40" s="303">
        <v>0</v>
      </c>
      <c r="CP40" s="301">
        <v>0</v>
      </c>
      <c r="CQ40" s="301">
        <v>0</v>
      </c>
      <c r="CR40" s="301">
        <v>0</v>
      </c>
      <c r="CS40" s="301">
        <v>0</v>
      </c>
      <c r="CT40" s="301">
        <v>0</v>
      </c>
      <c r="CU40" s="304">
        <v>0</v>
      </c>
      <c r="CV40" s="305">
        <v>0</v>
      </c>
      <c r="CW40" s="300">
        <v>0</v>
      </c>
      <c r="CX40" s="301">
        <v>0</v>
      </c>
      <c r="CY40" s="302">
        <v>0</v>
      </c>
      <c r="CZ40" s="306"/>
      <c r="DA40" s="301">
        <v>0</v>
      </c>
      <c r="DB40" s="301">
        <v>0</v>
      </c>
      <c r="DC40" s="301">
        <v>0</v>
      </c>
      <c r="DD40" s="301">
        <v>0</v>
      </c>
      <c r="DE40" s="301">
        <v>0</v>
      </c>
      <c r="DF40" s="304">
        <v>0</v>
      </c>
      <c r="DG40" s="305">
        <v>0</v>
      </c>
      <c r="DH40" s="300">
        <v>0</v>
      </c>
      <c r="DI40" s="301">
        <v>0</v>
      </c>
      <c r="DJ40" s="302">
        <v>0</v>
      </c>
      <c r="DK40" s="303">
        <v>0</v>
      </c>
      <c r="DL40" s="301">
        <v>0</v>
      </c>
      <c r="DM40" s="301">
        <v>0</v>
      </c>
      <c r="DN40" s="301">
        <v>149140</v>
      </c>
      <c r="DO40" s="301">
        <v>51863</v>
      </c>
      <c r="DP40" s="301">
        <v>30070</v>
      </c>
      <c r="DQ40" s="304">
        <v>231073</v>
      </c>
      <c r="DR40" s="307">
        <v>231073</v>
      </c>
      <c r="DS40" s="300">
        <v>0</v>
      </c>
      <c r="DT40" s="301">
        <v>0</v>
      </c>
      <c r="DU40" s="302">
        <v>0</v>
      </c>
      <c r="DV40" s="306"/>
      <c r="DW40" s="301">
        <v>0</v>
      </c>
      <c r="DX40" s="301">
        <v>0</v>
      </c>
      <c r="DY40" s="301">
        <v>135929</v>
      </c>
      <c r="DZ40" s="301">
        <v>51646</v>
      </c>
      <c r="EA40" s="301">
        <v>30070</v>
      </c>
      <c r="EB40" s="304">
        <v>217645</v>
      </c>
      <c r="EC40" s="305">
        <v>217645</v>
      </c>
      <c r="ED40" s="300">
        <v>0</v>
      </c>
      <c r="EE40" s="301">
        <v>0</v>
      </c>
      <c r="EF40" s="302">
        <v>0</v>
      </c>
      <c r="EG40" s="306"/>
      <c r="EH40" s="301">
        <v>0</v>
      </c>
      <c r="EI40" s="301">
        <v>0</v>
      </c>
      <c r="EJ40" s="301">
        <v>434</v>
      </c>
      <c r="EK40" s="301">
        <v>217</v>
      </c>
      <c r="EL40" s="301">
        <v>0</v>
      </c>
      <c r="EM40" s="304">
        <v>651</v>
      </c>
      <c r="EN40" s="305">
        <v>651</v>
      </c>
      <c r="EO40" s="300">
        <v>0</v>
      </c>
      <c r="EP40" s="301">
        <v>0</v>
      </c>
      <c r="EQ40" s="302">
        <v>0</v>
      </c>
      <c r="ER40" s="306"/>
      <c r="ES40" s="301">
        <v>0</v>
      </c>
      <c r="ET40" s="301">
        <v>0</v>
      </c>
      <c r="EU40" s="301">
        <v>0</v>
      </c>
      <c r="EV40" s="301">
        <v>0</v>
      </c>
      <c r="EW40" s="301">
        <v>0</v>
      </c>
      <c r="EX40" s="304">
        <v>0</v>
      </c>
      <c r="EY40" s="305">
        <v>0</v>
      </c>
      <c r="EZ40" s="300">
        <v>0</v>
      </c>
      <c r="FA40" s="301">
        <v>0</v>
      </c>
      <c r="FB40" s="302">
        <v>0</v>
      </c>
      <c r="FC40" s="306"/>
      <c r="FD40" s="301">
        <v>0</v>
      </c>
      <c r="FE40" s="301">
        <v>0</v>
      </c>
      <c r="FF40" s="301">
        <v>0</v>
      </c>
      <c r="FG40" s="301">
        <v>0</v>
      </c>
      <c r="FH40" s="301">
        <v>0</v>
      </c>
      <c r="FI40" s="304">
        <v>0</v>
      </c>
      <c r="FJ40" s="305">
        <v>0</v>
      </c>
      <c r="FK40" s="300">
        <v>0</v>
      </c>
      <c r="FL40" s="301">
        <v>0</v>
      </c>
      <c r="FM40" s="302">
        <v>0</v>
      </c>
      <c r="FN40" s="306"/>
      <c r="FO40" s="301">
        <v>0</v>
      </c>
      <c r="FP40" s="301">
        <v>0</v>
      </c>
      <c r="FQ40" s="301">
        <v>0</v>
      </c>
      <c r="FR40" s="301">
        <v>0</v>
      </c>
      <c r="FS40" s="301">
        <v>0</v>
      </c>
      <c r="FT40" s="304">
        <v>0</v>
      </c>
      <c r="FU40" s="305">
        <v>0</v>
      </c>
      <c r="FV40" s="300">
        <v>0</v>
      </c>
      <c r="FW40" s="301">
        <v>0</v>
      </c>
      <c r="FX40" s="302">
        <v>0</v>
      </c>
      <c r="FY40" s="303">
        <v>0</v>
      </c>
      <c r="FZ40" s="301">
        <v>0</v>
      </c>
      <c r="GA40" s="301">
        <v>0</v>
      </c>
      <c r="GB40" s="301">
        <v>12777</v>
      </c>
      <c r="GC40" s="301">
        <v>0</v>
      </c>
      <c r="GD40" s="301">
        <v>0</v>
      </c>
      <c r="GE40" s="304">
        <v>12777</v>
      </c>
      <c r="GF40" s="305">
        <v>12777</v>
      </c>
      <c r="GG40" s="300">
        <v>0</v>
      </c>
      <c r="GH40" s="301">
        <v>0</v>
      </c>
      <c r="GI40" s="302">
        <v>0</v>
      </c>
      <c r="GJ40" s="303">
        <v>0</v>
      </c>
      <c r="GK40" s="301">
        <v>0</v>
      </c>
      <c r="GL40" s="301">
        <v>0</v>
      </c>
      <c r="GM40" s="301">
        <v>0</v>
      </c>
      <c r="GN40" s="301">
        <v>0</v>
      </c>
      <c r="GO40" s="301">
        <v>0</v>
      </c>
      <c r="GP40" s="304">
        <v>0</v>
      </c>
      <c r="GQ40" s="305">
        <v>0</v>
      </c>
      <c r="GR40" s="300">
        <v>0</v>
      </c>
      <c r="GS40" s="301">
        <v>0</v>
      </c>
      <c r="GT40" s="302">
        <v>0</v>
      </c>
      <c r="GU40" s="303">
        <v>0</v>
      </c>
      <c r="GV40" s="301">
        <v>0</v>
      </c>
      <c r="GW40" s="301">
        <v>0</v>
      </c>
      <c r="GX40" s="301">
        <v>0</v>
      </c>
      <c r="GY40" s="301">
        <v>0</v>
      </c>
      <c r="GZ40" s="301">
        <v>0</v>
      </c>
      <c r="HA40" s="304">
        <v>0</v>
      </c>
      <c r="HB40" s="305">
        <v>0</v>
      </c>
      <c r="HC40" s="300">
        <v>0</v>
      </c>
      <c r="HD40" s="301">
        <v>0</v>
      </c>
      <c r="HE40" s="302">
        <v>0</v>
      </c>
      <c r="HF40" s="306"/>
      <c r="HG40" s="301">
        <v>0</v>
      </c>
      <c r="HH40" s="301">
        <v>0</v>
      </c>
      <c r="HI40" s="301">
        <v>0</v>
      </c>
      <c r="HJ40" s="301">
        <v>0</v>
      </c>
      <c r="HK40" s="301">
        <v>0</v>
      </c>
      <c r="HL40" s="304">
        <v>0</v>
      </c>
      <c r="HM40" s="305">
        <v>0</v>
      </c>
      <c r="HN40" s="300">
        <v>0</v>
      </c>
      <c r="HO40" s="301">
        <v>0</v>
      </c>
      <c r="HP40" s="302">
        <v>0</v>
      </c>
      <c r="HQ40" s="303">
        <v>0</v>
      </c>
      <c r="HR40" s="301">
        <v>0</v>
      </c>
      <c r="HS40" s="301">
        <v>0</v>
      </c>
      <c r="HT40" s="301">
        <v>262310</v>
      </c>
      <c r="HU40" s="301">
        <v>114483</v>
      </c>
      <c r="HV40" s="301">
        <v>65410</v>
      </c>
      <c r="HW40" s="304">
        <v>442203</v>
      </c>
      <c r="HX40" s="305">
        <v>442203</v>
      </c>
    </row>
    <row r="41" spans="1:232" x14ac:dyDescent="0.2">
      <c r="A41" s="1" t="s">
        <v>84</v>
      </c>
    </row>
  </sheetData>
  <mergeCells count="88">
    <mergeCell ref="F1:G1"/>
    <mergeCell ref="HC4:HM4"/>
    <mergeCell ref="DH3:HM3"/>
    <mergeCell ref="EO4:EY4"/>
    <mergeCell ref="FK4:FU4"/>
    <mergeCell ref="CW4:DG4"/>
    <mergeCell ref="B3:DG3"/>
    <mergeCell ref="DH4:DR4"/>
    <mergeCell ref="DS4:EC4"/>
    <mergeCell ref="B4:L4"/>
    <mergeCell ref="M4:W4"/>
    <mergeCell ref="X4:AH4"/>
    <mergeCell ref="AI4:AS4"/>
    <mergeCell ref="BE4:BO4"/>
    <mergeCell ref="AT4:BD4"/>
    <mergeCell ref="HN3:HX4"/>
    <mergeCell ref="ED4:EN4"/>
    <mergeCell ref="FV4:GF4"/>
    <mergeCell ref="GG4:GQ4"/>
    <mergeCell ref="GR4:HB4"/>
    <mergeCell ref="EZ4:FJ4"/>
    <mergeCell ref="B5:D5"/>
    <mergeCell ref="E5:K5"/>
    <mergeCell ref="L5:L6"/>
    <mergeCell ref="M5:O5"/>
    <mergeCell ref="P5:V5"/>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P5:BR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CW5:CY5"/>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FC5:FI5"/>
    <mergeCell ref="FJ5:FJ6"/>
    <mergeCell ref="HB5:HB6"/>
    <mergeCell ref="HN5:HP5"/>
    <mergeCell ref="HQ5:HW5"/>
    <mergeCell ref="HX5:HX6"/>
    <mergeCell ref="GF5:GF6"/>
    <mergeCell ref="GG5:GI5"/>
    <mergeCell ref="GJ5:GP5"/>
    <mergeCell ref="GQ5:GQ6"/>
    <mergeCell ref="GR5:GT5"/>
    <mergeCell ref="GU5:HA5"/>
    <mergeCell ref="HC5:HE5"/>
    <mergeCell ref="HF5:HL5"/>
    <mergeCell ref="HM5:HM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4" max="1048575" man="1"/>
    <brk id="67" max="1048575" man="1"/>
    <brk id="101" max="1048575" man="1"/>
    <brk id="133" max="1048575" man="1"/>
    <brk id="166" max="1048575" man="1"/>
    <brk id="199"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88671875" style="44" customWidth="1"/>
    <col min="2" max="2" width="10.7773437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5">
        <f>第１表!F2</f>
        <v>5</v>
      </c>
      <c r="G1" s="525"/>
      <c r="H1" s="248">
        <f>第１表!G2</f>
        <v>7</v>
      </c>
      <c r="I1" s="524">
        <f>H1</f>
        <v>7</v>
      </c>
      <c r="J1" s="524"/>
    </row>
    <row r="2" spans="2:299" ht="24" customHeight="1" thickBot="1" x14ac:dyDescent="0.25">
      <c r="B2" s="20" t="s">
        <v>131</v>
      </c>
    </row>
    <row r="3" spans="2:299" ht="21" customHeight="1" thickBot="1" x14ac:dyDescent="0.25">
      <c r="B3" s="511" t="s">
        <v>38</v>
      </c>
      <c r="C3" s="506" t="s">
        <v>96</v>
      </c>
      <c r="D3" s="506"/>
      <c r="E3" s="506"/>
      <c r="F3" s="506"/>
      <c r="G3" s="506"/>
      <c r="H3" s="506"/>
      <c r="I3" s="506"/>
      <c r="J3" s="506"/>
      <c r="K3" s="506"/>
      <c r="L3" s="506"/>
      <c r="M3" s="506"/>
      <c r="N3" s="506"/>
      <c r="O3" s="506"/>
      <c r="P3" s="506"/>
      <c r="Q3" s="506"/>
      <c r="R3" s="506"/>
      <c r="S3" s="506"/>
      <c r="T3" s="506"/>
      <c r="U3" s="506"/>
      <c r="V3" s="506"/>
      <c r="W3" s="506"/>
      <c r="X3" s="506"/>
      <c r="Y3" s="506"/>
      <c r="Z3" s="506"/>
      <c r="AA3" s="506"/>
      <c r="AB3" s="506"/>
      <c r="AC3" s="506"/>
      <c r="AD3" s="506"/>
      <c r="AE3" s="506"/>
      <c r="AF3" s="506"/>
      <c r="AG3" s="506"/>
      <c r="AH3" s="506"/>
      <c r="AI3" s="506"/>
      <c r="AJ3" s="506"/>
      <c r="AK3" s="506"/>
      <c r="AL3" s="506"/>
      <c r="AM3" s="506"/>
      <c r="AN3" s="506"/>
      <c r="AO3" s="506"/>
      <c r="AP3" s="506"/>
      <c r="AQ3" s="506"/>
      <c r="AR3" s="506"/>
      <c r="AS3" s="506"/>
      <c r="AT3" s="506"/>
      <c r="AU3" s="506"/>
      <c r="AV3" s="506"/>
      <c r="AW3" s="506"/>
      <c r="AX3" s="506"/>
      <c r="AY3" s="506"/>
      <c r="AZ3" s="506"/>
      <c r="BA3" s="506"/>
      <c r="BB3" s="506"/>
      <c r="BC3" s="506"/>
      <c r="BD3" s="506"/>
      <c r="BE3" s="506"/>
      <c r="BF3" s="506"/>
      <c r="BG3" s="506"/>
      <c r="BH3" s="506"/>
      <c r="BI3" s="506"/>
      <c r="BJ3" s="506"/>
      <c r="BK3" s="506"/>
      <c r="BL3" s="506"/>
      <c r="BM3" s="506"/>
      <c r="BN3" s="506"/>
      <c r="BO3" s="506"/>
      <c r="BP3" s="506"/>
      <c r="BQ3" s="506"/>
      <c r="BR3" s="506"/>
      <c r="BS3" s="506"/>
      <c r="BT3" s="506"/>
      <c r="BU3" s="506"/>
      <c r="BV3" s="506"/>
      <c r="BW3" s="506"/>
      <c r="BX3" s="506"/>
      <c r="BY3" s="506"/>
      <c r="BZ3" s="506"/>
      <c r="CA3" s="506"/>
      <c r="CB3" s="506"/>
      <c r="CC3" s="506"/>
      <c r="CD3" s="506"/>
      <c r="CE3" s="506"/>
      <c r="CF3" s="506"/>
      <c r="CG3" s="506"/>
      <c r="CH3" s="506"/>
      <c r="CI3" s="506"/>
      <c r="CJ3" s="506"/>
      <c r="CK3" s="506"/>
      <c r="CL3" s="506"/>
      <c r="CM3" s="506"/>
      <c r="CN3" s="506"/>
      <c r="CO3" s="506"/>
      <c r="CP3" s="506"/>
      <c r="CQ3" s="506"/>
      <c r="CR3" s="506"/>
      <c r="CS3" s="506"/>
      <c r="CT3" s="506"/>
      <c r="CU3" s="506"/>
      <c r="CV3" s="506"/>
      <c r="CW3" s="507"/>
      <c r="CX3" s="506" t="s">
        <v>103</v>
      </c>
      <c r="CY3" s="506"/>
      <c r="CZ3" s="506"/>
      <c r="DA3" s="506"/>
      <c r="DB3" s="506"/>
      <c r="DC3" s="506"/>
      <c r="DD3" s="506"/>
      <c r="DE3" s="506"/>
      <c r="DF3" s="506"/>
      <c r="DG3" s="506"/>
      <c r="DH3" s="506"/>
      <c r="DI3" s="506"/>
      <c r="DJ3" s="506"/>
      <c r="DK3" s="506"/>
      <c r="DL3" s="506"/>
      <c r="DM3" s="506"/>
      <c r="DN3" s="506"/>
      <c r="DO3" s="506"/>
      <c r="DP3" s="506"/>
      <c r="DQ3" s="506"/>
      <c r="DR3" s="506"/>
      <c r="DS3" s="506"/>
      <c r="DT3" s="506"/>
      <c r="DU3" s="506"/>
      <c r="DV3" s="506"/>
      <c r="DW3" s="506"/>
      <c r="DX3" s="506"/>
      <c r="DY3" s="506"/>
      <c r="DZ3" s="506"/>
      <c r="EA3" s="506"/>
      <c r="EB3" s="506"/>
      <c r="EC3" s="506"/>
      <c r="ED3" s="506"/>
      <c r="EE3" s="506"/>
      <c r="EF3" s="506"/>
      <c r="EG3" s="506"/>
      <c r="EH3" s="506"/>
      <c r="EI3" s="506"/>
      <c r="EJ3" s="506"/>
      <c r="EK3" s="506"/>
      <c r="EL3" s="506"/>
      <c r="EM3" s="506"/>
      <c r="EN3" s="506"/>
      <c r="EO3" s="506"/>
      <c r="EP3" s="506"/>
      <c r="EQ3" s="506"/>
      <c r="ER3" s="506"/>
      <c r="ES3" s="506"/>
      <c r="ET3" s="506"/>
      <c r="EU3" s="506"/>
      <c r="EV3" s="506"/>
      <c r="EW3" s="506"/>
      <c r="EX3" s="506"/>
      <c r="EY3" s="506"/>
      <c r="EZ3" s="506"/>
      <c r="FA3" s="506"/>
      <c r="FB3" s="506"/>
      <c r="FC3" s="506"/>
      <c r="FD3" s="506"/>
      <c r="FE3" s="506"/>
      <c r="FF3" s="506"/>
      <c r="FG3" s="506"/>
      <c r="FH3" s="506"/>
      <c r="FI3" s="506"/>
      <c r="FJ3" s="506"/>
      <c r="FK3" s="506"/>
      <c r="FL3" s="506"/>
      <c r="FM3" s="506"/>
      <c r="FN3" s="506"/>
      <c r="FO3" s="506"/>
      <c r="FP3" s="506"/>
      <c r="FQ3" s="506"/>
      <c r="FR3" s="506"/>
      <c r="FS3" s="506"/>
      <c r="FT3" s="506"/>
      <c r="FU3" s="506"/>
      <c r="FV3" s="506"/>
      <c r="FW3" s="506"/>
      <c r="FX3" s="506"/>
      <c r="FY3" s="506"/>
      <c r="FZ3" s="506"/>
      <c r="GA3" s="506"/>
      <c r="GB3" s="506"/>
      <c r="GC3" s="506"/>
      <c r="GD3" s="506"/>
      <c r="GE3" s="506"/>
      <c r="GF3" s="506"/>
      <c r="GG3" s="506"/>
      <c r="GH3" s="506"/>
      <c r="GI3" s="506"/>
      <c r="GJ3" s="506"/>
      <c r="GK3" s="506"/>
      <c r="GL3" s="506"/>
      <c r="GM3" s="506"/>
      <c r="GN3" s="506"/>
      <c r="GO3" s="506"/>
      <c r="GP3" s="506"/>
      <c r="GQ3" s="506"/>
      <c r="GR3" s="507"/>
      <c r="GS3" s="506" t="s">
        <v>104</v>
      </c>
      <c r="GT3" s="506"/>
      <c r="GU3" s="506"/>
      <c r="GV3" s="506"/>
      <c r="GW3" s="506"/>
      <c r="GX3" s="506"/>
      <c r="GY3" s="506"/>
      <c r="GZ3" s="506"/>
      <c r="HA3" s="506"/>
      <c r="HB3" s="506"/>
      <c r="HC3" s="506"/>
      <c r="HD3" s="506"/>
      <c r="HE3" s="506"/>
      <c r="HF3" s="506"/>
      <c r="HG3" s="506"/>
      <c r="HH3" s="506"/>
      <c r="HI3" s="506"/>
      <c r="HJ3" s="506"/>
      <c r="HK3" s="506"/>
      <c r="HL3" s="506"/>
      <c r="HM3" s="506"/>
      <c r="HN3" s="506"/>
      <c r="HO3" s="506"/>
      <c r="HP3" s="506"/>
      <c r="HQ3" s="506"/>
      <c r="HR3" s="506"/>
      <c r="HS3" s="506"/>
      <c r="HT3" s="506"/>
      <c r="HU3" s="506"/>
      <c r="HV3" s="506"/>
      <c r="HW3" s="506"/>
      <c r="HX3" s="506"/>
      <c r="HY3" s="506"/>
      <c r="HZ3" s="506"/>
      <c r="IA3" s="506"/>
      <c r="IB3" s="506"/>
      <c r="IC3" s="506"/>
      <c r="ID3" s="506"/>
      <c r="IE3" s="506"/>
      <c r="IF3" s="506"/>
      <c r="IG3" s="506"/>
      <c r="IH3" s="506"/>
      <c r="II3" s="506"/>
      <c r="IJ3" s="506"/>
      <c r="IK3" s="506"/>
      <c r="IL3" s="506"/>
      <c r="IM3" s="506"/>
      <c r="IN3" s="506"/>
      <c r="IO3" s="506"/>
      <c r="IP3" s="506"/>
      <c r="IQ3" s="506"/>
      <c r="IR3" s="506"/>
      <c r="IS3" s="506"/>
      <c r="IT3" s="506"/>
      <c r="IU3" s="506"/>
      <c r="IV3" s="506"/>
      <c r="IW3" s="506"/>
      <c r="IX3" s="506"/>
      <c r="IY3" s="506"/>
      <c r="IZ3" s="506"/>
      <c r="JA3" s="506"/>
      <c r="JB3" s="506"/>
      <c r="JC3" s="506"/>
      <c r="JD3" s="506"/>
      <c r="JE3" s="506"/>
      <c r="JF3" s="506"/>
      <c r="JG3" s="506"/>
      <c r="JH3" s="506"/>
      <c r="JI3" s="506"/>
      <c r="JJ3" s="506"/>
      <c r="JK3" s="506"/>
      <c r="JL3" s="506"/>
      <c r="JM3" s="506"/>
      <c r="JN3" s="506"/>
      <c r="JO3" s="506"/>
      <c r="JP3" s="506"/>
      <c r="JQ3" s="506"/>
      <c r="JR3" s="506"/>
      <c r="JS3" s="506"/>
      <c r="JT3" s="506"/>
      <c r="JU3" s="506"/>
      <c r="JV3" s="506"/>
      <c r="JW3" s="506"/>
      <c r="JX3" s="506"/>
      <c r="JY3" s="506"/>
      <c r="JZ3" s="506"/>
      <c r="KA3" s="506"/>
      <c r="KB3" s="506"/>
      <c r="KC3" s="506"/>
      <c r="KD3" s="506"/>
      <c r="KE3" s="506"/>
      <c r="KF3" s="506"/>
      <c r="KG3" s="506"/>
      <c r="KH3" s="506"/>
      <c r="KI3" s="506"/>
      <c r="KJ3" s="506"/>
      <c r="KK3" s="506"/>
      <c r="KL3" s="506"/>
      <c r="KM3" s="507"/>
    </row>
    <row r="4" spans="2:299" ht="21" customHeight="1" thickBot="1" x14ac:dyDescent="0.25">
      <c r="B4" s="523"/>
      <c r="C4" s="508" t="s">
        <v>39</v>
      </c>
      <c r="D4" s="509"/>
      <c r="E4" s="509"/>
      <c r="F4" s="509"/>
      <c r="G4" s="509"/>
      <c r="H4" s="509"/>
      <c r="I4" s="509"/>
      <c r="J4" s="509"/>
      <c r="K4" s="509"/>
      <c r="L4" s="509"/>
      <c r="M4" s="509"/>
      <c r="N4" s="509"/>
      <c r="O4" s="509"/>
      <c r="P4" s="509"/>
      <c r="Q4" s="509"/>
      <c r="R4" s="509"/>
      <c r="S4" s="509"/>
      <c r="T4" s="509"/>
      <c r="U4" s="509"/>
      <c r="V4" s="509"/>
      <c r="W4" s="509"/>
      <c r="X4" s="509"/>
      <c r="Y4" s="509"/>
      <c r="Z4" s="509"/>
      <c r="AA4" s="509"/>
      <c r="AB4" s="509"/>
      <c r="AC4" s="509"/>
      <c r="AD4" s="509"/>
      <c r="AE4" s="509"/>
      <c r="AF4" s="509"/>
      <c r="AG4" s="509"/>
      <c r="AH4" s="509"/>
      <c r="AI4" s="509"/>
      <c r="AJ4" s="509"/>
      <c r="AK4" s="509"/>
      <c r="AL4" s="509"/>
      <c r="AM4" s="509"/>
      <c r="AN4" s="509"/>
      <c r="AO4" s="509"/>
      <c r="AP4" s="509"/>
      <c r="AQ4" s="509"/>
      <c r="AR4" s="509"/>
      <c r="AS4" s="509"/>
      <c r="AT4" s="509"/>
      <c r="AU4" s="509"/>
      <c r="AV4" s="509"/>
      <c r="AW4" s="509"/>
      <c r="AX4" s="509"/>
      <c r="AY4" s="509"/>
      <c r="AZ4" s="509"/>
      <c r="BA4" s="509"/>
      <c r="BB4" s="509"/>
      <c r="BC4" s="509"/>
      <c r="BD4" s="509"/>
      <c r="BE4" s="509"/>
      <c r="BF4" s="509"/>
      <c r="BG4" s="509"/>
      <c r="BH4" s="509"/>
      <c r="BI4" s="509"/>
      <c r="BJ4" s="509"/>
      <c r="BK4" s="509"/>
      <c r="BL4" s="509"/>
      <c r="BM4" s="509"/>
      <c r="BN4" s="509"/>
      <c r="BO4" s="509"/>
      <c r="BP4" s="509"/>
      <c r="BQ4" s="509"/>
      <c r="BR4" s="509"/>
      <c r="BS4" s="509"/>
      <c r="BT4" s="509"/>
      <c r="BU4" s="509"/>
      <c r="BV4" s="509"/>
      <c r="BW4" s="509"/>
      <c r="BX4" s="509"/>
      <c r="BY4" s="509"/>
      <c r="BZ4" s="509"/>
      <c r="CA4" s="510"/>
      <c r="CB4" s="511" t="s">
        <v>40</v>
      </c>
      <c r="CC4" s="512"/>
      <c r="CD4" s="512"/>
      <c r="CE4" s="512"/>
      <c r="CF4" s="512"/>
      <c r="CG4" s="512"/>
      <c r="CH4" s="512"/>
      <c r="CI4" s="512"/>
      <c r="CJ4" s="512"/>
      <c r="CK4" s="512"/>
      <c r="CL4" s="513"/>
      <c r="CM4" s="511" t="s">
        <v>41</v>
      </c>
      <c r="CN4" s="512"/>
      <c r="CO4" s="512"/>
      <c r="CP4" s="512"/>
      <c r="CQ4" s="512"/>
      <c r="CR4" s="512"/>
      <c r="CS4" s="512"/>
      <c r="CT4" s="512"/>
      <c r="CU4" s="512"/>
      <c r="CV4" s="512"/>
      <c r="CW4" s="513"/>
      <c r="CX4" s="508" t="s">
        <v>39</v>
      </c>
      <c r="CY4" s="509"/>
      <c r="CZ4" s="509"/>
      <c r="DA4" s="509"/>
      <c r="DB4" s="509"/>
      <c r="DC4" s="509"/>
      <c r="DD4" s="509"/>
      <c r="DE4" s="509"/>
      <c r="DF4" s="509"/>
      <c r="DG4" s="509"/>
      <c r="DH4" s="509"/>
      <c r="DI4" s="509"/>
      <c r="DJ4" s="509"/>
      <c r="DK4" s="509"/>
      <c r="DL4" s="509"/>
      <c r="DM4" s="509"/>
      <c r="DN4" s="509"/>
      <c r="DO4" s="509"/>
      <c r="DP4" s="509"/>
      <c r="DQ4" s="509"/>
      <c r="DR4" s="509"/>
      <c r="DS4" s="509"/>
      <c r="DT4" s="509"/>
      <c r="DU4" s="509"/>
      <c r="DV4" s="509"/>
      <c r="DW4" s="509"/>
      <c r="DX4" s="509"/>
      <c r="DY4" s="509"/>
      <c r="DZ4" s="509"/>
      <c r="EA4" s="509"/>
      <c r="EB4" s="509"/>
      <c r="EC4" s="509"/>
      <c r="ED4" s="509"/>
      <c r="EE4" s="509"/>
      <c r="EF4" s="509"/>
      <c r="EG4" s="509"/>
      <c r="EH4" s="509"/>
      <c r="EI4" s="509"/>
      <c r="EJ4" s="509"/>
      <c r="EK4" s="509"/>
      <c r="EL4" s="509"/>
      <c r="EM4" s="509"/>
      <c r="EN4" s="509"/>
      <c r="EO4" s="509"/>
      <c r="EP4" s="509"/>
      <c r="EQ4" s="509"/>
      <c r="ER4" s="509"/>
      <c r="ES4" s="509"/>
      <c r="ET4" s="509"/>
      <c r="EU4" s="509"/>
      <c r="EV4" s="509"/>
      <c r="EW4" s="509"/>
      <c r="EX4" s="509"/>
      <c r="EY4" s="509"/>
      <c r="EZ4" s="509"/>
      <c r="FA4" s="509"/>
      <c r="FB4" s="509"/>
      <c r="FC4" s="509"/>
      <c r="FD4" s="509"/>
      <c r="FE4" s="509"/>
      <c r="FF4" s="509"/>
      <c r="FG4" s="509"/>
      <c r="FH4" s="509"/>
      <c r="FI4" s="509"/>
      <c r="FJ4" s="509"/>
      <c r="FK4" s="509"/>
      <c r="FL4" s="509"/>
      <c r="FM4" s="509"/>
      <c r="FN4" s="509"/>
      <c r="FO4" s="509"/>
      <c r="FP4" s="509"/>
      <c r="FQ4" s="509"/>
      <c r="FR4" s="509"/>
      <c r="FS4" s="509"/>
      <c r="FT4" s="509"/>
      <c r="FU4" s="509"/>
      <c r="FV4" s="510"/>
      <c r="FW4" s="511" t="s">
        <v>40</v>
      </c>
      <c r="FX4" s="512"/>
      <c r="FY4" s="512"/>
      <c r="FZ4" s="512"/>
      <c r="GA4" s="512"/>
      <c r="GB4" s="512"/>
      <c r="GC4" s="512"/>
      <c r="GD4" s="512"/>
      <c r="GE4" s="512"/>
      <c r="GF4" s="512"/>
      <c r="GG4" s="513"/>
      <c r="GH4" s="511" t="s">
        <v>41</v>
      </c>
      <c r="GI4" s="512"/>
      <c r="GJ4" s="512"/>
      <c r="GK4" s="512"/>
      <c r="GL4" s="512"/>
      <c r="GM4" s="512"/>
      <c r="GN4" s="512"/>
      <c r="GO4" s="512"/>
      <c r="GP4" s="512"/>
      <c r="GQ4" s="512"/>
      <c r="GR4" s="513"/>
      <c r="GS4" s="508" t="s">
        <v>39</v>
      </c>
      <c r="GT4" s="509"/>
      <c r="GU4" s="509"/>
      <c r="GV4" s="509"/>
      <c r="GW4" s="509"/>
      <c r="GX4" s="509"/>
      <c r="GY4" s="509"/>
      <c r="GZ4" s="509"/>
      <c r="HA4" s="509"/>
      <c r="HB4" s="509"/>
      <c r="HC4" s="509"/>
      <c r="HD4" s="509"/>
      <c r="HE4" s="509"/>
      <c r="HF4" s="509"/>
      <c r="HG4" s="509"/>
      <c r="HH4" s="509"/>
      <c r="HI4" s="509"/>
      <c r="HJ4" s="509"/>
      <c r="HK4" s="509"/>
      <c r="HL4" s="509"/>
      <c r="HM4" s="509"/>
      <c r="HN4" s="509"/>
      <c r="HO4" s="509"/>
      <c r="HP4" s="509"/>
      <c r="HQ4" s="509"/>
      <c r="HR4" s="509"/>
      <c r="HS4" s="509"/>
      <c r="HT4" s="509"/>
      <c r="HU4" s="509"/>
      <c r="HV4" s="509"/>
      <c r="HW4" s="509"/>
      <c r="HX4" s="509"/>
      <c r="HY4" s="509"/>
      <c r="HZ4" s="509"/>
      <c r="IA4" s="509"/>
      <c r="IB4" s="509"/>
      <c r="IC4" s="509"/>
      <c r="ID4" s="509"/>
      <c r="IE4" s="509"/>
      <c r="IF4" s="509"/>
      <c r="IG4" s="509"/>
      <c r="IH4" s="509"/>
      <c r="II4" s="509"/>
      <c r="IJ4" s="509"/>
      <c r="IK4" s="509"/>
      <c r="IL4" s="509"/>
      <c r="IM4" s="509"/>
      <c r="IN4" s="509"/>
      <c r="IO4" s="509"/>
      <c r="IP4" s="509"/>
      <c r="IQ4" s="509"/>
      <c r="IR4" s="509"/>
      <c r="IS4" s="509"/>
      <c r="IT4" s="509"/>
      <c r="IU4" s="509"/>
      <c r="IV4" s="509"/>
      <c r="IW4" s="509"/>
      <c r="IX4" s="509"/>
      <c r="IY4" s="509"/>
      <c r="IZ4" s="509"/>
      <c r="JA4" s="509"/>
      <c r="JB4" s="509"/>
      <c r="JC4" s="509"/>
      <c r="JD4" s="509"/>
      <c r="JE4" s="509"/>
      <c r="JF4" s="509"/>
      <c r="JG4" s="509"/>
      <c r="JH4" s="509"/>
      <c r="JI4" s="509"/>
      <c r="JJ4" s="509"/>
      <c r="JK4" s="509"/>
      <c r="JL4" s="509"/>
      <c r="JM4" s="509"/>
      <c r="JN4" s="509"/>
      <c r="JO4" s="509"/>
      <c r="JP4" s="509"/>
      <c r="JQ4" s="510"/>
      <c r="JR4" s="511" t="s">
        <v>40</v>
      </c>
      <c r="JS4" s="512"/>
      <c r="JT4" s="512"/>
      <c r="JU4" s="512"/>
      <c r="JV4" s="512"/>
      <c r="JW4" s="512"/>
      <c r="JX4" s="512"/>
      <c r="JY4" s="512"/>
      <c r="JZ4" s="512"/>
      <c r="KA4" s="512"/>
      <c r="KB4" s="513"/>
      <c r="KC4" s="511" t="s">
        <v>41</v>
      </c>
      <c r="KD4" s="512"/>
      <c r="KE4" s="512"/>
      <c r="KF4" s="512"/>
      <c r="KG4" s="512"/>
      <c r="KH4" s="512"/>
      <c r="KI4" s="512"/>
      <c r="KJ4" s="512"/>
      <c r="KK4" s="512"/>
      <c r="KL4" s="512"/>
      <c r="KM4" s="513"/>
    </row>
    <row r="5" spans="2:299" ht="21" customHeight="1" thickBot="1" x14ac:dyDescent="0.25">
      <c r="B5" s="517"/>
      <c r="C5" s="517"/>
      <c r="D5" s="518"/>
      <c r="E5" s="518"/>
      <c r="F5" s="518"/>
      <c r="G5" s="518"/>
      <c r="H5" s="518"/>
      <c r="I5" s="518"/>
      <c r="J5" s="518"/>
      <c r="K5" s="518"/>
      <c r="L5" s="518"/>
      <c r="M5" s="519"/>
      <c r="N5" s="520" t="s">
        <v>97</v>
      </c>
      <c r="O5" s="521"/>
      <c r="P5" s="521"/>
      <c r="Q5" s="521"/>
      <c r="R5" s="521"/>
      <c r="S5" s="521"/>
      <c r="T5" s="521"/>
      <c r="U5" s="521"/>
      <c r="V5" s="521"/>
      <c r="W5" s="521"/>
      <c r="X5" s="522"/>
      <c r="Y5" s="520" t="s">
        <v>98</v>
      </c>
      <c r="Z5" s="521"/>
      <c r="AA5" s="521"/>
      <c r="AB5" s="521"/>
      <c r="AC5" s="521"/>
      <c r="AD5" s="521"/>
      <c r="AE5" s="521"/>
      <c r="AF5" s="521"/>
      <c r="AG5" s="521"/>
      <c r="AH5" s="521"/>
      <c r="AI5" s="522"/>
      <c r="AJ5" s="520" t="s">
        <v>99</v>
      </c>
      <c r="AK5" s="521"/>
      <c r="AL5" s="521"/>
      <c r="AM5" s="521"/>
      <c r="AN5" s="521"/>
      <c r="AO5" s="521"/>
      <c r="AP5" s="521"/>
      <c r="AQ5" s="521"/>
      <c r="AR5" s="521"/>
      <c r="AS5" s="521"/>
      <c r="AT5" s="522"/>
      <c r="AU5" s="520" t="s">
        <v>100</v>
      </c>
      <c r="AV5" s="521"/>
      <c r="AW5" s="521"/>
      <c r="AX5" s="521"/>
      <c r="AY5" s="521"/>
      <c r="AZ5" s="521"/>
      <c r="BA5" s="521"/>
      <c r="BB5" s="521"/>
      <c r="BC5" s="521"/>
      <c r="BD5" s="521"/>
      <c r="BE5" s="522"/>
      <c r="BF5" s="520" t="s">
        <v>101</v>
      </c>
      <c r="BG5" s="521"/>
      <c r="BH5" s="521"/>
      <c r="BI5" s="521"/>
      <c r="BJ5" s="521"/>
      <c r="BK5" s="521"/>
      <c r="BL5" s="521"/>
      <c r="BM5" s="521"/>
      <c r="BN5" s="521"/>
      <c r="BO5" s="521"/>
      <c r="BP5" s="522"/>
      <c r="BQ5" s="520" t="s">
        <v>102</v>
      </c>
      <c r="BR5" s="521"/>
      <c r="BS5" s="521"/>
      <c r="BT5" s="521"/>
      <c r="BU5" s="521"/>
      <c r="BV5" s="521"/>
      <c r="BW5" s="521"/>
      <c r="BX5" s="521"/>
      <c r="BY5" s="521"/>
      <c r="BZ5" s="521"/>
      <c r="CA5" s="522"/>
      <c r="CB5" s="514"/>
      <c r="CC5" s="515"/>
      <c r="CD5" s="515"/>
      <c r="CE5" s="515"/>
      <c r="CF5" s="515"/>
      <c r="CG5" s="515"/>
      <c r="CH5" s="515"/>
      <c r="CI5" s="515"/>
      <c r="CJ5" s="515"/>
      <c r="CK5" s="515"/>
      <c r="CL5" s="516"/>
      <c r="CM5" s="514"/>
      <c r="CN5" s="515"/>
      <c r="CO5" s="515"/>
      <c r="CP5" s="515"/>
      <c r="CQ5" s="515"/>
      <c r="CR5" s="515"/>
      <c r="CS5" s="515"/>
      <c r="CT5" s="515"/>
      <c r="CU5" s="515"/>
      <c r="CV5" s="515"/>
      <c r="CW5" s="516"/>
      <c r="CX5" s="517"/>
      <c r="CY5" s="518"/>
      <c r="CZ5" s="518"/>
      <c r="DA5" s="518"/>
      <c r="DB5" s="518"/>
      <c r="DC5" s="518"/>
      <c r="DD5" s="518"/>
      <c r="DE5" s="518"/>
      <c r="DF5" s="518"/>
      <c r="DG5" s="518"/>
      <c r="DH5" s="519"/>
      <c r="DI5" s="520" t="s">
        <v>97</v>
      </c>
      <c r="DJ5" s="521"/>
      <c r="DK5" s="521"/>
      <c r="DL5" s="521"/>
      <c r="DM5" s="521"/>
      <c r="DN5" s="521"/>
      <c r="DO5" s="521"/>
      <c r="DP5" s="521"/>
      <c r="DQ5" s="521"/>
      <c r="DR5" s="521"/>
      <c r="DS5" s="522"/>
      <c r="DT5" s="520" t="s">
        <v>98</v>
      </c>
      <c r="DU5" s="521"/>
      <c r="DV5" s="521"/>
      <c r="DW5" s="521"/>
      <c r="DX5" s="521"/>
      <c r="DY5" s="521"/>
      <c r="DZ5" s="521"/>
      <c r="EA5" s="521"/>
      <c r="EB5" s="521"/>
      <c r="EC5" s="521"/>
      <c r="ED5" s="522"/>
      <c r="EE5" s="520" t="s">
        <v>99</v>
      </c>
      <c r="EF5" s="521"/>
      <c r="EG5" s="521"/>
      <c r="EH5" s="521"/>
      <c r="EI5" s="521"/>
      <c r="EJ5" s="521"/>
      <c r="EK5" s="521"/>
      <c r="EL5" s="521"/>
      <c r="EM5" s="521"/>
      <c r="EN5" s="521"/>
      <c r="EO5" s="522"/>
      <c r="EP5" s="520" t="s">
        <v>100</v>
      </c>
      <c r="EQ5" s="521"/>
      <c r="ER5" s="521"/>
      <c r="ES5" s="521"/>
      <c r="ET5" s="521"/>
      <c r="EU5" s="521"/>
      <c r="EV5" s="521"/>
      <c r="EW5" s="521"/>
      <c r="EX5" s="521"/>
      <c r="EY5" s="521"/>
      <c r="EZ5" s="522"/>
      <c r="FA5" s="520" t="s">
        <v>101</v>
      </c>
      <c r="FB5" s="521"/>
      <c r="FC5" s="521"/>
      <c r="FD5" s="521"/>
      <c r="FE5" s="521"/>
      <c r="FF5" s="521"/>
      <c r="FG5" s="521"/>
      <c r="FH5" s="521"/>
      <c r="FI5" s="521"/>
      <c r="FJ5" s="521"/>
      <c r="FK5" s="522"/>
      <c r="FL5" s="520" t="s">
        <v>102</v>
      </c>
      <c r="FM5" s="521"/>
      <c r="FN5" s="521"/>
      <c r="FO5" s="521"/>
      <c r="FP5" s="521"/>
      <c r="FQ5" s="521"/>
      <c r="FR5" s="521"/>
      <c r="FS5" s="521"/>
      <c r="FT5" s="521"/>
      <c r="FU5" s="521"/>
      <c r="FV5" s="522"/>
      <c r="FW5" s="514"/>
      <c r="FX5" s="515"/>
      <c r="FY5" s="515"/>
      <c r="FZ5" s="515"/>
      <c r="GA5" s="515"/>
      <c r="GB5" s="515"/>
      <c r="GC5" s="515"/>
      <c r="GD5" s="515"/>
      <c r="GE5" s="515"/>
      <c r="GF5" s="515"/>
      <c r="GG5" s="516"/>
      <c r="GH5" s="514"/>
      <c r="GI5" s="515"/>
      <c r="GJ5" s="515"/>
      <c r="GK5" s="515"/>
      <c r="GL5" s="515"/>
      <c r="GM5" s="515"/>
      <c r="GN5" s="515"/>
      <c r="GO5" s="515"/>
      <c r="GP5" s="515"/>
      <c r="GQ5" s="515"/>
      <c r="GR5" s="516"/>
      <c r="GS5" s="517"/>
      <c r="GT5" s="518"/>
      <c r="GU5" s="518"/>
      <c r="GV5" s="518"/>
      <c r="GW5" s="518"/>
      <c r="GX5" s="518"/>
      <c r="GY5" s="518"/>
      <c r="GZ5" s="518"/>
      <c r="HA5" s="518"/>
      <c r="HB5" s="518"/>
      <c r="HC5" s="519"/>
      <c r="HD5" s="520" t="s">
        <v>97</v>
      </c>
      <c r="HE5" s="521"/>
      <c r="HF5" s="521"/>
      <c r="HG5" s="521"/>
      <c r="HH5" s="521"/>
      <c r="HI5" s="521"/>
      <c r="HJ5" s="521"/>
      <c r="HK5" s="521"/>
      <c r="HL5" s="521"/>
      <c r="HM5" s="521"/>
      <c r="HN5" s="522"/>
      <c r="HO5" s="520" t="s">
        <v>98</v>
      </c>
      <c r="HP5" s="521"/>
      <c r="HQ5" s="521"/>
      <c r="HR5" s="521"/>
      <c r="HS5" s="521"/>
      <c r="HT5" s="521"/>
      <c r="HU5" s="521"/>
      <c r="HV5" s="521"/>
      <c r="HW5" s="521"/>
      <c r="HX5" s="521"/>
      <c r="HY5" s="522"/>
      <c r="HZ5" s="520" t="s">
        <v>99</v>
      </c>
      <c r="IA5" s="521"/>
      <c r="IB5" s="521"/>
      <c r="IC5" s="521"/>
      <c r="ID5" s="521"/>
      <c r="IE5" s="521"/>
      <c r="IF5" s="521"/>
      <c r="IG5" s="521"/>
      <c r="IH5" s="521"/>
      <c r="II5" s="521"/>
      <c r="IJ5" s="522"/>
      <c r="IK5" s="520" t="s">
        <v>100</v>
      </c>
      <c r="IL5" s="521"/>
      <c r="IM5" s="521"/>
      <c r="IN5" s="521"/>
      <c r="IO5" s="521"/>
      <c r="IP5" s="521"/>
      <c r="IQ5" s="521"/>
      <c r="IR5" s="521"/>
      <c r="IS5" s="521"/>
      <c r="IT5" s="521"/>
      <c r="IU5" s="522"/>
      <c r="IV5" s="520" t="s">
        <v>101</v>
      </c>
      <c r="IW5" s="521"/>
      <c r="IX5" s="521"/>
      <c r="IY5" s="521"/>
      <c r="IZ5" s="521"/>
      <c r="JA5" s="521"/>
      <c r="JB5" s="521"/>
      <c r="JC5" s="521"/>
      <c r="JD5" s="521"/>
      <c r="JE5" s="521"/>
      <c r="JF5" s="522"/>
      <c r="JG5" s="520" t="s">
        <v>102</v>
      </c>
      <c r="JH5" s="521"/>
      <c r="JI5" s="521"/>
      <c r="JJ5" s="521"/>
      <c r="JK5" s="521"/>
      <c r="JL5" s="521"/>
      <c r="JM5" s="521"/>
      <c r="JN5" s="521"/>
      <c r="JO5" s="521"/>
      <c r="JP5" s="521"/>
      <c r="JQ5" s="522"/>
      <c r="JR5" s="514"/>
      <c r="JS5" s="515"/>
      <c r="JT5" s="515"/>
      <c r="JU5" s="515"/>
      <c r="JV5" s="515"/>
      <c r="JW5" s="515"/>
      <c r="JX5" s="515"/>
      <c r="JY5" s="515"/>
      <c r="JZ5" s="515"/>
      <c r="KA5" s="515"/>
      <c r="KB5" s="516"/>
      <c r="KC5" s="514"/>
      <c r="KD5" s="515"/>
      <c r="KE5" s="515"/>
      <c r="KF5" s="515"/>
      <c r="KG5" s="515"/>
      <c r="KH5" s="515"/>
      <c r="KI5" s="515"/>
      <c r="KJ5" s="515"/>
      <c r="KK5" s="515"/>
      <c r="KL5" s="515"/>
      <c r="KM5" s="516"/>
    </row>
    <row r="6" spans="2:299" ht="30" customHeight="1" thickBot="1" x14ac:dyDescent="0.25">
      <c r="B6" s="315" t="s">
        <v>42</v>
      </c>
      <c r="C6" s="51" t="s">
        <v>43</v>
      </c>
      <c r="D6" s="47" t="s">
        <v>44</v>
      </c>
      <c r="E6" s="48" t="s">
        <v>45</v>
      </c>
      <c r="F6" s="52" t="s">
        <v>46</v>
      </c>
      <c r="G6" s="47" t="s">
        <v>47</v>
      </c>
      <c r="H6" s="47" t="s">
        <v>48</v>
      </c>
      <c r="I6" s="47" t="s">
        <v>49</v>
      </c>
      <c r="J6" s="47" t="s">
        <v>50</v>
      </c>
      <c r="K6" s="47" t="s">
        <v>51</v>
      </c>
      <c r="L6" s="48" t="s">
        <v>45</v>
      </c>
      <c r="M6" s="53" t="s">
        <v>52</v>
      </c>
      <c r="N6" s="354" t="s">
        <v>43</v>
      </c>
      <c r="O6" s="355" t="s">
        <v>44</v>
      </c>
      <c r="P6" s="356" t="s">
        <v>45</v>
      </c>
      <c r="Q6" s="357" t="s">
        <v>46</v>
      </c>
      <c r="R6" s="355" t="s">
        <v>47</v>
      </c>
      <c r="S6" s="355" t="s">
        <v>48</v>
      </c>
      <c r="T6" s="355" t="s">
        <v>49</v>
      </c>
      <c r="U6" s="355" t="s">
        <v>50</v>
      </c>
      <c r="V6" s="355" t="s">
        <v>51</v>
      </c>
      <c r="W6" s="356" t="s">
        <v>45</v>
      </c>
      <c r="X6" s="353" t="s">
        <v>52</v>
      </c>
      <c r="Y6" s="354" t="s">
        <v>43</v>
      </c>
      <c r="Z6" s="355" t="s">
        <v>44</v>
      </c>
      <c r="AA6" s="356" t="s">
        <v>45</v>
      </c>
      <c r="AB6" s="357" t="s">
        <v>46</v>
      </c>
      <c r="AC6" s="355" t="s">
        <v>47</v>
      </c>
      <c r="AD6" s="355" t="s">
        <v>48</v>
      </c>
      <c r="AE6" s="355" t="s">
        <v>49</v>
      </c>
      <c r="AF6" s="355" t="s">
        <v>50</v>
      </c>
      <c r="AG6" s="355" t="s">
        <v>51</v>
      </c>
      <c r="AH6" s="356" t="s">
        <v>45</v>
      </c>
      <c r="AI6" s="358" t="s">
        <v>52</v>
      </c>
      <c r="AJ6" s="354" t="s">
        <v>43</v>
      </c>
      <c r="AK6" s="355" t="s">
        <v>44</v>
      </c>
      <c r="AL6" s="356" t="s">
        <v>45</v>
      </c>
      <c r="AM6" s="357" t="s">
        <v>46</v>
      </c>
      <c r="AN6" s="355" t="s">
        <v>47</v>
      </c>
      <c r="AO6" s="355" t="s">
        <v>48</v>
      </c>
      <c r="AP6" s="355" t="s">
        <v>49</v>
      </c>
      <c r="AQ6" s="355" t="s">
        <v>50</v>
      </c>
      <c r="AR6" s="355" t="s">
        <v>51</v>
      </c>
      <c r="AS6" s="356" t="s">
        <v>45</v>
      </c>
      <c r="AT6" s="358" t="s">
        <v>52</v>
      </c>
      <c r="AU6" s="354" t="s">
        <v>43</v>
      </c>
      <c r="AV6" s="355" t="s">
        <v>44</v>
      </c>
      <c r="AW6" s="356" t="s">
        <v>45</v>
      </c>
      <c r="AX6" s="357" t="s">
        <v>46</v>
      </c>
      <c r="AY6" s="355" t="s">
        <v>47</v>
      </c>
      <c r="AZ6" s="355" t="s">
        <v>48</v>
      </c>
      <c r="BA6" s="355" t="s">
        <v>49</v>
      </c>
      <c r="BB6" s="355" t="s">
        <v>50</v>
      </c>
      <c r="BC6" s="355" t="s">
        <v>51</v>
      </c>
      <c r="BD6" s="356" t="s">
        <v>45</v>
      </c>
      <c r="BE6" s="358" t="s">
        <v>52</v>
      </c>
      <c r="BF6" s="354" t="s">
        <v>43</v>
      </c>
      <c r="BG6" s="355" t="s">
        <v>44</v>
      </c>
      <c r="BH6" s="356" t="s">
        <v>45</v>
      </c>
      <c r="BI6" s="357" t="s">
        <v>46</v>
      </c>
      <c r="BJ6" s="355" t="s">
        <v>47</v>
      </c>
      <c r="BK6" s="355" t="s">
        <v>48</v>
      </c>
      <c r="BL6" s="355" t="s">
        <v>49</v>
      </c>
      <c r="BM6" s="355" t="s">
        <v>50</v>
      </c>
      <c r="BN6" s="355" t="s">
        <v>51</v>
      </c>
      <c r="BO6" s="356" t="s">
        <v>45</v>
      </c>
      <c r="BP6" s="358" t="s">
        <v>52</v>
      </c>
      <c r="BQ6" s="354" t="s">
        <v>43</v>
      </c>
      <c r="BR6" s="355" t="s">
        <v>44</v>
      </c>
      <c r="BS6" s="356" t="s">
        <v>45</v>
      </c>
      <c r="BT6" s="357" t="s">
        <v>46</v>
      </c>
      <c r="BU6" s="355" t="s">
        <v>47</v>
      </c>
      <c r="BV6" s="355" t="s">
        <v>48</v>
      </c>
      <c r="BW6" s="355" t="s">
        <v>49</v>
      </c>
      <c r="BX6" s="355" t="s">
        <v>50</v>
      </c>
      <c r="BY6" s="355" t="s">
        <v>51</v>
      </c>
      <c r="BZ6" s="356" t="s">
        <v>45</v>
      </c>
      <c r="CA6" s="358" t="s">
        <v>52</v>
      </c>
      <c r="CB6" s="354" t="s">
        <v>43</v>
      </c>
      <c r="CC6" s="355" t="s">
        <v>44</v>
      </c>
      <c r="CD6" s="356" t="s">
        <v>45</v>
      </c>
      <c r="CE6" s="357" t="s">
        <v>46</v>
      </c>
      <c r="CF6" s="355" t="s">
        <v>47</v>
      </c>
      <c r="CG6" s="355" t="s">
        <v>48</v>
      </c>
      <c r="CH6" s="355" t="s">
        <v>49</v>
      </c>
      <c r="CI6" s="355" t="s">
        <v>50</v>
      </c>
      <c r="CJ6" s="355" t="s">
        <v>51</v>
      </c>
      <c r="CK6" s="356" t="s">
        <v>45</v>
      </c>
      <c r="CL6" s="358" t="s">
        <v>52</v>
      </c>
      <c r="CM6" s="354" t="s">
        <v>43</v>
      </c>
      <c r="CN6" s="355" t="s">
        <v>44</v>
      </c>
      <c r="CO6" s="356" t="s">
        <v>45</v>
      </c>
      <c r="CP6" s="357" t="s">
        <v>46</v>
      </c>
      <c r="CQ6" s="355" t="s">
        <v>47</v>
      </c>
      <c r="CR6" s="355" t="s">
        <v>48</v>
      </c>
      <c r="CS6" s="355" t="s">
        <v>49</v>
      </c>
      <c r="CT6" s="355" t="s">
        <v>50</v>
      </c>
      <c r="CU6" s="355" t="s">
        <v>51</v>
      </c>
      <c r="CV6" s="356" t="s">
        <v>45</v>
      </c>
      <c r="CW6" s="358" t="s">
        <v>52</v>
      </c>
      <c r="CX6" s="51" t="s">
        <v>43</v>
      </c>
      <c r="CY6" s="47" t="s">
        <v>44</v>
      </c>
      <c r="CZ6" s="48" t="s">
        <v>45</v>
      </c>
      <c r="DA6" s="52" t="s">
        <v>46</v>
      </c>
      <c r="DB6" s="47" t="s">
        <v>47</v>
      </c>
      <c r="DC6" s="47" t="s">
        <v>48</v>
      </c>
      <c r="DD6" s="47" t="s">
        <v>49</v>
      </c>
      <c r="DE6" s="47" t="s">
        <v>50</v>
      </c>
      <c r="DF6" s="47" t="s">
        <v>51</v>
      </c>
      <c r="DG6" s="48" t="s">
        <v>45</v>
      </c>
      <c r="DH6" s="53" t="s">
        <v>52</v>
      </c>
      <c r="DI6" s="354" t="s">
        <v>43</v>
      </c>
      <c r="DJ6" s="355" t="s">
        <v>44</v>
      </c>
      <c r="DK6" s="356" t="s">
        <v>45</v>
      </c>
      <c r="DL6" s="357" t="s">
        <v>46</v>
      </c>
      <c r="DM6" s="355" t="s">
        <v>47</v>
      </c>
      <c r="DN6" s="355" t="s">
        <v>48</v>
      </c>
      <c r="DO6" s="355" t="s">
        <v>49</v>
      </c>
      <c r="DP6" s="355" t="s">
        <v>50</v>
      </c>
      <c r="DQ6" s="355" t="s">
        <v>51</v>
      </c>
      <c r="DR6" s="356" t="s">
        <v>45</v>
      </c>
      <c r="DS6" s="358" t="s">
        <v>52</v>
      </c>
      <c r="DT6" s="354" t="s">
        <v>43</v>
      </c>
      <c r="DU6" s="355" t="s">
        <v>44</v>
      </c>
      <c r="DV6" s="356" t="s">
        <v>45</v>
      </c>
      <c r="DW6" s="357" t="s">
        <v>46</v>
      </c>
      <c r="DX6" s="355" t="s">
        <v>47</v>
      </c>
      <c r="DY6" s="355" t="s">
        <v>48</v>
      </c>
      <c r="DZ6" s="355" t="s">
        <v>49</v>
      </c>
      <c r="EA6" s="355" t="s">
        <v>50</v>
      </c>
      <c r="EB6" s="355" t="s">
        <v>51</v>
      </c>
      <c r="EC6" s="356" t="s">
        <v>45</v>
      </c>
      <c r="ED6" s="358" t="s">
        <v>52</v>
      </c>
      <c r="EE6" s="354" t="s">
        <v>43</v>
      </c>
      <c r="EF6" s="355" t="s">
        <v>44</v>
      </c>
      <c r="EG6" s="356" t="s">
        <v>45</v>
      </c>
      <c r="EH6" s="357" t="s">
        <v>46</v>
      </c>
      <c r="EI6" s="355" t="s">
        <v>47</v>
      </c>
      <c r="EJ6" s="355" t="s">
        <v>48</v>
      </c>
      <c r="EK6" s="355" t="s">
        <v>49</v>
      </c>
      <c r="EL6" s="355" t="s">
        <v>50</v>
      </c>
      <c r="EM6" s="355" t="s">
        <v>51</v>
      </c>
      <c r="EN6" s="356" t="s">
        <v>45</v>
      </c>
      <c r="EO6" s="358" t="s">
        <v>52</v>
      </c>
      <c r="EP6" s="354" t="s">
        <v>43</v>
      </c>
      <c r="EQ6" s="355" t="s">
        <v>44</v>
      </c>
      <c r="ER6" s="356" t="s">
        <v>45</v>
      </c>
      <c r="ES6" s="357" t="s">
        <v>46</v>
      </c>
      <c r="ET6" s="355" t="s">
        <v>47</v>
      </c>
      <c r="EU6" s="355" t="s">
        <v>48</v>
      </c>
      <c r="EV6" s="355" t="s">
        <v>49</v>
      </c>
      <c r="EW6" s="355" t="s">
        <v>50</v>
      </c>
      <c r="EX6" s="355" t="s">
        <v>51</v>
      </c>
      <c r="EY6" s="356" t="s">
        <v>45</v>
      </c>
      <c r="EZ6" s="358" t="s">
        <v>52</v>
      </c>
      <c r="FA6" s="354" t="s">
        <v>43</v>
      </c>
      <c r="FB6" s="355" t="s">
        <v>44</v>
      </c>
      <c r="FC6" s="356" t="s">
        <v>45</v>
      </c>
      <c r="FD6" s="357" t="s">
        <v>46</v>
      </c>
      <c r="FE6" s="355" t="s">
        <v>47</v>
      </c>
      <c r="FF6" s="355" t="s">
        <v>48</v>
      </c>
      <c r="FG6" s="355" t="s">
        <v>49</v>
      </c>
      <c r="FH6" s="355" t="s">
        <v>50</v>
      </c>
      <c r="FI6" s="355" t="s">
        <v>51</v>
      </c>
      <c r="FJ6" s="356" t="s">
        <v>45</v>
      </c>
      <c r="FK6" s="358" t="s">
        <v>52</v>
      </c>
      <c r="FL6" s="354" t="s">
        <v>43</v>
      </c>
      <c r="FM6" s="355" t="s">
        <v>44</v>
      </c>
      <c r="FN6" s="356" t="s">
        <v>45</v>
      </c>
      <c r="FO6" s="357" t="s">
        <v>46</v>
      </c>
      <c r="FP6" s="355" t="s">
        <v>47</v>
      </c>
      <c r="FQ6" s="355" t="s">
        <v>48</v>
      </c>
      <c r="FR6" s="355" t="s">
        <v>49</v>
      </c>
      <c r="FS6" s="355" t="s">
        <v>50</v>
      </c>
      <c r="FT6" s="355" t="s">
        <v>51</v>
      </c>
      <c r="FU6" s="356" t="s">
        <v>45</v>
      </c>
      <c r="FV6" s="358" t="s">
        <v>52</v>
      </c>
      <c r="FW6" s="354" t="s">
        <v>43</v>
      </c>
      <c r="FX6" s="355" t="s">
        <v>44</v>
      </c>
      <c r="FY6" s="356" t="s">
        <v>45</v>
      </c>
      <c r="FZ6" s="357" t="s">
        <v>46</v>
      </c>
      <c r="GA6" s="355" t="s">
        <v>47</v>
      </c>
      <c r="GB6" s="355" t="s">
        <v>48</v>
      </c>
      <c r="GC6" s="355" t="s">
        <v>49</v>
      </c>
      <c r="GD6" s="355" t="s">
        <v>50</v>
      </c>
      <c r="GE6" s="355" t="s">
        <v>51</v>
      </c>
      <c r="GF6" s="356" t="s">
        <v>45</v>
      </c>
      <c r="GG6" s="358" t="s">
        <v>52</v>
      </c>
      <c r="GH6" s="354" t="s">
        <v>43</v>
      </c>
      <c r="GI6" s="355" t="s">
        <v>44</v>
      </c>
      <c r="GJ6" s="356" t="s">
        <v>45</v>
      </c>
      <c r="GK6" s="357" t="s">
        <v>46</v>
      </c>
      <c r="GL6" s="355" t="s">
        <v>47</v>
      </c>
      <c r="GM6" s="355" t="s">
        <v>48</v>
      </c>
      <c r="GN6" s="355" t="s">
        <v>49</v>
      </c>
      <c r="GO6" s="355" t="s">
        <v>50</v>
      </c>
      <c r="GP6" s="355" t="s">
        <v>51</v>
      </c>
      <c r="GQ6" s="356" t="s">
        <v>45</v>
      </c>
      <c r="GR6" s="358" t="s">
        <v>52</v>
      </c>
      <c r="GS6" s="51" t="s">
        <v>43</v>
      </c>
      <c r="GT6" s="47" t="s">
        <v>44</v>
      </c>
      <c r="GU6" s="48" t="s">
        <v>45</v>
      </c>
      <c r="GV6" s="52" t="s">
        <v>46</v>
      </c>
      <c r="GW6" s="47" t="s">
        <v>47</v>
      </c>
      <c r="GX6" s="47" t="s">
        <v>48</v>
      </c>
      <c r="GY6" s="47" t="s">
        <v>49</v>
      </c>
      <c r="GZ6" s="47" t="s">
        <v>50</v>
      </c>
      <c r="HA6" s="47" t="s">
        <v>51</v>
      </c>
      <c r="HB6" s="48" t="s">
        <v>45</v>
      </c>
      <c r="HC6" s="53" t="s">
        <v>52</v>
      </c>
      <c r="HD6" s="354" t="s">
        <v>43</v>
      </c>
      <c r="HE6" s="355" t="s">
        <v>44</v>
      </c>
      <c r="HF6" s="356" t="s">
        <v>45</v>
      </c>
      <c r="HG6" s="357" t="s">
        <v>46</v>
      </c>
      <c r="HH6" s="355" t="s">
        <v>47</v>
      </c>
      <c r="HI6" s="355" t="s">
        <v>48</v>
      </c>
      <c r="HJ6" s="355" t="s">
        <v>49</v>
      </c>
      <c r="HK6" s="355" t="s">
        <v>50</v>
      </c>
      <c r="HL6" s="355" t="s">
        <v>51</v>
      </c>
      <c r="HM6" s="356" t="s">
        <v>45</v>
      </c>
      <c r="HN6" s="358" t="s">
        <v>52</v>
      </c>
      <c r="HO6" s="354" t="s">
        <v>43</v>
      </c>
      <c r="HP6" s="355" t="s">
        <v>44</v>
      </c>
      <c r="HQ6" s="356" t="s">
        <v>45</v>
      </c>
      <c r="HR6" s="357" t="s">
        <v>46</v>
      </c>
      <c r="HS6" s="355" t="s">
        <v>47</v>
      </c>
      <c r="HT6" s="355" t="s">
        <v>48</v>
      </c>
      <c r="HU6" s="355" t="s">
        <v>49</v>
      </c>
      <c r="HV6" s="355" t="s">
        <v>50</v>
      </c>
      <c r="HW6" s="355" t="s">
        <v>51</v>
      </c>
      <c r="HX6" s="356" t="s">
        <v>45</v>
      </c>
      <c r="HY6" s="358" t="s">
        <v>52</v>
      </c>
      <c r="HZ6" s="354" t="s">
        <v>43</v>
      </c>
      <c r="IA6" s="355" t="s">
        <v>44</v>
      </c>
      <c r="IB6" s="356" t="s">
        <v>45</v>
      </c>
      <c r="IC6" s="357" t="s">
        <v>46</v>
      </c>
      <c r="ID6" s="355" t="s">
        <v>47</v>
      </c>
      <c r="IE6" s="355" t="s">
        <v>48</v>
      </c>
      <c r="IF6" s="355" t="s">
        <v>49</v>
      </c>
      <c r="IG6" s="355" t="s">
        <v>50</v>
      </c>
      <c r="IH6" s="355" t="s">
        <v>51</v>
      </c>
      <c r="II6" s="356" t="s">
        <v>45</v>
      </c>
      <c r="IJ6" s="358" t="s">
        <v>52</v>
      </c>
      <c r="IK6" s="354" t="s">
        <v>43</v>
      </c>
      <c r="IL6" s="355" t="s">
        <v>44</v>
      </c>
      <c r="IM6" s="356" t="s">
        <v>45</v>
      </c>
      <c r="IN6" s="357" t="s">
        <v>46</v>
      </c>
      <c r="IO6" s="355" t="s">
        <v>47</v>
      </c>
      <c r="IP6" s="355" t="s">
        <v>48</v>
      </c>
      <c r="IQ6" s="355" t="s">
        <v>49</v>
      </c>
      <c r="IR6" s="355" t="s">
        <v>50</v>
      </c>
      <c r="IS6" s="355" t="s">
        <v>51</v>
      </c>
      <c r="IT6" s="356" t="s">
        <v>45</v>
      </c>
      <c r="IU6" s="358" t="s">
        <v>52</v>
      </c>
      <c r="IV6" s="354" t="s">
        <v>43</v>
      </c>
      <c r="IW6" s="355" t="s">
        <v>44</v>
      </c>
      <c r="IX6" s="356" t="s">
        <v>45</v>
      </c>
      <c r="IY6" s="357" t="s">
        <v>46</v>
      </c>
      <c r="IZ6" s="355" t="s">
        <v>47</v>
      </c>
      <c r="JA6" s="355" t="s">
        <v>48</v>
      </c>
      <c r="JB6" s="355" t="s">
        <v>49</v>
      </c>
      <c r="JC6" s="355" t="s">
        <v>50</v>
      </c>
      <c r="JD6" s="355" t="s">
        <v>51</v>
      </c>
      <c r="JE6" s="356" t="s">
        <v>45</v>
      </c>
      <c r="JF6" s="358" t="s">
        <v>52</v>
      </c>
      <c r="JG6" s="354" t="s">
        <v>43</v>
      </c>
      <c r="JH6" s="355" t="s">
        <v>44</v>
      </c>
      <c r="JI6" s="356" t="s">
        <v>45</v>
      </c>
      <c r="JJ6" s="357" t="s">
        <v>46</v>
      </c>
      <c r="JK6" s="355" t="s">
        <v>47</v>
      </c>
      <c r="JL6" s="355" t="s">
        <v>48</v>
      </c>
      <c r="JM6" s="355" t="s">
        <v>49</v>
      </c>
      <c r="JN6" s="355" t="s">
        <v>50</v>
      </c>
      <c r="JO6" s="355" t="s">
        <v>51</v>
      </c>
      <c r="JP6" s="356" t="s">
        <v>45</v>
      </c>
      <c r="JQ6" s="358" t="s">
        <v>52</v>
      </c>
      <c r="JR6" s="354" t="s">
        <v>43</v>
      </c>
      <c r="JS6" s="355" t="s">
        <v>44</v>
      </c>
      <c r="JT6" s="356" t="s">
        <v>45</v>
      </c>
      <c r="JU6" s="357" t="s">
        <v>46</v>
      </c>
      <c r="JV6" s="355" t="s">
        <v>47</v>
      </c>
      <c r="JW6" s="355" t="s">
        <v>48</v>
      </c>
      <c r="JX6" s="355" t="s">
        <v>49</v>
      </c>
      <c r="JY6" s="355" t="s">
        <v>50</v>
      </c>
      <c r="JZ6" s="355" t="s">
        <v>51</v>
      </c>
      <c r="KA6" s="356" t="s">
        <v>45</v>
      </c>
      <c r="KB6" s="358" t="s">
        <v>52</v>
      </c>
      <c r="KC6" s="354" t="s">
        <v>43</v>
      </c>
      <c r="KD6" s="355" t="s">
        <v>44</v>
      </c>
      <c r="KE6" s="356" t="s">
        <v>45</v>
      </c>
      <c r="KF6" s="357" t="s">
        <v>46</v>
      </c>
      <c r="KG6" s="355" t="s">
        <v>47</v>
      </c>
      <c r="KH6" s="355" t="s">
        <v>48</v>
      </c>
      <c r="KI6" s="355" t="s">
        <v>49</v>
      </c>
      <c r="KJ6" s="355" t="s">
        <v>50</v>
      </c>
      <c r="KK6" s="355" t="s">
        <v>51</v>
      </c>
      <c r="KL6" s="356" t="s">
        <v>45</v>
      </c>
      <c r="KM6" s="358" t="s">
        <v>52</v>
      </c>
    </row>
    <row r="7" spans="2:299" ht="21" customHeight="1" x14ac:dyDescent="0.2">
      <c r="B7" s="125" t="s">
        <v>4</v>
      </c>
      <c r="C7" s="312">
        <v>4265</v>
      </c>
      <c r="D7" s="78">
        <v>4104</v>
      </c>
      <c r="E7" s="79">
        <v>8369</v>
      </c>
      <c r="F7" s="240"/>
      <c r="G7" s="78">
        <v>5889</v>
      </c>
      <c r="H7" s="78">
        <v>5257</v>
      </c>
      <c r="I7" s="78">
        <v>3510</v>
      </c>
      <c r="J7" s="78">
        <v>2887</v>
      </c>
      <c r="K7" s="78">
        <v>1684</v>
      </c>
      <c r="L7" s="80">
        <v>19227</v>
      </c>
      <c r="M7" s="81">
        <v>27596</v>
      </c>
      <c r="N7" s="66">
        <v>51</v>
      </c>
      <c r="O7" s="67">
        <v>69</v>
      </c>
      <c r="P7" s="68">
        <v>120</v>
      </c>
      <c r="Q7" s="243"/>
      <c r="R7" s="67">
        <v>81</v>
      </c>
      <c r="S7" s="67">
        <v>111</v>
      </c>
      <c r="T7" s="67">
        <v>58</v>
      </c>
      <c r="U7" s="67">
        <v>47</v>
      </c>
      <c r="V7" s="67">
        <v>35</v>
      </c>
      <c r="W7" s="68">
        <v>332</v>
      </c>
      <c r="X7" s="69">
        <v>452</v>
      </c>
      <c r="Y7" s="66">
        <v>171</v>
      </c>
      <c r="Z7" s="67">
        <v>190</v>
      </c>
      <c r="AA7" s="68">
        <v>361</v>
      </c>
      <c r="AB7" s="243"/>
      <c r="AC7" s="67">
        <v>247</v>
      </c>
      <c r="AD7" s="67">
        <v>253</v>
      </c>
      <c r="AE7" s="67">
        <v>157</v>
      </c>
      <c r="AF7" s="67">
        <v>142</v>
      </c>
      <c r="AG7" s="67">
        <v>110</v>
      </c>
      <c r="AH7" s="68">
        <v>909</v>
      </c>
      <c r="AI7" s="69">
        <v>1270</v>
      </c>
      <c r="AJ7" s="66">
        <v>358</v>
      </c>
      <c r="AK7" s="67">
        <v>369</v>
      </c>
      <c r="AL7" s="68">
        <v>727</v>
      </c>
      <c r="AM7" s="243"/>
      <c r="AN7" s="67">
        <v>431</v>
      </c>
      <c r="AO7" s="67">
        <v>381</v>
      </c>
      <c r="AP7" s="67">
        <v>277</v>
      </c>
      <c r="AQ7" s="67">
        <v>238</v>
      </c>
      <c r="AR7" s="67">
        <v>149</v>
      </c>
      <c r="AS7" s="68">
        <v>1476</v>
      </c>
      <c r="AT7" s="69">
        <v>2203</v>
      </c>
      <c r="AU7" s="66">
        <v>823</v>
      </c>
      <c r="AV7" s="67">
        <v>765</v>
      </c>
      <c r="AW7" s="68">
        <v>1588</v>
      </c>
      <c r="AX7" s="243"/>
      <c r="AY7" s="67">
        <v>1142</v>
      </c>
      <c r="AZ7" s="67">
        <v>957</v>
      </c>
      <c r="BA7" s="67">
        <v>558</v>
      </c>
      <c r="BB7" s="67">
        <v>444</v>
      </c>
      <c r="BC7" s="67">
        <v>300</v>
      </c>
      <c r="BD7" s="68">
        <v>3401</v>
      </c>
      <c r="BE7" s="69">
        <v>4989</v>
      </c>
      <c r="BF7" s="66">
        <v>1554</v>
      </c>
      <c r="BG7" s="67">
        <v>1376</v>
      </c>
      <c r="BH7" s="68">
        <v>2930</v>
      </c>
      <c r="BI7" s="243"/>
      <c r="BJ7" s="67">
        <v>1984</v>
      </c>
      <c r="BK7" s="67">
        <v>1561</v>
      </c>
      <c r="BL7" s="67">
        <v>1049</v>
      </c>
      <c r="BM7" s="67">
        <v>857</v>
      </c>
      <c r="BN7" s="67">
        <v>484</v>
      </c>
      <c r="BO7" s="68">
        <v>5935</v>
      </c>
      <c r="BP7" s="69">
        <v>8865</v>
      </c>
      <c r="BQ7" s="66">
        <v>1308</v>
      </c>
      <c r="BR7" s="67">
        <v>1335</v>
      </c>
      <c r="BS7" s="68">
        <v>2643</v>
      </c>
      <c r="BT7" s="243"/>
      <c r="BU7" s="67">
        <v>2004</v>
      </c>
      <c r="BV7" s="67">
        <v>1994</v>
      </c>
      <c r="BW7" s="67">
        <v>1411</v>
      </c>
      <c r="BX7" s="67">
        <v>1159</v>
      </c>
      <c r="BY7" s="67">
        <v>606</v>
      </c>
      <c r="BZ7" s="68">
        <v>7174</v>
      </c>
      <c r="CA7" s="69">
        <v>9817</v>
      </c>
      <c r="CB7" s="66">
        <v>0</v>
      </c>
      <c r="CC7" s="67">
        <v>0</v>
      </c>
      <c r="CD7" s="68">
        <v>0</v>
      </c>
      <c r="CE7" s="243"/>
      <c r="CF7" s="67">
        <v>0</v>
      </c>
      <c r="CG7" s="67">
        <v>0</v>
      </c>
      <c r="CH7" s="67">
        <v>0</v>
      </c>
      <c r="CI7" s="67">
        <v>0</v>
      </c>
      <c r="CJ7" s="67">
        <v>0</v>
      </c>
      <c r="CK7" s="68">
        <v>0</v>
      </c>
      <c r="CL7" s="69">
        <v>0</v>
      </c>
      <c r="CM7" s="66">
        <v>4265</v>
      </c>
      <c r="CN7" s="67">
        <v>4104</v>
      </c>
      <c r="CO7" s="68">
        <v>8369</v>
      </c>
      <c r="CP7" s="243"/>
      <c r="CQ7" s="67">
        <v>5889</v>
      </c>
      <c r="CR7" s="67">
        <v>5257</v>
      </c>
      <c r="CS7" s="67">
        <v>3510</v>
      </c>
      <c r="CT7" s="67">
        <v>2887</v>
      </c>
      <c r="CU7" s="67">
        <v>1684</v>
      </c>
      <c r="CV7" s="68">
        <v>19227</v>
      </c>
      <c r="CW7" s="69">
        <v>27596</v>
      </c>
      <c r="CX7" s="122">
        <v>633</v>
      </c>
      <c r="CY7" s="78">
        <v>655</v>
      </c>
      <c r="CZ7" s="79">
        <v>1288</v>
      </c>
      <c r="DA7" s="240"/>
      <c r="DB7" s="78">
        <v>827</v>
      </c>
      <c r="DC7" s="78">
        <v>749</v>
      </c>
      <c r="DD7" s="78">
        <v>551</v>
      </c>
      <c r="DE7" s="78">
        <v>554</v>
      </c>
      <c r="DF7" s="78">
        <v>343</v>
      </c>
      <c r="DG7" s="80">
        <v>3024</v>
      </c>
      <c r="DH7" s="81">
        <v>4312</v>
      </c>
      <c r="DI7" s="66">
        <v>14</v>
      </c>
      <c r="DJ7" s="67">
        <v>11</v>
      </c>
      <c r="DK7" s="68">
        <v>25</v>
      </c>
      <c r="DL7" s="243"/>
      <c r="DM7" s="67">
        <v>15</v>
      </c>
      <c r="DN7" s="67">
        <v>12</v>
      </c>
      <c r="DO7" s="67">
        <v>6</v>
      </c>
      <c r="DP7" s="67">
        <v>12</v>
      </c>
      <c r="DQ7" s="67">
        <v>4</v>
      </c>
      <c r="DR7" s="68">
        <v>49</v>
      </c>
      <c r="DS7" s="69">
        <v>74</v>
      </c>
      <c r="DT7" s="66">
        <v>41</v>
      </c>
      <c r="DU7" s="67">
        <v>52</v>
      </c>
      <c r="DV7" s="68">
        <v>93</v>
      </c>
      <c r="DW7" s="243"/>
      <c r="DX7" s="67">
        <v>26</v>
      </c>
      <c r="DY7" s="67">
        <v>24</v>
      </c>
      <c r="DZ7" s="67">
        <v>21</v>
      </c>
      <c r="EA7" s="67">
        <v>23</v>
      </c>
      <c r="EB7" s="67">
        <v>8</v>
      </c>
      <c r="EC7" s="68">
        <v>102</v>
      </c>
      <c r="ED7" s="69">
        <v>195</v>
      </c>
      <c r="EE7" s="66">
        <v>85</v>
      </c>
      <c r="EF7" s="67">
        <v>83</v>
      </c>
      <c r="EG7" s="68">
        <v>168</v>
      </c>
      <c r="EH7" s="243"/>
      <c r="EI7" s="67">
        <v>74</v>
      </c>
      <c r="EJ7" s="67">
        <v>64</v>
      </c>
      <c r="EK7" s="67">
        <v>45</v>
      </c>
      <c r="EL7" s="67">
        <v>21</v>
      </c>
      <c r="EM7" s="67">
        <v>25</v>
      </c>
      <c r="EN7" s="68">
        <v>229</v>
      </c>
      <c r="EO7" s="69">
        <v>397</v>
      </c>
      <c r="EP7" s="66">
        <v>167</v>
      </c>
      <c r="EQ7" s="67">
        <v>148</v>
      </c>
      <c r="ER7" s="68">
        <v>315</v>
      </c>
      <c r="ES7" s="243"/>
      <c r="ET7" s="67">
        <v>168</v>
      </c>
      <c r="EU7" s="67">
        <v>109</v>
      </c>
      <c r="EV7" s="67">
        <v>74</v>
      </c>
      <c r="EW7" s="67">
        <v>60</v>
      </c>
      <c r="EX7" s="67">
        <v>38</v>
      </c>
      <c r="EY7" s="68">
        <v>449</v>
      </c>
      <c r="EZ7" s="69">
        <v>764</v>
      </c>
      <c r="FA7" s="66">
        <v>185</v>
      </c>
      <c r="FB7" s="67">
        <v>200</v>
      </c>
      <c r="FC7" s="68">
        <v>385</v>
      </c>
      <c r="FD7" s="243"/>
      <c r="FE7" s="67">
        <v>256</v>
      </c>
      <c r="FF7" s="67">
        <v>220</v>
      </c>
      <c r="FG7" s="67">
        <v>134</v>
      </c>
      <c r="FH7" s="67">
        <v>123</v>
      </c>
      <c r="FI7" s="67">
        <v>95</v>
      </c>
      <c r="FJ7" s="68">
        <v>828</v>
      </c>
      <c r="FK7" s="69">
        <v>1213</v>
      </c>
      <c r="FL7" s="66">
        <v>141</v>
      </c>
      <c r="FM7" s="67">
        <v>161</v>
      </c>
      <c r="FN7" s="68">
        <v>302</v>
      </c>
      <c r="FO7" s="243"/>
      <c r="FP7" s="67">
        <v>288</v>
      </c>
      <c r="FQ7" s="67">
        <v>320</v>
      </c>
      <c r="FR7" s="67">
        <v>271</v>
      </c>
      <c r="FS7" s="67">
        <v>315</v>
      </c>
      <c r="FT7" s="67">
        <v>173</v>
      </c>
      <c r="FU7" s="68">
        <v>1367</v>
      </c>
      <c r="FV7" s="69">
        <v>1669</v>
      </c>
      <c r="FW7" s="66">
        <v>0</v>
      </c>
      <c r="FX7" s="67">
        <v>0</v>
      </c>
      <c r="FY7" s="68">
        <v>0</v>
      </c>
      <c r="FZ7" s="243"/>
      <c r="GA7" s="67">
        <v>0</v>
      </c>
      <c r="GB7" s="67">
        <v>0</v>
      </c>
      <c r="GC7" s="67">
        <v>0</v>
      </c>
      <c r="GD7" s="67">
        <v>0</v>
      </c>
      <c r="GE7" s="67">
        <v>0</v>
      </c>
      <c r="GF7" s="68">
        <v>0</v>
      </c>
      <c r="GG7" s="69">
        <v>0</v>
      </c>
      <c r="GH7" s="66">
        <v>633</v>
      </c>
      <c r="GI7" s="67">
        <v>655</v>
      </c>
      <c r="GJ7" s="68">
        <v>1288</v>
      </c>
      <c r="GK7" s="243"/>
      <c r="GL7" s="67">
        <v>827</v>
      </c>
      <c r="GM7" s="67">
        <v>749</v>
      </c>
      <c r="GN7" s="67">
        <v>551</v>
      </c>
      <c r="GO7" s="67">
        <v>554</v>
      </c>
      <c r="GP7" s="67">
        <v>343</v>
      </c>
      <c r="GQ7" s="68">
        <v>3024</v>
      </c>
      <c r="GR7" s="69">
        <v>4312</v>
      </c>
      <c r="GS7" s="122">
        <v>4898</v>
      </c>
      <c r="GT7" s="78">
        <v>4759</v>
      </c>
      <c r="GU7" s="79">
        <v>9657</v>
      </c>
      <c r="GV7" s="240"/>
      <c r="GW7" s="78">
        <v>6716</v>
      </c>
      <c r="GX7" s="78">
        <v>6006</v>
      </c>
      <c r="GY7" s="78">
        <v>4061</v>
      </c>
      <c r="GZ7" s="78">
        <v>3441</v>
      </c>
      <c r="HA7" s="78">
        <v>2027</v>
      </c>
      <c r="HB7" s="80">
        <v>22251</v>
      </c>
      <c r="HC7" s="81">
        <v>31908</v>
      </c>
      <c r="HD7" s="66">
        <v>65</v>
      </c>
      <c r="HE7" s="67">
        <v>80</v>
      </c>
      <c r="HF7" s="68">
        <v>145</v>
      </c>
      <c r="HG7" s="243"/>
      <c r="HH7" s="67">
        <v>96</v>
      </c>
      <c r="HI7" s="67">
        <v>123</v>
      </c>
      <c r="HJ7" s="67">
        <v>64</v>
      </c>
      <c r="HK7" s="67">
        <v>59</v>
      </c>
      <c r="HL7" s="67">
        <v>39</v>
      </c>
      <c r="HM7" s="68">
        <v>381</v>
      </c>
      <c r="HN7" s="69">
        <v>526</v>
      </c>
      <c r="HO7" s="66">
        <v>212</v>
      </c>
      <c r="HP7" s="67">
        <v>242</v>
      </c>
      <c r="HQ7" s="68">
        <v>454</v>
      </c>
      <c r="HR7" s="243"/>
      <c r="HS7" s="67">
        <v>273</v>
      </c>
      <c r="HT7" s="67">
        <v>277</v>
      </c>
      <c r="HU7" s="67">
        <v>178</v>
      </c>
      <c r="HV7" s="67">
        <v>165</v>
      </c>
      <c r="HW7" s="67">
        <v>118</v>
      </c>
      <c r="HX7" s="68">
        <v>1011</v>
      </c>
      <c r="HY7" s="69">
        <v>1465</v>
      </c>
      <c r="HZ7" s="66">
        <v>443</v>
      </c>
      <c r="IA7" s="67">
        <v>452</v>
      </c>
      <c r="IB7" s="68">
        <v>895</v>
      </c>
      <c r="IC7" s="243"/>
      <c r="ID7" s="67">
        <v>505</v>
      </c>
      <c r="IE7" s="67">
        <v>445</v>
      </c>
      <c r="IF7" s="67">
        <v>322</v>
      </c>
      <c r="IG7" s="67">
        <v>259</v>
      </c>
      <c r="IH7" s="67">
        <v>174</v>
      </c>
      <c r="II7" s="68">
        <v>1705</v>
      </c>
      <c r="IJ7" s="69">
        <v>2600</v>
      </c>
      <c r="IK7" s="66">
        <v>990</v>
      </c>
      <c r="IL7" s="67">
        <v>913</v>
      </c>
      <c r="IM7" s="68">
        <v>1903</v>
      </c>
      <c r="IN7" s="243"/>
      <c r="IO7" s="67">
        <v>1310</v>
      </c>
      <c r="IP7" s="67">
        <v>1066</v>
      </c>
      <c r="IQ7" s="67">
        <v>632</v>
      </c>
      <c r="IR7" s="67">
        <v>504</v>
      </c>
      <c r="IS7" s="67">
        <v>338</v>
      </c>
      <c r="IT7" s="68">
        <v>3850</v>
      </c>
      <c r="IU7" s="69">
        <v>5753</v>
      </c>
      <c r="IV7" s="66">
        <v>1739</v>
      </c>
      <c r="IW7" s="67">
        <v>1576</v>
      </c>
      <c r="IX7" s="68">
        <v>3315</v>
      </c>
      <c r="IY7" s="243"/>
      <c r="IZ7" s="67">
        <v>2240</v>
      </c>
      <c r="JA7" s="67">
        <v>1781</v>
      </c>
      <c r="JB7" s="67">
        <v>1183</v>
      </c>
      <c r="JC7" s="67">
        <v>980</v>
      </c>
      <c r="JD7" s="67">
        <v>579</v>
      </c>
      <c r="JE7" s="68">
        <v>6763</v>
      </c>
      <c r="JF7" s="69">
        <v>10078</v>
      </c>
      <c r="JG7" s="66">
        <v>1449</v>
      </c>
      <c r="JH7" s="67">
        <v>1496</v>
      </c>
      <c r="JI7" s="68">
        <v>2945</v>
      </c>
      <c r="JJ7" s="243"/>
      <c r="JK7" s="67">
        <v>2292</v>
      </c>
      <c r="JL7" s="67">
        <v>2314</v>
      </c>
      <c r="JM7" s="67">
        <v>1682</v>
      </c>
      <c r="JN7" s="67">
        <v>1474</v>
      </c>
      <c r="JO7" s="67">
        <v>779</v>
      </c>
      <c r="JP7" s="68">
        <v>8541</v>
      </c>
      <c r="JQ7" s="69">
        <v>11486</v>
      </c>
      <c r="JR7" s="66">
        <v>0</v>
      </c>
      <c r="JS7" s="67">
        <v>0</v>
      </c>
      <c r="JT7" s="68">
        <v>0</v>
      </c>
      <c r="JU7" s="243"/>
      <c r="JV7" s="67">
        <v>0</v>
      </c>
      <c r="JW7" s="67">
        <v>0</v>
      </c>
      <c r="JX7" s="67">
        <v>0</v>
      </c>
      <c r="JY7" s="67">
        <v>0</v>
      </c>
      <c r="JZ7" s="67">
        <v>0</v>
      </c>
      <c r="KA7" s="68">
        <v>0</v>
      </c>
      <c r="KB7" s="69">
        <v>0</v>
      </c>
      <c r="KC7" s="66">
        <v>4898</v>
      </c>
      <c r="KD7" s="67">
        <v>4759</v>
      </c>
      <c r="KE7" s="68">
        <v>9657</v>
      </c>
      <c r="KF7" s="243"/>
      <c r="KG7" s="67">
        <v>6716</v>
      </c>
      <c r="KH7" s="67">
        <v>6006</v>
      </c>
      <c r="KI7" s="67">
        <v>4061</v>
      </c>
      <c r="KJ7" s="67">
        <v>3441</v>
      </c>
      <c r="KK7" s="67">
        <v>2027</v>
      </c>
      <c r="KL7" s="68">
        <v>22251</v>
      </c>
      <c r="KM7" s="69">
        <v>31908</v>
      </c>
    </row>
    <row r="8" spans="2:299" ht="21" customHeight="1" x14ac:dyDescent="0.2">
      <c r="B8" s="126" t="s">
        <v>5</v>
      </c>
      <c r="C8" s="313">
        <v>1806</v>
      </c>
      <c r="D8" s="82">
        <v>2087</v>
      </c>
      <c r="E8" s="83">
        <v>3893</v>
      </c>
      <c r="F8" s="241"/>
      <c r="G8" s="82">
        <v>2196</v>
      </c>
      <c r="H8" s="82">
        <v>2434</v>
      </c>
      <c r="I8" s="82">
        <v>1591</v>
      </c>
      <c r="J8" s="82">
        <v>1249</v>
      </c>
      <c r="K8" s="82">
        <v>765</v>
      </c>
      <c r="L8" s="84">
        <v>8235</v>
      </c>
      <c r="M8" s="85">
        <v>12128</v>
      </c>
      <c r="N8" s="70">
        <v>14</v>
      </c>
      <c r="O8" s="71">
        <v>35</v>
      </c>
      <c r="P8" s="72">
        <v>49</v>
      </c>
      <c r="Q8" s="244"/>
      <c r="R8" s="71">
        <v>29</v>
      </c>
      <c r="S8" s="71">
        <v>52</v>
      </c>
      <c r="T8" s="71">
        <v>23</v>
      </c>
      <c r="U8" s="71">
        <v>27</v>
      </c>
      <c r="V8" s="71">
        <v>19</v>
      </c>
      <c r="W8" s="72">
        <v>150</v>
      </c>
      <c r="X8" s="73">
        <v>199</v>
      </c>
      <c r="Y8" s="70">
        <v>68</v>
      </c>
      <c r="Z8" s="71">
        <v>98</v>
      </c>
      <c r="AA8" s="72">
        <v>166</v>
      </c>
      <c r="AB8" s="244"/>
      <c r="AC8" s="71">
        <v>80</v>
      </c>
      <c r="AD8" s="71">
        <v>124</v>
      </c>
      <c r="AE8" s="71">
        <v>72</v>
      </c>
      <c r="AF8" s="71">
        <v>57</v>
      </c>
      <c r="AG8" s="71">
        <v>50</v>
      </c>
      <c r="AH8" s="72">
        <v>383</v>
      </c>
      <c r="AI8" s="73">
        <v>549</v>
      </c>
      <c r="AJ8" s="70">
        <v>141</v>
      </c>
      <c r="AK8" s="71">
        <v>185</v>
      </c>
      <c r="AL8" s="72">
        <v>326</v>
      </c>
      <c r="AM8" s="244"/>
      <c r="AN8" s="71">
        <v>155</v>
      </c>
      <c r="AO8" s="71">
        <v>156</v>
      </c>
      <c r="AP8" s="71">
        <v>118</v>
      </c>
      <c r="AQ8" s="71">
        <v>86</v>
      </c>
      <c r="AR8" s="71">
        <v>66</v>
      </c>
      <c r="AS8" s="72">
        <v>581</v>
      </c>
      <c r="AT8" s="73">
        <v>907</v>
      </c>
      <c r="AU8" s="70">
        <v>333</v>
      </c>
      <c r="AV8" s="71">
        <v>370</v>
      </c>
      <c r="AW8" s="72">
        <v>703</v>
      </c>
      <c r="AX8" s="244"/>
      <c r="AY8" s="71">
        <v>382</v>
      </c>
      <c r="AZ8" s="71">
        <v>409</v>
      </c>
      <c r="BA8" s="71">
        <v>238</v>
      </c>
      <c r="BB8" s="71">
        <v>196</v>
      </c>
      <c r="BC8" s="71">
        <v>121</v>
      </c>
      <c r="BD8" s="72">
        <v>1346</v>
      </c>
      <c r="BE8" s="73">
        <v>2049</v>
      </c>
      <c r="BF8" s="70">
        <v>674</v>
      </c>
      <c r="BG8" s="71">
        <v>690</v>
      </c>
      <c r="BH8" s="72">
        <v>1364</v>
      </c>
      <c r="BI8" s="244"/>
      <c r="BJ8" s="71">
        <v>802</v>
      </c>
      <c r="BK8" s="71">
        <v>731</v>
      </c>
      <c r="BL8" s="71">
        <v>477</v>
      </c>
      <c r="BM8" s="71">
        <v>378</v>
      </c>
      <c r="BN8" s="71">
        <v>208</v>
      </c>
      <c r="BO8" s="72">
        <v>2596</v>
      </c>
      <c r="BP8" s="73">
        <v>3960</v>
      </c>
      <c r="BQ8" s="70">
        <v>576</v>
      </c>
      <c r="BR8" s="71">
        <v>709</v>
      </c>
      <c r="BS8" s="72">
        <v>1285</v>
      </c>
      <c r="BT8" s="244"/>
      <c r="BU8" s="71">
        <v>748</v>
      </c>
      <c r="BV8" s="71">
        <v>962</v>
      </c>
      <c r="BW8" s="71">
        <v>663</v>
      </c>
      <c r="BX8" s="71">
        <v>505</v>
      </c>
      <c r="BY8" s="71">
        <v>301</v>
      </c>
      <c r="BZ8" s="72">
        <v>3179</v>
      </c>
      <c r="CA8" s="73">
        <v>4464</v>
      </c>
      <c r="CB8" s="70">
        <v>0</v>
      </c>
      <c r="CC8" s="71">
        <v>0</v>
      </c>
      <c r="CD8" s="72">
        <v>0</v>
      </c>
      <c r="CE8" s="244"/>
      <c r="CF8" s="71">
        <v>0</v>
      </c>
      <c r="CG8" s="71">
        <v>0</v>
      </c>
      <c r="CH8" s="71">
        <v>0</v>
      </c>
      <c r="CI8" s="71">
        <v>0</v>
      </c>
      <c r="CJ8" s="71">
        <v>0</v>
      </c>
      <c r="CK8" s="72">
        <v>0</v>
      </c>
      <c r="CL8" s="73">
        <v>0</v>
      </c>
      <c r="CM8" s="70">
        <v>1806</v>
      </c>
      <c r="CN8" s="71">
        <v>2087</v>
      </c>
      <c r="CO8" s="72">
        <v>3893</v>
      </c>
      <c r="CP8" s="244"/>
      <c r="CQ8" s="71">
        <v>2196</v>
      </c>
      <c r="CR8" s="71">
        <v>2434</v>
      </c>
      <c r="CS8" s="71">
        <v>1591</v>
      </c>
      <c r="CT8" s="71">
        <v>1249</v>
      </c>
      <c r="CU8" s="71">
        <v>765</v>
      </c>
      <c r="CV8" s="72">
        <v>8235</v>
      </c>
      <c r="CW8" s="73">
        <v>12128</v>
      </c>
      <c r="CX8" s="123">
        <v>256</v>
      </c>
      <c r="CY8" s="82">
        <v>323</v>
      </c>
      <c r="CZ8" s="83">
        <v>579</v>
      </c>
      <c r="DA8" s="241"/>
      <c r="DB8" s="82">
        <v>306</v>
      </c>
      <c r="DC8" s="82">
        <v>351</v>
      </c>
      <c r="DD8" s="82">
        <v>240</v>
      </c>
      <c r="DE8" s="82">
        <v>247</v>
      </c>
      <c r="DF8" s="82">
        <v>160</v>
      </c>
      <c r="DG8" s="84">
        <v>1304</v>
      </c>
      <c r="DH8" s="85">
        <v>1883</v>
      </c>
      <c r="DI8" s="70">
        <v>7</v>
      </c>
      <c r="DJ8" s="71">
        <v>5</v>
      </c>
      <c r="DK8" s="72">
        <v>12</v>
      </c>
      <c r="DL8" s="244"/>
      <c r="DM8" s="71">
        <v>6</v>
      </c>
      <c r="DN8" s="71">
        <v>7</v>
      </c>
      <c r="DO8" s="71">
        <v>2</v>
      </c>
      <c r="DP8" s="71">
        <v>4</v>
      </c>
      <c r="DQ8" s="71">
        <v>1</v>
      </c>
      <c r="DR8" s="72">
        <v>20</v>
      </c>
      <c r="DS8" s="73">
        <v>32</v>
      </c>
      <c r="DT8" s="70">
        <v>15</v>
      </c>
      <c r="DU8" s="71">
        <v>29</v>
      </c>
      <c r="DV8" s="72">
        <v>44</v>
      </c>
      <c r="DW8" s="244"/>
      <c r="DX8" s="71">
        <v>11</v>
      </c>
      <c r="DY8" s="71">
        <v>10</v>
      </c>
      <c r="DZ8" s="71">
        <v>10</v>
      </c>
      <c r="EA8" s="71">
        <v>8</v>
      </c>
      <c r="EB8" s="71">
        <v>5</v>
      </c>
      <c r="EC8" s="72">
        <v>44</v>
      </c>
      <c r="ED8" s="73">
        <v>88</v>
      </c>
      <c r="EE8" s="70">
        <v>30</v>
      </c>
      <c r="EF8" s="71">
        <v>48</v>
      </c>
      <c r="EG8" s="72">
        <v>78</v>
      </c>
      <c r="EH8" s="244"/>
      <c r="EI8" s="71">
        <v>26</v>
      </c>
      <c r="EJ8" s="71">
        <v>29</v>
      </c>
      <c r="EK8" s="71">
        <v>17</v>
      </c>
      <c r="EL8" s="71">
        <v>9</v>
      </c>
      <c r="EM8" s="71">
        <v>14</v>
      </c>
      <c r="EN8" s="72">
        <v>95</v>
      </c>
      <c r="EO8" s="73">
        <v>173</v>
      </c>
      <c r="EP8" s="70">
        <v>69</v>
      </c>
      <c r="EQ8" s="71">
        <v>65</v>
      </c>
      <c r="ER8" s="72">
        <v>134</v>
      </c>
      <c r="ES8" s="244"/>
      <c r="ET8" s="71">
        <v>63</v>
      </c>
      <c r="EU8" s="71">
        <v>49</v>
      </c>
      <c r="EV8" s="71">
        <v>28</v>
      </c>
      <c r="EW8" s="71">
        <v>34</v>
      </c>
      <c r="EX8" s="71">
        <v>22</v>
      </c>
      <c r="EY8" s="72">
        <v>196</v>
      </c>
      <c r="EZ8" s="73">
        <v>330</v>
      </c>
      <c r="FA8" s="70">
        <v>84</v>
      </c>
      <c r="FB8" s="71">
        <v>92</v>
      </c>
      <c r="FC8" s="72">
        <v>176</v>
      </c>
      <c r="FD8" s="244"/>
      <c r="FE8" s="71">
        <v>101</v>
      </c>
      <c r="FF8" s="71">
        <v>97</v>
      </c>
      <c r="FG8" s="71">
        <v>63</v>
      </c>
      <c r="FH8" s="71">
        <v>55</v>
      </c>
      <c r="FI8" s="71">
        <v>38</v>
      </c>
      <c r="FJ8" s="72">
        <v>354</v>
      </c>
      <c r="FK8" s="73">
        <v>530</v>
      </c>
      <c r="FL8" s="70">
        <v>51</v>
      </c>
      <c r="FM8" s="71">
        <v>84</v>
      </c>
      <c r="FN8" s="72">
        <v>135</v>
      </c>
      <c r="FO8" s="244"/>
      <c r="FP8" s="71">
        <v>99</v>
      </c>
      <c r="FQ8" s="71">
        <v>159</v>
      </c>
      <c r="FR8" s="71">
        <v>120</v>
      </c>
      <c r="FS8" s="71">
        <v>137</v>
      </c>
      <c r="FT8" s="71">
        <v>80</v>
      </c>
      <c r="FU8" s="72">
        <v>595</v>
      </c>
      <c r="FV8" s="73">
        <v>730</v>
      </c>
      <c r="FW8" s="70">
        <v>0</v>
      </c>
      <c r="FX8" s="71">
        <v>0</v>
      </c>
      <c r="FY8" s="72">
        <v>0</v>
      </c>
      <c r="FZ8" s="244"/>
      <c r="GA8" s="71">
        <v>0</v>
      </c>
      <c r="GB8" s="71">
        <v>0</v>
      </c>
      <c r="GC8" s="71">
        <v>0</v>
      </c>
      <c r="GD8" s="71">
        <v>0</v>
      </c>
      <c r="GE8" s="71">
        <v>0</v>
      </c>
      <c r="GF8" s="72">
        <v>0</v>
      </c>
      <c r="GG8" s="73">
        <v>0</v>
      </c>
      <c r="GH8" s="70">
        <v>256</v>
      </c>
      <c r="GI8" s="71">
        <v>323</v>
      </c>
      <c r="GJ8" s="72">
        <v>579</v>
      </c>
      <c r="GK8" s="244"/>
      <c r="GL8" s="71">
        <v>306</v>
      </c>
      <c r="GM8" s="71">
        <v>351</v>
      </c>
      <c r="GN8" s="71">
        <v>240</v>
      </c>
      <c r="GO8" s="71">
        <v>247</v>
      </c>
      <c r="GP8" s="71">
        <v>160</v>
      </c>
      <c r="GQ8" s="72">
        <v>1304</v>
      </c>
      <c r="GR8" s="73">
        <v>1883</v>
      </c>
      <c r="GS8" s="123">
        <v>2062</v>
      </c>
      <c r="GT8" s="82">
        <v>2410</v>
      </c>
      <c r="GU8" s="83">
        <v>4472</v>
      </c>
      <c r="GV8" s="241"/>
      <c r="GW8" s="82">
        <v>2502</v>
      </c>
      <c r="GX8" s="82">
        <v>2785</v>
      </c>
      <c r="GY8" s="82">
        <v>1831</v>
      </c>
      <c r="GZ8" s="82">
        <v>1496</v>
      </c>
      <c r="HA8" s="82">
        <v>925</v>
      </c>
      <c r="HB8" s="84">
        <v>9539</v>
      </c>
      <c r="HC8" s="85">
        <v>14011</v>
      </c>
      <c r="HD8" s="70">
        <v>21</v>
      </c>
      <c r="HE8" s="71">
        <v>40</v>
      </c>
      <c r="HF8" s="72">
        <v>61</v>
      </c>
      <c r="HG8" s="244"/>
      <c r="HH8" s="71">
        <v>35</v>
      </c>
      <c r="HI8" s="71">
        <v>59</v>
      </c>
      <c r="HJ8" s="71">
        <v>25</v>
      </c>
      <c r="HK8" s="71">
        <v>31</v>
      </c>
      <c r="HL8" s="71">
        <v>20</v>
      </c>
      <c r="HM8" s="72">
        <v>170</v>
      </c>
      <c r="HN8" s="73">
        <v>231</v>
      </c>
      <c r="HO8" s="70">
        <v>83</v>
      </c>
      <c r="HP8" s="71">
        <v>127</v>
      </c>
      <c r="HQ8" s="72">
        <v>210</v>
      </c>
      <c r="HR8" s="244"/>
      <c r="HS8" s="71">
        <v>91</v>
      </c>
      <c r="HT8" s="71">
        <v>134</v>
      </c>
      <c r="HU8" s="71">
        <v>82</v>
      </c>
      <c r="HV8" s="71">
        <v>65</v>
      </c>
      <c r="HW8" s="71">
        <v>55</v>
      </c>
      <c r="HX8" s="72">
        <v>427</v>
      </c>
      <c r="HY8" s="73">
        <v>637</v>
      </c>
      <c r="HZ8" s="70">
        <v>171</v>
      </c>
      <c r="IA8" s="71">
        <v>233</v>
      </c>
      <c r="IB8" s="72">
        <v>404</v>
      </c>
      <c r="IC8" s="244"/>
      <c r="ID8" s="71">
        <v>181</v>
      </c>
      <c r="IE8" s="71">
        <v>185</v>
      </c>
      <c r="IF8" s="71">
        <v>135</v>
      </c>
      <c r="IG8" s="71">
        <v>95</v>
      </c>
      <c r="IH8" s="71">
        <v>80</v>
      </c>
      <c r="II8" s="72">
        <v>676</v>
      </c>
      <c r="IJ8" s="73">
        <v>1080</v>
      </c>
      <c r="IK8" s="70">
        <v>402</v>
      </c>
      <c r="IL8" s="71">
        <v>435</v>
      </c>
      <c r="IM8" s="72">
        <v>837</v>
      </c>
      <c r="IN8" s="244"/>
      <c r="IO8" s="71">
        <v>445</v>
      </c>
      <c r="IP8" s="71">
        <v>458</v>
      </c>
      <c r="IQ8" s="71">
        <v>266</v>
      </c>
      <c r="IR8" s="71">
        <v>230</v>
      </c>
      <c r="IS8" s="71">
        <v>143</v>
      </c>
      <c r="IT8" s="72">
        <v>1542</v>
      </c>
      <c r="IU8" s="73">
        <v>2379</v>
      </c>
      <c r="IV8" s="70">
        <v>758</v>
      </c>
      <c r="IW8" s="71">
        <v>782</v>
      </c>
      <c r="IX8" s="72">
        <v>1540</v>
      </c>
      <c r="IY8" s="244"/>
      <c r="IZ8" s="71">
        <v>903</v>
      </c>
      <c r="JA8" s="71">
        <v>828</v>
      </c>
      <c r="JB8" s="71">
        <v>540</v>
      </c>
      <c r="JC8" s="71">
        <v>433</v>
      </c>
      <c r="JD8" s="71">
        <v>246</v>
      </c>
      <c r="JE8" s="72">
        <v>2950</v>
      </c>
      <c r="JF8" s="73">
        <v>4490</v>
      </c>
      <c r="JG8" s="70">
        <v>627</v>
      </c>
      <c r="JH8" s="71">
        <v>793</v>
      </c>
      <c r="JI8" s="72">
        <v>1420</v>
      </c>
      <c r="JJ8" s="244"/>
      <c r="JK8" s="71">
        <v>847</v>
      </c>
      <c r="JL8" s="71">
        <v>1121</v>
      </c>
      <c r="JM8" s="71">
        <v>783</v>
      </c>
      <c r="JN8" s="71">
        <v>642</v>
      </c>
      <c r="JO8" s="71">
        <v>381</v>
      </c>
      <c r="JP8" s="72">
        <v>3774</v>
      </c>
      <c r="JQ8" s="73">
        <v>5194</v>
      </c>
      <c r="JR8" s="70">
        <v>0</v>
      </c>
      <c r="JS8" s="71">
        <v>0</v>
      </c>
      <c r="JT8" s="72">
        <v>0</v>
      </c>
      <c r="JU8" s="244"/>
      <c r="JV8" s="71">
        <v>0</v>
      </c>
      <c r="JW8" s="71">
        <v>0</v>
      </c>
      <c r="JX8" s="71">
        <v>0</v>
      </c>
      <c r="JY8" s="71">
        <v>0</v>
      </c>
      <c r="JZ8" s="71">
        <v>0</v>
      </c>
      <c r="KA8" s="72">
        <v>0</v>
      </c>
      <c r="KB8" s="73">
        <v>0</v>
      </c>
      <c r="KC8" s="70">
        <v>2062</v>
      </c>
      <c r="KD8" s="71">
        <v>2410</v>
      </c>
      <c r="KE8" s="72">
        <v>4472</v>
      </c>
      <c r="KF8" s="244"/>
      <c r="KG8" s="71">
        <v>2502</v>
      </c>
      <c r="KH8" s="71">
        <v>2785</v>
      </c>
      <c r="KI8" s="71">
        <v>1831</v>
      </c>
      <c r="KJ8" s="71">
        <v>1496</v>
      </c>
      <c r="KK8" s="71">
        <v>925</v>
      </c>
      <c r="KL8" s="72">
        <v>9539</v>
      </c>
      <c r="KM8" s="73">
        <v>14011</v>
      </c>
    </row>
    <row r="9" spans="2:299" ht="21" customHeight="1" x14ac:dyDescent="0.2">
      <c r="B9" s="126" t="s">
        <v>6</v>
      </c>
      <c r="C9" s="313">
        <v>492</v>
      </c>
      <c r="D9" s="82">
        <v>381</v>
      </c>
      <c r="E9" s="83">
        <v>873</v>
      </c>
      <c r="F9" s="241"/>
      <c r="G9" s="82">
        <v>805</v>
      </c>
      <c r="H9" s="82">
        <v>569</v>
      </c>
      <c r="I9" s="82">
        <v>387</v>
      </c>
      <c r="J9" s="82">
        <v>357</v>
      </c>
      <c r="K9" s="82">
        <v>236</v>
      </c>
      <c r="L9" s="84">
        <v>2354</v>
      </c>
      <c r="M9" s="85">
        <v>3227</v>
      </c>
      <c r="N9" s="70">
        <v>12</v>
      </c>
      <c r="O9" s="71">
        <v>9</v>
      </c>
      <c r="P9" s="72">
        <v>21</v>
      </c>
      <c r="Q9" s="244"/>
      <c r="R9" s="71">
        <v>16</v>
      </c>
      <c r="S9" s="71">
        <v>12</v>
      </c>
      <c r="T9" s="71">
        <v>9</v>
      </c>
      <c r="U9" s="71">
        <v>1</v>
      </c>
      <c r="V9" s="71">
        <v>2</v>
      </c>
      <c r="W9" s="72">
        <v>40</v>
      </c>
      <c r="X9" s="73">
        <v>61</v>
      </c>
      <c r="Y9" s="70">
        <v>24</v>
      </c>
      <c r="Z9" s="71">
        <v>15</v>
      </c>
      <c r="AA9" s="72">
        <v>39</v>
      </c>
      <c r="AB9" s="244"/>
      <c r="AC9" s="71">
        <v>39</v>
      </c>
      <c r="AD9" s="71">
        <v>28</v>
      </c>
      <c r="AE9" s="71">
        <v>16</v>
      </c>
      <c r="AF9" s="71">
        <v>21</v>
      </c>
      <c r="AG9" s="71">
        <v>23</v>
      </c>
      <c r="AH9" s="72">
        <v>127</v>
      </c>
      <c r="AI9" s="73">
        <v>166</v>
      </c>
      <c r="AJ9" s="70">
        <v>40</v>
      </c>
      <c r="AK9" s="71">
        <v>44</v>
      </c>
      <c r="AL9" s="72">
        <v>84</v>
      </c>
      <c r="AM9" s="244"/>
      <c r="AN9" s="71">
        <v>65</v>
      </c>
      <c r="AO9" s="71">
        <v>36</v>
      </c>
      <c r="AP9" s="71">
        <v>31</v>
      </c>
      <c r="AQ9" s="71">
        <v>32</v>
      </c>
      <c r="AR9" s="71">
        <v>21</v>
      </c>
      <c r="AS9" s="72">
        <v>185</v>
      </c>
      <c r="AT9" s="73">
        <v>269</v>
      </c>
      <c r="AU9" s="70">
        <v>95</v>
      </c>
      <c r="AV9" s="71">
        <v>56</v>
      </c>
      <c r="AW9" s="72">
        <v>151</v>
      </c>
      <c r="AX9" s="244"/>
      <c r="AY9" s="71">
        <v>157</v>
      </c>
      <c r="AZ9" s="71">
        <v>109</v>
      </c>
      <c r="BA9" s="71">
        <v>70</v>
      </c>
      <c r="BB9" s="71">
        <v>32</v>
      </c>
      <c r="BC9" s="71">
        <v>43</v>
      </c>
      <c r="BD9" s="72">
        <v>411</v>
      </c>
      <c r="BE9" s="73">
        <v>562</v>
      </c>
      <c r="BF9" s="70">
        <v>171</v>
      </c>
      <c r="BG9" s="71">
        <v>119</v>
      </c>
      <c r="BH9" s="72">
        <v>290</v>
      </c>
      <c r="BI9" s="244"/>
      <c r="BJ9" s="71">
        <v>246</v>
      </c>
      <c r="BK9" s="71">
        <v>177</v>
      </c>
      <c r="BL9" s="71">
        <v>101</v>
      </c>
      <c r="BM9" s="71">
        <v>104</v>
      </c>
      <c r="BN9" s="71">
        <v>66</v>
      </c>
      <c r="BO9" s="72">
        <v>694</v>
      </c>
      <c r="BP9" s="73">
        <v>984</v>
      </c>
      <c r="BQ9" s="70">
        <v>150</v>
      </c>
      <c r="BR9" s="71">
        <v>138</v>
      </c>
      <c r="BS9" s="72">
        <v>288</v>
      </c>
      <c r="BT9" s="244"/>
      <c r="BU9" s="71">
        <v>282</v>
      </c>
      <c r="BV9" s="71">
        <v>207</v>
      </c>
      <c r="BW9" s="71">
        <v>160</v>
      </c>
      <c r="BX9" s="71">
        <v>167</v>
      </c>
      <c r="BY9" s="71">
        <v>81</v>
      </c>
      <c r="BZ9" s="72">
        <v>897</v>
      </c>
      <c r="CA9" s="73">
        <v>1185</v>
      </c>
      <c r="CB9" s="70">
        <v>0</v>
      </c>
      <c r="CC9" s="71">
        <v>0</v>
      </c>
      <c r="CD9" s="72">
        <v>0</v>
      </c>
      <c r="CE9" s="244"/>
      <c r="CF9" s="71">
        <v>0</v>
      </c>
      <c r="CG9" s="71">
        <v>0</v>
      </c>
      <c r="CH9" s="71">
        <v>0</v>
      </c>
      <c r="CI9" s="71">
        <v>0</v>
      </c>
      <c r="CJ9" s="71">
        <v>0</v>
      </c>
      <c r="CK9" s="72">
        <v>0</v>
      </c>
      <c r="CL9" s="73">
        <v>0</v>
      </c>
      <c r="CM9" s="70">
        <v>492</v>
      </c>
      <c r="CN9" s="71">
        <v>381</v>
      </c>
      <c r="CO9" s="72">
        <v>873</v>
      </c>
      <c r="CP9" s="244"/>
      <c r="CQ9" s="71">
        <v>805</v>
      </c>
      <c r="CR9" s="71">
        <v>569</v>
      </c>
      <c r="CS9" s="71">
        <v>387</v>
      </c>
      <c r="CT9" s="71">
        <v>357</v>
      </c>
      <c r="CU9" s="71">
        <v>236</v>
      </c>
      <c r="CV9" s="72">
        <v>2354</v>
      </c>
      <c r="CW9" s="73">
        <v>3227</v>
      </c>
      <c r="CX9" s="123">
        <v>103</v>
      </c>
      <c r="CY9" s="82">
        <v>92</v>
      </c>
      <c r="CZ9" s="83">
        <v>195</v>
      </c>
      <c r="DA9" s="241"/>
      <c r="DB9" s="82">
        <v>130</v>
      </c>
      <c r="DC9" s="82">
        <v>112</v>
      </c>
      <c r="DD9" s="82">
        <v>85</v>
      </c>
      <c r="DE9" s="82">
        <v>81</v>
      </c>
      <c r="DF9" s="82">
        <v>49</v>
      </c>
      <c r="DG9" s="84">
        <v>457</v>
      </c>
      <c r="DH9" s="85">
        <v>652</v>
      </c>
      <c r="DI9" s="70">
        <v>2</v>
      </c>
      <c r="DJ9" s="71">
        <v>1</v>
      </c>
      <c r="DK9" s="72">
        <v>3</v>
      </c>
      <c r="DL9" s="244"/>
      <c r="DM9" s="71">
        <v>1</v>
      </c>
      <c r="DN9" s="71">
        <v>1</v>
      </c>
      <c r="DO9" s="71">
        <v>0</v>
      </c>
      <c r="DP9" s="71">
        <v>4</v>
      </c>
      <c r="DQ9" s="71">
        <v>0</v>
      </c>
      <c r="DR9" s="72">
        <v>6</v>
      </c>
      <c r="DS9" s="73">
        <v>9</v>
      </c>
      <c r="DT9" s="70">
        <v>7</v>
      </c>
      <c r="DU9" s="71">
        <v>10</v>
      </c>
      <c r="DV9" s="72">
        <v>17</v>
      </c>
      <c r="DW9" s="244"/>
      <c r="DX9" s="71">
        <v>5</v>
      </c>
      <c r="DY9" s="71">
        <v>2</v>
      </c>
      <c r="DZ9" s="71">
        <v>1</v>
      </c>
      <c r="EA9" s="71">
        <v>6</v>
      </c>
      <c r="EB9" s="71">
        <v>1</v>
      </c>
      <c r="EC9" s="72">
        <v>15</v>
      </c>
      <c r="ED9" s="73">
        <v>32</v>
      </c>
      <c r="EE9" s="70">
        <v>17</v>
      </c>
      <c r="EF9" s="71">
        <v>6</v>
      </c>
      <c r="EG9" s="72">
        <v>23</v>
      </c>
      <c r="EH9" s="244"/>
      <c r="EI9" s="71">
        <v>14</v>
      </c>
      <c r="EJ9" s="71">
        <v>3</v>
      </c>
      <c r="EK9" s="71">
        <v>9</v>
      </c>
      <c r="EL9" s="71">
        <v>3</v>
      </c>
      <c r="EM9" s="71">
        <v>1</v>
      </c>
      <c r="EN9" s="72">
        <v>30</v>
      </c>
      <c r="EO9" s="73">
        <v>53</v>
      </c>
      <c r="EP9" s="70">
        <v>31</v>
      </c>
      <c r="EQ9" s="71">
        <v>25</v>
      </c>
      <c r="ER9" s="72">
        <v>56</v>
      </c>
      <c r="ES9" s="244"/>
      <c r="ET9" s="71">
        <v>31</v>
      </c>
      <c r="EU9" s="71">
        <v>17</v>
      </c>
      <c r="EV9" s="71">
        <v>11</v>
      </c>
      <c r="EW9" s="71">
        <v>6</v>
      </c>
      <c r="EX9" s="71">
        <v>8</v>
      </c>
      <c r="EY9" s="72">
        <v>73</v>
      </c>
      <c r="EZ9" s="73">
        <v>129</v>
      </c>
      <c r="FA9" s="70">
        <v>25</v>
      </c>
      <c r="FB9" s="71">
        <v>30</v>
      </c>
      <c r="FC9" s="72">
        <v>55</v>
      </c>
      <c r="FD9" s="244"/>
      <c r="FE9" s="71">
        <v>39</v>
      </c>
      <c r="FF9" s="71">
        <v>41</v>
      </c>
      <c r="FG9" s="71">
        <v>26</v>
      </c>
      <c r="FH9" s="71">
        <v>18</v>
      </c>
      <c r="FI9" s="71">
        <v>18</v>
      </c>
      <c r="FJ9" s="72">
        <v>142</v>
      </c>
      <c r="FK9" s="73">
        <v>197</v>
      </c>
      <c r="FL9" s="70">
        <v>21</v>
      </c>
      <c r="FM9" s="71">
        <v>20</v>
      </c>
      <c r="FN9" s="72">
        <v>41</v>
      </c>
      <c r="FO9" s="244"/>
      <c r="FP9" s="71">
        <v>40</v>
      </c>
      <c r="FQ9" s="71">
        <v>48</v>
      </c>
      <c r="FR9" s="71">
        <v>38</v>
      </c>
      <c r="FS9" s="71">
        <v>44</v>
      </c>
      <c r="FT9" s="71">
        <v>21</v>
      </c>
      <c r="FU9" s="72">
        <v>191</v>
      </c>
      <c r="FV9" s="73">
        <v>232</v>
      </c>
      <c r="FW9" s="70">
        <v>0</v>
      </c>
      <c r="FX9" s="71">
        <v>0</v>
      </c>
      <c r="FY9" s="72">
        <v>0</v>
      </c>
      <c r="FZ9" s="244"/>
      <c r="GA9" s="71">
        <v>0</v>
      </c>
      <c r="GB9" s="71">
        <v>0</v>
      </c>
      <c r="GC9" s="71">
        <v>0</v>
      </c>
      <c r="GD9" s="71">
        <v>0</v>
      </c>
      <c r="GE9" s="71">
        <v>0</v>
      </c>
      <c r="GF9" s="72">
        <v>0</v>
      </c>
      <c r="GG9" s="73">
        <v>0</v>
      </c>
      <c r="GH9" s="70">
        <v>103</v>
      </c>
      <c r="GI9" s="71">
        <v>92</v>
      </c>
      <c r="GJ9" s="72">
        <v>195</v>
      </c>
      <c r="GK9" s="244"/>
      <c r="GL9" s="71">
        <v>130</v>
      </c>
      <c r="GM9" s="71">
        <v>112</v>
      </c>
      <c r="GN9" s="71">
        <v>85</v>
      </c>
      <c r="GO9" s="71">
        <v>81</v>
      </c>
      <c r="GP9" s="71">
        <v>49</v>
      </c>
      <c r="GQ9" s="72">
        <v>457</v>
      </c>
      <c r="GR9" s="73">
        <v>652</v>
      </c>
      <c r="GS9" s="123">
        <v>595</v>
      </c>
      <c r="GT9" s="82">
        <v>473</v>
      </c>
      <c r="GU9" s="83">
        <v>1068</v>
      </c>
      <c r="GV9" s="241"/>
      <c r="GW9" s="82">
        <v>935</v>
      </c>
      <c r="GX9" s="82">
        <v>681</v>
      </c>
      <c r="GY9" s="82">
        <v>472</v>
      </c>
      <c r="GZ9" s="82">
        <v>438</v>
      </c>
      <c r="HA9" s="82">
        <v>285</v>
      </c>
      <c r="HB9" s="84">
        <v>2811</v>
      </c>
      <c r="HC9" s="85">
        <v>3879</v>
      </c>
      <c r="HD9" s="70">
        <v>14</v>
      </c>
      <c r="HE9" s="71">
        <v>10</v>
      </c>
      <c r="HF9" s="72">
        <v>24</v>
      </c>
      <c r="HG9" s="244"/>
      <c r="HH9" s="71">
        <v>17</v>
      </c>
      <c r="HI9" s="71">
        <v>13</v>
      </c>
      <c r="HJ9" s="71">
        <v>9</v>
      </c>
      <c r="HK9" s="71">
        <v>5</v>
      </c>
      <c r="HL9" s="71">
        <v>2</v>
      </c>
      <c r="HM9" s="72">
        <v>46</v>
      </c>
      <c r="HN9" s="73">
        <v>70</v>
      </c>
      <c r="HO9" s="70">
        <v>31</v>
      </c>
      <c r="HP9" s="71">
        <v>25</v>
      </c>
      <c r="HQ9" s="72">
        <v>56</v>
      </c>
      <c r="HR9" s="244"/>
      <c r="HS9" s="71">
        <v>44</v>
      </c>
      <c r="HT9" s="71">
        <v>30</v>
      </c>
      <c r="HU9" s="71">
        <v>17</v>
      </c>
      <c r="HV9" s="71">
        <v>27</v>
      </c>
      <c r="HW9" s="71">
        <v>24</v>
      </c>
      <c r="HX9" s="72">
        <v>142</v>
      </c>
      <c r="HY9" s="73">
        <v>198</v>
      </c>
      <c r="HZ9" s="70">
        <v>57</v>
      </c>
      <c r="IA9" s="71">
        <v>50</v>
      </c>
      <c r="IB9" s="72">
        <v>107</v>
      </c>
      <c r="IC9" s="244"/>
      <c r="ID9" s="71">
        <v>79</v>
      </c>
      <c r="IE9" s="71">
        <v>39</v>
      </c>
      <c r="IF9" s="71">
        <v>40</v>
      </c>
      <c r="IG9" s="71">
        <v>35</v>
      </c>
      <c r="IH9" s="71">
        <v>22</v>
      </c>
      <c r="II9" s="72">
        <v>215</v>
      </c>
      <c r="IJ9" s="73">
        <v>322</v>
      </c>
      <c r="IK9" s="70">
        <v>126</v>
      </c>
      <c r="IL9" s="71">
        <v>81</v>
      </c>
      <c r="IM9" s="72">
        <v>207</v>
      </c>
      <c r="IN9" s="244"/>
      <c r="IO9" s="71">
        <v>188</v>
      </c>
      <c r="IP9" s="71">
        <v>126</v>
      </c>
      <c r="IQ9" s="71">
        <v>81</v>
      </c>
      <c r="IR9" s="71">
        <v>38</v>
      </c>
      <c r="IS9" s="71">
        <v>51</v>
      </c>
      <c r="IT9" s="72">
        <v>484</v>
      </c>
      <c r="IU9" s="73">
        <v>691</v>
      </c>
      <c r="IV9" s="70">
        <v>196</v>
      </c>
      <c r="IW9" s="71">
        <v>149</v>
      </c>
      <c r="IX9" s="72">
        <v>345</v>
      </c>
      <c r="IY9" s="244"/>
      <c r="IZ9" s="71">
        <v>285</v>
      </c>
      <c r="JA9" s="71">
        <v>218</v>
      </c>
      <c r="JB9" s="71">
        <v>127</v>
      </c>
      <c r="JC9" s="71">
        <v>122</v>
      </c>
      <c r="JD9" s="71">
        <v>84</v>
      </c>
      <c r="JE9" s="72">
        <v>836</v>
      </c>
      <c r="JF9" s="73">
        <v>1181</v>
      </c>
      <c r="JG9" s="70">
        <v>171</v>
      </c>
      <c r="JH9" s="71">
        <v>158</v>
      </c>
      <c r="JI9" s="72">
        <v>329</v>
      </c>
      <c r="JJ9" s="244"/>
      <c r="JK9" s="71">
        <v>322</v>
      </c>
      <c r="JL9" s="71">
        <v>255</v>
      </c>
      <c r="JM9" s="71">
        <v>198</v>
      </c>
      <c r="JN9" s="71">
        <v>211</v>
      </c>
      <c r="JO9" s="71">
        <v>102</v>
      </c>
      <c r="JP9" s="72">
        <v>1088</v>
      </c>
      <c r="JQ9" s="73">
        <v>1417</v>
      </c>
      <c r="JR9" s="70">
        <v>0</v>
      </c>
      <c r="JS9" s="71">
        <v>0</v>
      </c>
      <c r="JT9" s="72">
        <v>0</v>
      </c>
      <c r="JU9" s="244"/>
      <c r="JV9" s="71">
        <v>0</v>
      </c>
      <c r="JW9" s="71">
        <v>0</v>
      </c>
      <c r="JX9" s="71">
        <v>0</v>
      </c>
      <c r="JY9" s="71">
        <v>0</v>
      </c>
      <c r="JZ9" s="71">
        <v>0</v>
      </c>
      <c r="KA9" s="72">
        <v>0</v>
      </c>
      <c r="KB9" s="73">
        <v>0</v>
      </c>
      <c r="KC9" s="70">
        <v>595</v>
      </c>
      <c r="KD9" s="71">
        <v>473</v>
      </c>
      <c r="KE9" s="72">
        <v>1068</v>
      </c>
      <c r="KF9" s="244"/>
      <c r="KG9" s="71">
        <v>935</v>
      </c>
      <c r="KH9" s="71">
        <v>681</v>
      </c>
      <c r="KI9" s="71">
        <v>472</v>
      </c>
      <c r="KJ9" s="71">
        <v>438</v>
      </c>
      <c r="KK9" s="71">
        <v>285</v>
      </c>
      <c r="KL9" s="72">
        <v>2811</v>
      </c>
      <c r="KM9" s="73">
        <v>3879</v>
      </c>
    </row>
    <row r="10" spans="2:299" ht="21" customHeight="1" x14ac:dyDescent="0.2">
      <c r="B10" s="126" t="s">
        <v>14</v>
      </c>
      <c r="C10" s="313">
        <v>249</v>
      </c>
      <c r="D10" s="82">
        <v>317</v>
      </c>
      <c r="E10" s="83">
        <v>566</v>
      </c>
      <c r="F10" s="241"/>
      <c r="G10" s="82">
        <v>387</v>
      </c>
      <c r="H10" s="82">
        <v>429</v>
      </c>
      <c r="I10" s="82">
        <v>287</v>
      </c>
      <c r="J10" s="82">
        <v>215</v>
      </c>
      <c r="K10" s="82">
        <v>131</v>
      </c>
      <c r="L10" s="84">
        <v>1449</v>
      </c>
      <c r="M10" s="85">
        <v>2015</v>
      </c>
      <c r="N10" s="70">
        <v>2</v>
      </c>
      <c r="O10" s="71">
        <v>10</v>
      </c>
      <c r="P10" s="72">
        <v>12</v>
      </c>
      <c r="Q10" s="244"/>
      <c r="R10" s="71">
        <v>2</v>
      </c>
      <c r="S10" s="71">
        <v>10</v>
      </c>
      <c r="T10" s="71">
        <v>4</v>
      </c>
      <c r="U10" s="71">
        <v>4</v>
      </c>
      <c r="V10" s="71">
        <v>2</v>
      </c>
      <c r="W10" s="72">
        <v>22</v>
      </c>
      <c r="X10" s="73">
        <v>34</v>
      </c>
      <c r="Y10" s="70">
        <v>14</v>
      </c>
      <c r="Z10" s="71">
        <v>16</v>
      </c>
      <c r="AA10" s="72">
        <v>30</v>
      </c>
      <c r="AB10" s="244"/>
      <c r="AC10" s="71">
        <v>9</v>
      </c>
      <c r="AD10" s="71">
        <v>17</v>
      </c>
      <c r="AE10" s="71">
        <v>16</v>
      </c>
      <c r="AF10" s="71">
        <v>12</v>
      </c>
      <c r="AG10" s="71">
        <v>10</v>
      </c>
      <c r="AH10" s="72">
        <v>64</v>
      </c>
      <c r="AI10" s="73">
        <v>94</v>
      </c>
      <c r="AJ10" s="70">
        <v>23</v>
      </c>
      <c r="AK10" s="71">
        <v>31</v>
      </c>
      <c r="AL10" s="72">
        <v>54</v>
      </c>
      <c r="AM10" s="244"/>
      <c r="AN10" s="71">
        <v>29</v>
      </c>
      <c r="AO10" s="71">
        <v>43</v>
      </c>
      <c r="AP10" s="71">
        <v>24</v>
      </c>
      <c r="AQ10" s="71">
        <v>26</v>
      </c>
      <c r="AR10" s="71">
        <v>11</v>
      </c>
      <c r="AS10" s="72">
        <v>133</v>
      </c>
      <c r="AT10" s="73">
        <v>187</v>
      </c>
      <c r="AU10" s="70">
        <v>62</v>
      </c>
      <c r="AV10" s="71">
        <v>80</v>
      </c>
      <c r="AW10" s="72">
        <v>142</v>
      </c>
      <c r="AX10" s="244"/>
      <c r="AY10" s="71">
        <v>86</v>
      </c>
      <c r="AZ10" s="71">
        <v>85</v>
      </c>
      <c r="BA10" s="71">
        <v>49</v>
      </c>
      <c r="BB10" s="71">
        <v>43</v>
      </c>
      <c r="BC10" s="71">
        <v>17</v>
      </c>
      <c r="BD10" s="72">
        <v>280</v>
      </c>
      <c r="BE10" s="73">
        <v>422</v>
      </c>
      <c r="BF10" s="70">
        <v>83</v>
      </c>
      <c r="BG10" s="71">
        <v>97</v>
      </c>
      <c r="BH10" s="72">
        <v>180</v>
      </c>
      <c r="BI10" s="244"/>
      <c r="BJ10" s="71">
        <v>123</v>
      </c>
      <c r="BK10" s="71">
        <v>134</v>
      </c>
      <c r="BL10" s="71">
        <v>84</v>
      </c>
      <c r="BM10" s="71">
        <v>61</v>
      </c>
      <c r="BN10" s="71">
        <v>43</v>
      </c>
      <c r="BO10" s="72">
        <v>445</v>
      </c>
      <c r="BP10" s="73">
        <v>625</v>
      </c>
      <c r="BQ10" s="70">
        <v>65</v>
      </c>
      <c r="BR10" s="71">
        <v>83</v>
      </c>
      <c r="BS10" s="72">
        <v>148</v>
      </c>
      <c r="BT10" s="244"/>
      <c r="BU10" s="71">
        <v>138</v>
      </c>
      <c r="BV10" s="71">
        <v>140</v>
      </c>
      <c r="BW10" s="71">
        <v>110</v>
      </c>
      <c r="BX10" s="71">
        <v>69</v>
      </c>
      <c r="BY10" s="71">
        <v>48</v>
      </c>
      <c r="BZ10" s="72">
        <v>505</v>
      </c>
      <c r="CA10" s="73">
        <v>653</v>
      </c>
      <c r="CB10" s="70">
        <v>0</v>
      </c>
      <c r="CC10" s="71">
        <v>0</v>
      </c>
      <c r="CD10" s="72">
        <v>0</v>
      </c>
      <c r="CE10" s="244"/>
      <c r="CF10" s="71">
        <v>0</v>
      </c>
      <c r="CG10" s="71">
        <v>0</v>
      </c>
      <c r="CH10" s="71">
        <v>0</v>
      </c>
      <c r="CI10" s="71">
        <v>0</v>
      </c>
      <c r="CJ10" s="71">
        <v>0</v>
      </c>
      <c r="CK10" s="72">
        <v>0</v>
      </c>
      <c r="CL10" s="73">
        <v>0</v>
      </c>
      <c r="CM10" s="70">
        <v>249</v>
      </c>
      <c r="CN10" s="71">
        <v>317</v>
      </c>
      <c r="CO10" s="72">
        <v>566</v>
      </c>
      <c r="CP10" s="244"/>
      <c r="CQ10" s="71">
        <v>387</v>
      </c>
      <c r="CR10" s="71">
        <v>429</v>
      </c>
      <c r="CS10" s="71">
        <v>287</v>
      </c>
      <c r="CT10" s="71">
        <v>215</v>
      </c>
      <c r="CU10" s="71">
        <v>131</v>
      </c>
      <c r="CV10" s="72">
        <v>1449</v>
      </c>
      <c r="CW10" s="73">
        <v>2015</v>
      </c>
      <c r="CX10" s="123">
        <v>36</v>
      </c>
      <c r="CY10" s="82">
        <v>40</v>
      </c>
      <c r="CZ10" s="83">
        <v>76</v>
      </c>
      <c r="DA10" s="241"/>
      <c r="DB10" s="82">
        <v>44</v>
      </c>
      <c r="DC10" s="82">
        <v>48</v>
      </c>
      <c r="DD10" s="82">
        <v>35</v>
      </c>
      <c r="DE10" s="82">
        <v>34</v>
      </c>
      <c r="DF10" s="82">
        <v>17</v>
      </c>
      <c r="DG10" s="84">
        <v>178</v>
      </c>
      <c r="DH10" s="85">
        <v>254</v>
      </c>
      <c r="DI10" s="70">
        <v>0</v>
      </c>
      <c r="DJ10" s="71">
        <v>1</v>
      </c>
      <c r="DK10" s="72">
        <v>1</v>
      </c>
      <c r="DL10" s="244"/>
      <c r="DM10" s="71">
        <v>1</v>
      </c>
      <c r="DN10" s="71">
        <v>0</v>
      </c>
      <c r="DO10" s="71">
        <v>2</v>
      </c>
      <c r="DP10" s="71">
        <v>1</v>
      </c>
      <c r="DQ10" s="71">
        <v>0</v>
      </c>
      <c r="DR10" s="72">
        <v>4</v>
      </c>
      <c r="DS10" s="73">
        <v>5</v>
      </c>
      <c r="DT10" s="70">
        <v>2</v>
      </c>
      <c r="DU10" s="71">
        <v>2</v>
      </c>
      <c r="DV10" s="72">
        <v>4</v>
      </c>
      <c r="DW10" s="244"/>
      <c r="DX10" s="71">
        <v>4</v>
      </c>
      <c r="DY10" s="71">
        <v>2</v>
      </c>
      <c r="DZ10" s="71">
        <v>0</v>
      </c>
      <c r="EA10" s="71">
        <v>2</v>
      </c>
      <c r="EB10" s="71">
        <v>1</v>
      </c>
      <c r="EC10" s="72">
        <v>9</v>
      </c>
      <c r="ED10" s="73">
        <v>13</v>
      </c>
      <c r="EE10" s="70">
        <v>9</v>
      </c>
      <c r="EF10" s="71">
        <v>4</v>
      </c>
      <c r="EG10" s="72">
        <v>13</v>
      </c>
      <c r="EH10" s="244"/>
      <c r="EI10" s="71">
        <v>7</v>
      </c>
      <c r="EJ10" s="71">
        <v>8</v>
      </c>
      <c r="EK10" s="71">
        <v>3</v>
      </c>
      <c r="EL10" s="71">
        <v>2</v>
      </c>
      <c r="EM10" s="71">
        <v>0</v>
      </c>
      <c r="EN10" s="72">
        <v>20</v>
      </c>
      <c r="EO10" s="73">
        <v>33</v>
      </c>
      <c r="EP10" s="70">
        <v>7</v>
      </c>
      <c r="EQ10" s="71">
        <v>13</v>
      </c>
      <c r="ER10" s="72">
        <v>20</v>
      </c>
      <c r="ES10" s="244"/>
      <c r="ET10" s="71">
        <v>7</v>
      </c>
      <c r="EU10" s="71">
        <v>7</v>
      </c>
      <c r="EV10" s="71">
        <v>6</v>
      </c>
      <c r="EW10" s="71">
        <v>4</v>
      </c>
      <c r="EX10" s="71">
        <v>1</v>
      </c>
      <c r="EY10" s="72">
        <v>25</v>
      </c>
      <c r="EZ10" s="73">
        <v>45</v>
      </c>
      <c r="FA10" s="70">
        <v>12</v>
      </c>
      <c r="FB10" s="71">
        <v>10</v>
      </c>
      <c r="FC10" s="72">
        <v>22</v>
      </c>
      <c r="FD10" s="244"/>
      <c r="FE10" s="71">
        <v>13</v>
      </c>
      <c r="FF10" s="71">
        <v>13</v>
      </c>
      <c r="FG10" s="71">
        <v>6</v>
      </c>
      <c r="FH10" s="71">
        <v>7</v>
      </c>
      <c r="FI10" s="71">
        <v>6</v>
      </c>
      <c r="FJ10" s="72">
        <v>45</v>
      </c>
      <c r="FK10" s="73">
        <v>67</v>
      </c>
      <c r="FL10" s="70">
        <v>6</v>
      </c>
      <c r="FM10" s="71">
        <v>10</v>
      </c>
      <c r="FN10" s="72">
        <v>16</v>
      </c>
      <c r="FO10" s="244"/>
      <c r="FP10" s="71">
        <v>12</v>
      </c>
      <c r="FQ10" s="71">
        <v>18</v>
      </c>
      <c r="FR10" s="71">
        <v>18</v>
      </c>
      <c r="FS10" s="71">
        <v>18</v>
      </c>
      <c r="FT10" s="71">
        <v>9</v>
      </c>
      <c r="FU10" s="72">
        <v>75</v>
      </c>
      <c r="FV10" s="73">
        <v>91</v>
      </c>
      <c r="FW10" s="70">
        <v>0</v>
      </c>
      <c r="FX10" s="71">
        <v>0</v>
      </c>
      <c r="FY10" s="72">
        <v>0</v>
      </c>
      <c r="FZ10" s="244"/>
      <c r="GA10" s="71">
        <v>0</v>
      </c>
      <c r="GB10" s="71">
        <v>0</v>
      </c>
      <c r="GC10" s="71">
        <v>0</v>
      </c>
      <c r="GD10" s="71">
        <v>0</v>
      </c>
      <c r="GE10" s="71">
        <v>0</v>
      </c>
      <c r="GF10" s="72">
        <v>0</v>
      </c>
      <c r="GG10" s="73">
        <v>0</v>
      </c>
      <c r="GH10" s="70">
        <v>36</v>
      </c>
      <c r="GI10" s="71">
        <v>40</v>
      </c>
      <c r="GJ10" s="72">
        <v>76</v>
      </c>
      <c r="GK10" s="244"/>
      <c r="GL10" s="71">
        <v>44</v>
      </c>
      <c r="GM10" s="71">
        <v>48</v>
      </c>
      <c r="GN10" s="71">
        <v>35</v>
      </c>
      <c r="GO10" s="71">
        <v>34</v>
      </c>
      <c r="GP10" s="71">
        <v>17</v>
      </c>
      <c r="GQ10" s="72">
        <v>178</v>
      </c>
      <c r="GR10" s="73">
        <v>254</v>
      </c>
      <c r="GS10" s="123">
        <v>285</v>
      </c>
      <c r="GT10" s="82">
        <v>357</v>
      </c>
      <c r="GU10" s="83">
        <v>642</v>
      </c>
      <c r="GV10" s="241"/>
      <c r="GW10" s="82">
        <v>431</v>
      </c>
      <c r="GX10" s="82">
        <v>477</v>
      </c>
      <c r="GY10" s="82">
        <v>322</v>
      </c>
      <c r="GZ10" s="82">
        <v>249</v>
      </c>
      <c r="HA10" s="82">
        <v>148</v>
      </c>
      <c r="HB10" s="84">
        <v>1627</v>
      </c>
      <c r="HC10" s="85">
        <v>2269</v>
      </c>
      <c r="HD10" s="70">
        <v>2</v>
      </c>
      <c r="HE10" s="71">
        <v>11</v>
      </c>
      <c r="HF10" s="72">
        <v>13</v>
      </c>
      <c r="HG10" s="244"/>
      <c r="HH10" s="71">
        <v>3</v>
      </c>
      <c r="HI10" s="71">
        <v>10</v>
      </c>
      <c r="HJ10" s="71">
        <v>6</v>
      </c>
      <c r="HK10" s="71">
        <v>5</v>
      </c>
      <c r="HL10" s="71">
        <v>2</v>
      </c>
      <c r="HM10" s="72">
        <v>26</v>
      </c>
      <c r="HN10" s="73">
        <v>39</v>
      </c>
      <c r="HO10" s="70">
        <v>16</v>
      </c>
      <c r="HP10" s="71">
        <v>18</v>
      </c>
      <c r="HQ10" s="72">
        <v>34</v>
      </c>
      <c r="HR10" s="244"/>
      <c r="HS10" s="71">
        <v>13</v>
      </c>
      <c r="HT10" s="71">
        <v>19</v>
      </c>
      <c r="HU10" s="71">
        <v>16</v>
      </c>
      <c r="HV10" s="71">
        <v>14</v>
      </c>
      <c r="HW10" s="71">
        <v>11</v>
      </c>
      <c r="HX10" s="72">
        <v>73</v>
      </c>
      <c r="HY10" s="73">
        <v>107</v>
      </c>
      <c r="HZ10" s="70">
        <v>32</v>
      </c>
      <c r="IA10" s="71">
        <v>35</v>
      </c>
      <c r="IB10" s="72">
        <v>67</v>
      </c>
      <c r="IC10" s="244"/>
      <c r="ID10" s="71">
        <v>36</v>
      </c>
      <c r="IE10" s="71">
        <v>51</v>
      </c>
      <c r="IF10" s="71">
        <v>27</v>
      </c>
      <c r="IG10" s="71">
        <v>28</v>
      </c>
      <c r="IH10" s="71">
        <v>11</v>
      </c>
      <c r="II10" s="72">
        <v>153</v>
      </c>
      <c r="IJ10" s="73">
        <v>220</v>
      </c>
      <c r="IK10" s="70">
        <v>69</v>
      </c>
      <c r="IL10" s="71">
        <v>93</v>
      </c>
      <c r="IM10" s="72">
        <v>162</v>
      </c>
      <c r="IN10" s="244"/>
      <c r="IO10" s="71">
        <v>93</v>
      </c>
      <c r="IP10" s="71">
        <v>92</v>
      </c>
      <c r="IQ10" s="71">
        <v>55</v>
      </c>
      <c r="IR10" s="71">
        <v>47</v>
      </c>
      <c r="IS10" s="71">
        <v>18</v>
      </c>
      <c r="IT10" s="72">
        <v>305</v>
      </c>
      <c r="IU10" s="73">
        <v>467</v>
      </c>
      <c r="IV10" s="70">
        <v>95</v>
      </c>
      <c r="IW10" s="71">
        <v>107</v>
      </c>
      <c r="IX10" s="72">
        <v>202</v>
      </c>
      <c r="IY10" s="244"/>
      <c r="IZ10" s="71">
        <v>136</v>
      </c>
      <c r="JA10" s="71">
        <v>147</v>
      </c>
      <c r="JB10" s="71">
        <v>90</v>
      </c>
      <c r="JC10" s="71">
        <v>68</v>
      </c>
      <c r="JD10" s="71">
        <v>49</v>
      </c>
      <c r="JE10" s="72">
        <v>490</v>
      </c>
      <c r="JF10" s="73">
        <v>692</v>
      </c>
      <c r="JG10" s="70">
        <v>71</v>
      </c>
      <c r="JH10" s="71">
        <v>93</v>
      </c>
      <c r="JI10" s="72">
        <v>164</v>
      </c>
      <c r="JJ10" s="244"/>
      <c r="JK10" s="71">
        <v>150</v>
      </c>
      <c r="JL10" s="71">
        <v>158</v>
      </c>
      <c r="JM10" s="71">
        <v>128</v>
      </c>
      <c r="JN10" s="71">
        <v>87</v>
      </c>
      <c r="JO10" s="71">
        <v>57</v>
      </c>
      <c r="JP10" s="72">
        <v>580</v>
      </c>
      <c r="JQ10" s="73">
        <v>744</v>
      </c>
      <c r="JR10" s="70">
        <v>0</v>
      </c>
      <c r="JS10" s="71">
        <v>0</v>
      </c>
      <c r="JT10" s="72">
        <v>0</v>
      </c>
      <c r="JU10" s="244"/>
      <c r="JV10" s="71">
        <v>0</v>
      </c>
      <c r="JW10" s="71">
        <v>0</v>
      </c>
      <c r="JX10" s="71">
        <v>0</v>
      </c>
      <c r="JY10" s="71">
        <v>0</v>
      </c>
      <c r="JZ10" s="71">
        <v>0</v>
      </c>
      <c r="KA10" s="72">
        <v>0</v>
      </c>
      <c r="KB10" s="73">
        <v>0</v>
      </c>
      <c r="KC10" s="70">
        <v>285</v>
      </c>
      <c r="KD10" s="71">
        <v>357</v>
      </c>
      <c r="KE10" s="72">
        <v>642</v>
      </c>
      <c r="KF10" s="244"/>
      <c r="KG10" s="71">
        <v>431</v>
      </c>
      <c r="KH10" s="71">
        <v>477</v>
      </c>
      <c r="KI10" s="71">
        <v>322</v>
      </c>
      <c r="KJ10" s="71">
        <v>249</v>
      </c>
      <c r="KK10" s="71">
        <v>148</v>
      </c>
      <c r="KL10" s="72">
        <v>1627</v>
      </c>
      <c r="KM10" s="73">
        <v>2269</v>
      </c>
    </row>
    <row r="11" spans="2:299" ht="21" customHeight="1" x14ac:dyDescent="0.2">
      <c r="B11" s="126" t="s">
        <v>7</v>
      </c>
      <c r="C11" s="313">
        <v>251</v>
      </c>
      <c r="D11" s="82">
        <v>169</v>
      </c>
      <c r="E11" s="83">
        <v>420</v>
      </c>
      <c r="F11" s="241"/>
      <c r="G11" s="82">
        <v>515</v>
      </c>
      <c r="H11" s="82">
        <v>348</v>
      </c>
      <c r="I11" s="82">
        <v>208</v>
      </c>
      <c r="J11" s="82">
        <v>163</v>
      </c>
      <c r="K11" s="82">
        <v>88</v>
      </c>
      <c r="L11" s="84">
        <v>1322</v>
      </c>
      <c r="M11" s="85">
        <v>1742</v>
      </c>
      <c r="N11" s="70">
        <v>3</v>
      </c>
      <c r="O11" s="71">
        <v>0</v>
      </c>
      <c r="P11" s="72">
        <v>3</v>
      </c>
      <c r="Q11" s="244"/>
      <c r="R11" s="71">
        <v>6</v>
      </c>
      <c r="S11" s="71">
        <v>7</v>
      </c>
      <c r="T11" s="71">
        <v>3</v>
      </c>
      <c r="U11" s="71">
        <v>0</v>
      </c>
      <c r="V11" s="71">
        <v>2</v>
      </c>
      <c r="W11" s="72">
        <v>18</v>
      </c>
      <c r="X11" s="73">
        <v>21</v>
      </c>
      <c r="Y11" s="70">
        <v>10</v>
      </c>
      <c r="Z11" s="71">
        <v>8</v>
      </c>
      <c r="AA11" s="72">
        <v>18</v>
      </c>
      <c r="AB11" s="244"/>
      <c r="AC11" s="71">
        <v>23</v>
      </c>
      <c r="AD11" s="71">
        <v>15</v>
      </c>
      <c r="AE11" s="71">
        <v>13</v>
      </c>
      <c r="AF11" s="71">
        <v>4</v>
      </c>
      <c r="AG11" s="71">
        <v>4</v>
      </c>
      <c r="AH11" s="72">
        <v>59</v>
      </c>
      <c r="AI11" s="73">
        <v>77</v>
      </c>
      <c r="AJ11" s="70">
        <v>18</v>
      </c>
      <c r="AK11" s="71">
        <v>15</v>
      </c>
      <c r="AL11" s="72">
        <v>33</v>
      </c>
      <c r="AM11" s="244"/>
      <c r="AN11" s="71">
        <v>39</v>
      </c>
      <c r="AO11" s="71">
        <v>33</v>
      </c>
      <c r="AP11" s="71">
        <v>12</v>
      </c>
      <c r="AQ11" s="71">
        <v>14</v>
      </c>
      <c r="AR11" s="71">
        <v>9</v>
      </c>
      <c r="AS11" s="72">
        <v>107</v>
      </c>
      <c r="AT11" s="73">
        <v>140</v>
      </c>
      <c r="AU11" s="70">
        <v>36</v>
      </c>
      <c r="AV11" s="71">
        <v>26</v>
      </c>
      <c r="AW11" s="72">
        <v>62</v>
      </c>
      <c r="AX11" s="244"/>
      <c r="AY11" s="71">
        <v>104</v>
      </c>
      <c r="AZ11" s="71">
        <v>69</v>
      </c>
      <c r="BA11" s="71">
        <v>39</v>
      </c>
      <c r="BB11" s="71">
        <v>31</v>
      </c>
      <c r="BC11" s="71">
        <v>22</v>
      </c>
      <c r="BD11" s="72">
        <v>265</v>
      </c>
      <c r="BE11" s="73">
        <v>327</v>
      </c>
      <c r="BF11" s="70">
        <v>105</v>
      </c>
      <c r="BG11" s="71">
        <v>69</v>
      </c>
      <c r="BH11" s="72">
        <v>174</v>
      </c>
      <c r="BI11" s="244"/>
      <c r="BJ11" s="71">
        <v>158</v>
      </c>
      <c r="BK11" s="71">
        <v>106</v>
      </c>
      <c r="BL11" s="71">
        <v>65</v>
      </c>
      <c r="BM11" s="71">
        <v>45</v>
      </c>
      <c r="BN11" s="71">
        <v>27</v>
      </c>
      <c r="BO11" s="72">
        <v>401</v>
      </c>
      <c r="BP11" s="73">
        <v>575</v>
      </c>
      <c r="BQ11" s="70">
        <v>79</v>
      </c>
      <c r="BR11" s="71">
        <v>51</v>
      </c>
      <c r="BS11" s="72">
        <v>130</v>
      </c>
      <c r="BT11" s="244"/>
      <c r="BU11" s="71">
        <v>185</v>
      </c>
      <c r="BV11" s="71">
        <v>118</v>
      </c>
      <c r="BW11" s="71">
        <v>76</v>
      </c>
      <c r="BX11" s="71">
        <v>69</v>
      </c>
      <c r="BY11" s="71">
        <v>24</v>
      </c>
      <c r="BZ11" s="72">
        <v>472</v>
      </c>
      <c r="CA11" s="73">
        <v>602</v>
      </c>
      <c r="CB11" s="70">
        <v>0</v>
      </c>
      <c r="CC11" s="71">
        <v>0</v>
      </c>
      <c r="CD11" s="72">
        <v>0</v>
      </c>
      <c r="CE11" s="244"/>
      <c r="CF11" s="71">
        <v>0</v>
      </c>
      <c r="CG11" s="71">
        <v>0</v>
      </c>
      <c r="CH11" s="71">
        <v>0</v>
      </c>
      <c r="CI11" s="71">
        <v>0</v>
      </c>
      <c r="CJ11" s="71">
        <v>0</v>
      </c>
      <c r="CK11" s="72">
        <v>0</v>
      </c>
      <c r="CL11" s="73">
        <v>0</v>
      </c>
      <c r="CM11" s="70">
        <v>251</v>
      </c>
      <c r="CN11" s="71">
        <v>169</v>
      </c>
      <c r="CO11" s="72">
        <v>420</v>
      </c>
      <c r="CP11" s="244"/>
      <c r="CQ11" s="71">
        <v>515</v>
      </c>
      <c r="CR11" s="71">
        <v>348</v>
      </c>
      <c r="CS11" s="71">
        <v>208</v>
      </c>
      <c r="CT11" s="71">
        <v>163</v>
      </c>
      <c r="CU11" s="71">
        <v>88</v>
      </c>
      <c r="CV11" s="72">
        <v>1322</v>
      </c>
      <c r="CW11" s="73">
        <v>1742</v>
      </c>
      <c r="CX11" s="123">
        <v>35</v>
      </c>
      <c r="CY11" s="82">
        <v>25</v>
      </c>
      <c r="CZ11" s="83">
        <v>60</v>
      </c>
      <c r="DA11" s="241"/>
      <c r="DB11" s="82">
        <v>82</v>
      </c>
      <c r="DC11" s="82">
        <v>34</v>
      </c>
      <c r="DD11" s="82">
        <v>34</v>
      </c>
      <c r="DE11" s="82">
        <v>25</v>
      </c>
      <c r="DF11" s="82">
        <v>22</v>
      </c>
      <c r="DG11" s="84">
        <v>197</v>
      </c>
      <c r="DH11" s="85">
        <v>257</v>
      </c>
      <c r="DI11" s="70">
        <v>0</v>
      </c>
      <c r="DJ11" s="71">
        <v>0</v>
      </c>
      <c r="DK11" s="72">
        <v>0</v>
      </c>
      <c r="DL11" s="244"/>
      <c r="DM11" s="71">
        <v>2</v>
      </c>
      <c r="DN11" s="71">
        <v>0</v>
      </c>
      <c r="DO11" s="71">
        <v>0</v>
      </c>
      <c r="DP11" s="71">
        <v>0</v>
      </c>
      <c r="DQ11" s="71">
        <v>1</v>
      </c>
      <c r="DR11" s="72">
        <v>3</v>
      </c>
      <c r="DS11" s="73">
        <v>3</v>
      </c>
      <c r="DT11" s="70">
        <v>5</v>
      </c>
      <c r="DU11" s="71">
        <v>1</v>
      </c>
      <c r="DV11" s="72">
        <v>6</v>
      </c>
      <c r="DW11" s="244"/>
      <c r="DX11" s="71">
        <v>1</v>
      </c>
      <c r="DY11" s="71">
        <v>1</v>
      </c>
      <c r="DZ11" s="71">
        <v>1</v>
      </c>
      <c r="EA11" s="71">
        <v>2</v>
      </c>
      <c r="EB11" s="71">
        <v>0</v>
      </c>
      <c r="EC11" s="72">
        <v>5</v>
      </c>
      <c r="ED11" s="73">
        <v>11</v>
      </c>
      <c r="EE11" s="70">
        <v>6</v>
      </c>
      <c r="EF11" s="71">
        <v>4</v>
      </c>
      <c r="EG11" s="72">
        <v>10</v>
      </c>
      <c r="EH11" s="244"/>
      <c r="EI11" s="71">
        <v>3</v>
      </c>
      <c r="EJ11" s="71">
        <v>5</v>
      </c>
      <c r="EK11" s="71">
        <v>3</v>
      </c>
      <c r="EL11" s="71">
        <v>3</v>
      </c>
      <c r="EM11" s="71">
        <v>3</v>
      </c>
      <c r="EN11" s="72">
        <v>17</v>
      </c>
      <c r="EO11" s="73">
        <v>27</v>
      </c>
      <c r="EP11" s="70">
        <v>5</v>
      </c>
      <c r="EQ11" s="71">
        <v>4</v>
      </c>
      <c r="ER11" s="72">
        <v>9</v>
      </c>
      <c r="ES11" s="244"/>
      <c r="ET11" s="71">
        <v>18</v>
      </c>
      <c r="EU11" s="71">
        <v>4</v>
      </c>
      <c r="EV11" s="71">
        <v>5</v>
      </c>
      <c r="EW11" s="71">
        <v>3</v>
      </c>
      <c r="EX11" s="71">
        <v>2</v>
      </c>
      <c r="EY11" s="72">
        <v>32</v>
      </c>
      <c r="EZ11" s="73">
        <v>41</v>
      </c>
      <c r="FA11" s="70">
        <v>9</v>
      </c>
      <c r="FB11" s="71">
        <v>11</v>
      </c>
      <c r="FC11" s="72">
        <v>20</v>
      </c>
      <c r="FD11" s="244"/>
      <c r="FE11" s="71">
        <v>23</v>
      </c>
      <c r="FF11" s="71">
        <v>6</v>
      </c>
      <c r="FG11" s="71">
        <v>8</v>
      </c>
      <c r="FH11" s="71">
        <v>5</v>
      </c>
      <c r="FI11" s="71">
        <v>6</v>
      </c>
      <c r="FJ11" s="72">
        <v>48</v>
      </c>
      <c r="FK11" s="73">
        <v>68</v>
      </c>
      <c r="FL11" s="70">
        <v>10</v>
      </c>
      <c r="FM11" s="71">
        <v>5</v>
      </c>
      <c r="FN11" s="72">
        <v>15</v>
      </c>
      <c r="FO11" s="244"/>
      <c r="FP11" s="71">
        <v>35</v>
      </c>
      <c r="FQ11" s="71">
        <v>18</v>
      </c>
      <c r="FR11" s="71">
        <v>17</v>
      </c>
      <c r="FS11" s="71">
        <v>12</v>
      </c>
      <c r="FT11" s="71">
        <v>10</v>
      </c>
      <c r="FU11" s="72">
        <v>92</v>
      </c>
      <c r="FV11" s="73">
        <v>107</v>
      </c>
      <c r="FW11" s="70">
        <v>0</v>
      </c>
      <c r="FX11" s="71">
        <v>0</v>
      </c>
      <c r="FY11" s="72">
        <v>0</v>
      </c>
      <c r="FZ11" s="244"/>
      <c r="GA11" s="71">
        <v>0</v>
      </c>
      <c r="GB11" s="71">
        <v>0</v>
      </c>
      <c r="GC11" s="71">
        <v>0</v>
      </c>
      <c r="GD11" s="71">
        <v>0</v>
      </c>
      <c r="GE11" s="71">
        <v>0</v>
      </c>
      <c r="GF11" s="72">
        <v>0</v>
      </c>
      <c r="GG11" s="73">
        <v>0</v>
      </c>
      <c r="GH11" s="70">
        <v>35</v>
      </c>
      <c r="GI11" s="71">
        <v>25</v>
      </c>
      <c r="GJ11" s="72">
        <v>60</v>
      </c>
      <c r="GK11" s="244"/>
      <c r="GL11" s="71">
        <v>82</v>
      </c>
      <c r="GM11" s="71">
        <v>34</v>
      </c>
      <c r="GN11" s="71">
        <v>34</v>
      </c>
      <c r="GO11" s="71">
        <v>25</v>
      </c>
      <c r="GP11" s="71">
        <v>22</v>
      </c>
      <c r="GQ11" s="72">
        <v>197</v>
      </c>
      <c r="GR11" s="73">
        <v>257</v>
      </c>
      <c r="GS11" s="123">
        <v>286</v>
      </c>
      <c r="GT11" s="82">
        <v>194</v>
      </c>
      <c r="GU11" s="83">
        <v>480</v>
      </c>
      <c r="GV11" s="241"/>
      <c r="GW11" s="82">
        <v>597</v>
      </c>
      <c r="GX11" s="82">
        <v>382</v>
      </c>
      <c r="GY11" s="82">
        <v>242</v>
      </c>
      <c r="GZ11" s="82">
        <v>188</v>
      </c>
      <c r="HA11" s="82">
        <v>110</v>
      </c>
      <c r="HB11" s="84">
        <v>1519</v>
      </c>
      <c r="HC11" s="85">
        <v>1999</v>
      </c>
      <c r="HD11" s="70">
        <v>3</v>
      </c>
      <c r="HE11" s="71">
        <v>0</v>
      </c>
      <c r="HF11" s="72">
        <v>3</v>
      </c>
      <c r="HG11" s="244"/>
      <c r="HH11" s="71">
        <v>8</v>
      </c>
      <c r="HI11" s="71">
        <v>7</v>
      </c>
      <c r="HJ11" s="71">
        <v>3</v>
      </c>
      <c r="HK11" s="71">
        <v>0</v>
      </c>
      <c r="HL11" s="71">
        <v>3</v>
      </c>
      <c r="HM11" s="72">
        <v>21</v>
      </c>
      <c r="HN11" s="73">
        <v>24</v>
      </c>
      <c r="HO11" s="70">
        <v>15</v>
      </c>
      <c r="HP11" s="71">
        <v>9</v>
      </c>
      <c r="HQ11" s="72">
        <v>24</v>
      </c>
      <c r="HR11" s="244"/>
      <c r="HS11" s="71">
        <v>24</v>
      </c>
      <c r="HT11" s="71">
        <v>16</v>
      </c>
      <c r="HU11" s="71">
        <v>14</v>
      </c>
      <c r="HV11" s="71">
        <v>6</v>
      </c>
      <c r="HW11" s="71">
        <v>4</v>
      </c>
      <c r="HX11" s="72">
        <v>64</v>
      </c>
      <c r="HY11" s="73">
        <v>88</v>
      </c>
      <c r="HZ11" s="70">
        <v>24</v>
      </c>
      <c r="IA11" s="71">
        <v>19</v>
      </c>
      <c r="IB11" s="72">
        <v>43</v>
      </c>
      <c r="IC11" s="244"/>
      <c r="ID11" s="71">
        <v>42</v>
      </c>
      <c r="IE11" s="71">
        <v>38</v>
      </c>
      <c r="IF11" s="71">
        <v>15</v>
      </c>
      <c r="IG11" s="71">
        <v>17</v>
      </c>
      <c r="IH11" s="71">
        <v>12</v>
      </c>
      <c r="II11" s="72">
        <v>124</v>
      </c>
      <c r="IJ11" s="73">
        <v>167</v>
      </c>
      <c r="IK11" s="70">
        <v>41</v>
      </c>
      <c r="IL11" s="71">
        <v>30</v>
      </c>
      <c r="IM11" s="72">
        <v>71</v>
      </c>
      <c r="IN11" s="244"/>
      <c r="IO11" s="71">
        <v>122</v>
      </c>
      <c r="IP11" s="71">
        <v>73</v>
      </c>
      <c r="IQ11" s="71">
        <v>44</v>
      </c>
      <c r="IR11" s="71">
        <v>34</v>
      </c>
      <c r="IS11" s="71">
        <v>24</v>
      </c>
      <c r="IT11" s="72">
        <v>297</v>
      </c>
      <c r="IU11" s="73">
        <v>368</v>
      </c>
      <c r="IV11" s="70">
        <v>114</v>
      </c>
      <c r="IW11" s="71">
        <v>80</v>
      </c>
      <c r="IX11" s="72">
        <v>194</v>
      </c>
      <c r="IY11" s="244"/>
      <c r="IZ11" s="71">
        <v>181</v>
      </c>
      <c r="JA11" s="71">
        <v>112</v>
      </c>
      <c r="JB11" s="71">
        <v>73</v>
      </c>
      <c r="JC11" s="71">
        <v>50</v>
      </c>
      <c r="JD11" s="71">
        <v>33</v>
      </c>
      <c r="JE11" s="72">
        <v>449</v>
      </c>
      <c r="JF11" s="73">
        <v>643</v>
      </c>
      <c r="JG11" s="70">
        <v>89</v>
      </c>
      <c r="JH11" s="71">
        <v>56</v>
      </c>
      <c r="JI11" s="72">
        <v>145</v>
      </c>
      <c r="JJ11" s="244"/>
      <c r="JK11" s="71">
        <v>220</v>
      </c>
      <c r="JL11" s="71">
        <v>136</v>
      </c>
      <c r="JM11" s="71">
        <v>93</v>
      </c>
      <c r="JN11" s="71">
        <v>81</v>
      </c>
      <c r="JO11" s="71">
        <v>34</v>
      </c>
      <c r="JP11" s="72">
        <v>564</v>
      </c>
      <c r="JQ11" s="73">
        <v>709</v>
      </c>
      <c r="JR11" s="70">
        <v>0</v>
      </c>
      <c r="JS11" s="71">
        <v>0</v>
      </c>
      <c r="JT11" s="72">
        <v>0</v>
      </c>
      <c r="JU11" s="244"/>
      <c r="JV11" s="71">
        <v>0</v>
      </c>
      <c r="JW11" s="71">
        <v>0</v>
      </c>
      <c r="JX11" s="71">
        <v>0</v>
      </c>
      <c r="JY11" s="71">
        <v>0</v>
      </c>
      <c r="JZ11" s="71">
        <v>0</v>
      </c>
      <c r="KA11" s="72">
        <v>0</v>
      </c>
      <c r="KB11" s="73">
        <v>0</v>
      </c>
      <c r="KC11" s="70">
        <v>286</v>
      </c>
      <c r="KD11" s="71">
        <v>194</v>
      </c>
      <c r="KE11" s="72">
        <v>480</v>
      </c>
      <c r="KF11" s="244"/>
      <c r="KG11" s="71">
        <v>597</v>
      </c>
      <c r="KH11" s="71">
        <v>382</v>
      </c>
      <c r="KI11" s="71">
        <v>242</v>
      </c>
      <c r="KJ11" s="71">
        <v>188</v>
      </c>
      <c r="KK11" s="71">
        <v>110</v>
      </c>
      <c r="KL11" s="72">
        <v>1519</v>
      </c>
      <c r="KM11" s="73">
        <v>1999</v>
      </c>
    </row>
    <row r="12" spans="2:299" ht="21" customHeight="1" x14ac:dyDescent="0.2">
      <c r="B12" s="126" t="s">
        <v>8</v>
      </c>
      <c r="C12" s="313">
        <v>100</v>
      </c>
      <c r="D12" s="82">
        <v>70</v>
      </c>
      <c r="E12" s="83">
        <v>170</v>
      </c>
      <c r="F12" s="241"/>
      <c r="G12" s="82">
        <v>156</v>
      </c>
      <c r="H12" s="82">
        <v>108</v>
      </c>
      <c r="I12" s="82">
        <v>98</v>
      </c>
      <c r="J12" s="82">
        <v>56</v>
      </c>
      <c r="K12" s="82">
        <v>46</v>
      </c>
      <c r="L12" s="84">
        <v>464</v>
      </c>
      <c r="M12" s="85">
        <v>634</v>
      </c>
      <c r="N12" s="70">
        <v>3</v>
      </c>
      <c r="O12" s="71">
        <v>2</v>
      </c>
      <c r="P12" s="72">
        <v>5</v>
      </c>
      <c r="Q12" s="244"/>
      <c r="R12" s="71">
        <v>3</v>
      </c>
      <c r="S12" s="71">
        <v>4</v>
      </c>
      <c r="T12" s="71">
        <v>3</v>
      </c>
      <c r="U12" s="71">
        <v>2</v>
      </c>
      <c r="V12" s="71">
        <v>1</v>
      </c>
      <c r="W12" s="72">
        <v>13</v>
      </c>
      <c r="X12" s="73">
        <v>18</v>
      </c>
      <c r="Y12" s="70">
        <v>2</v>
      </c>
      <c r="Z12" s="71">
        <v>2</v>
      </c>
      <c r="AA12" s="72">
        <v>4</v>
      </c>
      <c r="AB12" s="244"/>
      <c r="AC12" s="71">
        <v>11</v>
      </c>
      <c r="AD12" s="71">
        <v>10</v>
      </c>
      <c r="AE12" s="71">
        <v>0</v>
      </c>
      <c r="AF12" s="71">
        <v>6</v>
      </c>
      <c r="AG12" s="71">
        <v>3</v>
      </c>
      <c r="AH12" s="72">
        <v>30</v>
      </c>
      <c r="AI12" s="73">
        <v>34</v>
      </c>
      <c r="AJ12" s="70">
        <v>9</v>
      </c>
      <c r="AK12" s="71">
        <v>5</v>
      </c>
      <c r="AL12" s="72">
        <v>14</v>
      </c>
      <c r="AM12" s="244"/>
      <c r="AN12" s="71">
        <v>16</v>
      </c>
      <c r="AO12" s="71">
        <v>10</v>
      </c>
      <c r="AP12" s="71">
        <v>4</v>
      </c>
      <c r="AQ12" s="71">
        <v>5</v>
      </c>
      <c r="AR12" s="71">
        <v>4</v>
      </c>
      <c r="AS12" s="72">
        <v>39</v>
      </c>
      <c r="AT12" s="73">
        <v>53</v>
      </c>
      <c r="AU12" s="70">
        <v>21</v>
      </c>
      <c r="AV12" s="71">
        <v>7</v>
      </c>
      <c r="AW12" s="72">
        <v>28</v>
      </c>
      <c r="AX12" s="244"/>
      <c r="AY12" s="71">
        <v>28</v>
      </c>
      <c r="AZ12" s="71">
        <v>20</v>
      </c>
      <c r="BA12" s="71">
        <v>13</v>
      </c>
      <c r="BB12" s="71">
        <v>7</v>
      </c>
      <c r="BC12" s="71">
        <v>10</v>
      </c>
      <c r="BD12" s="72">
        <v>78</v>
      </c>
      <c r="BE12" s="73">
        <v>106</v>
      </c>
      <c r="BF12" s="70">
        <v>29</v>
      </c>
      <c r="BG12" s="71">
        <v>27</v>
      </c>
      <c r="BH12" s="72">
        <v>56</v>
      </c>
      <c r="BI12" s="244"/>
      <c r="BJ12" s="71">
        <v>42</v>
      </c>
      <c r="BK12" s="71">
        <v>23</v>
      </c>
      <c r="BL12" s="71">
        <v>26</v>
      </c>
      <c r="BM12" s="71">
        <v>13</v>
      </c>
      <c r="BN12" s="71">
        <v>12</v>
      </c>
      <c r="BO12" s="72">
        <v>116</v>
      </c>
      <c r="BP12" s="73">
        <v>172</v>
      </c>
      <c r="BQ12" s="70">
        <v>36</v>
      </c>
      <c r="BR12" s="71">
        <v>27</v>
      </c>
      <c r="BS12" s="72">
        <v>63</v>
      </c>
      <c r="BT12" s="244"/>
      <c r="BU12" s="71">
        <v>56</v>
      </c>
      <c r="BV12" s="71">
        <v>41</v>
      </c>
      <c r="BW12" s="71">
        <v>52</v>
      </c>
      <c r="BX12" s="71">
        <v>23</v>
      </c>
      <c r="BY12" s="71">
        <v>16</v>
      </c>
      <c r="BZ12" s="72">
        <v>188</v>
      </c>
      <c r="CA12" s="73">
        <v>251</v>
      </c>
      <c r="CB12" s="70">
        <v>0</v>
      </c>
      <c r="CC12" s="71">
        <v>0</v>
      </c>
      <c r="CD12" s="72">
        <v>0</v>
      </c>
      <c r="CE12" s="244"/>
      <c r="CF12" s="71">
        <v>0</v>
      </c>
      <c r="CG12" s="71">
        <v>0</v>
      </c>
      <c r="CH12" s="71">
        <v>0</v>
      </c>
      <c r="CI12" s="71">
        <v>0</v>
      </c>
      <c r="CJ12" s="71">
        <v>0</v>
      </c>
      <c r="CK12" s="72">
        <v>0</v>
      </c>
      <c r="CL12" s="73">
        <v>0</v>
      </c>
      <c r="CM12" s="70">
        <v>100</v>
      </c>
      <c r="CN12" s="71">
        <v>70</v>
      </c>
      <c r="CO12" s="72">
        <v>170</v>
      </c>
      <c r="CP12" s="244"/>
      <c r="CQ12" s="71">
        <v>156</v>
      </c>
      <c r="CR12" s="71">
        <v>108</v>
      </c>
      <c r="CS12" s="71">
        <v>98</v>
      </c>
      <c r="CT12" s="71">
        <v>56</v>
      </c>
      <c r="CU12" s="71">
        <v>46</v>
      </c>
      <c r="CV12" s="72">
        <v>464</v>
      </c>
      <c r="CW12" s="73">
        <v>634</v>
      </c>
      <c r="CX12" s="123">
        <v>16</v>
      </c>
      <c r="CY12" s="82">
        <v>5</v>
      </c>
      <c r="CZ12" s="83">
        <v>21</v>
      </c>
      <c r="DA12" s="241"/>
      <c r="DB12" s="82">
        <v>23</v>
      </c>
      <c r="DC12" s="82">
        <v>27</v>
      </c>
      <c r="DD12" s="82">
        <v>14</v>
      </c>
      <c r="DE12" s="82">
        <v>14</v>
      </c>
      <c r="DF12" s="82">
        <v>6</v>
      </c>
      <c r="DG12" s="84">
        <v>84</v>
      </c>
      <c r="DH12" s="85">
        <v>105</v>
      </c>
      <c r="DI12" s="70">
        <v>2</v>
      </c>
      <c r="DJ12" s="71">
        <v>0</v>
      </c>
      <c r="DK12" s="72">
        <v>2</v>
      </c>
      <c r="DL12" s="244"/>
      <c r="DM12" s="71">
        <v>0</v>
      </c>
      <c r="DN12" s="71">
        <v>1</v>
      </c>
      <c r="DO12" s="71">
        <v>0</v>
      </c>
      <c r="DP12" s="71">
        <v>0</v>
      </c>
      <c r="DQ12" s="71">
        <v>0</v>
      </c>
      <c r="DR12" s="72">
        <v>1</v>
      </c>
      <c r="DS12" s="73">
        <v>3</v>
      </c>
      <c r="DT12" s="70">
        <v>1</v>
      </c>
      <c r="DU12" s="71">
        <v>0</v>
      </c>
      <c r="DV12" s="72">
        <v>1</v>
      </c>
      <c r="DW12" s="244"/>
      <c r="DX12" s="71">
        <v>1</v>
      </c>
      <c r="DY12" s="71">
        <v>1</v>
      </c>
      <c r="DZ12" s="71">
        <v>0</v>
      </c>
      <c r="EA12" s="71">
        <v>1</v>
      </c>
      <c r="EB12" s="71">
        <v>1</v>
      </c>
      <c r="EC12" s="72">
        <v>4</v>
      </c>
      <c r="ED12" s="73">
        <v>5</v>
      </c>
      <c r="EE12" s="70">
        <v>2</v>
      </c>
      <c r="EF12" s="71">
        <v>2</v>
      </c>
      <c r="EG12" s="72">
        <v>4</v>
      </c>
      <c r="EH12" s="244"/>
      <c r="EI12" s="71">
        <v>3</v>
      </c>
      <c r="EJ12" s="71">
        <v>3</v>
      </c>
      <c r="EK12" s="71">
        <v>0</v>
      </c>
      <c r="EL12" s="71">
        <v>1</v>
      </c>
      <c r="EM12" s="71">
        <v>1</v>
      </c>
      <c r="EN12" s="72">
        <v>8</v>
      </c>
      <c r="EO12" s="73">
        <v>12</v>
      </c>
      <c r="EP12" s="70">
        <v>3</v>
      </c>
      <c r="EQ12" s="71">
        <v>2</v>
      </c>
      <c r="ER12" s="72">
        <v>5</v>
      </c>
      <c r="ES12" s="244"/>
      <c r="ET12" s="71">
        <v>2</v>
      </c>
      <c r="EU12" s="71">
        <v>3</v>
      </c>
      <c r="EV12" s="71">
        <v>4</v>
      </c>
      <c r="EW12" s="71">
        <v>0</v>
      </c>
      <c r="EX12" s="71">
        <v>0</v>
      </c>
      <c r="EY12" s="72">
        <v>9</v>
      </c>
      <c r="EZ12" s="73">
        <v>14</v>
      </c>
      <c r="FA12" s="70">
        <v>4</v>
      </c>
      <c r="FB12" s="71">
        <v>1</v>
      </c>
      <c r="FC12" s="72">
        <v>5</v>
      </c>
      <c r="FD12" s="244"/>
      <c r="FE12" s="71">
        <v>7</v>
      </c>
      <c r="FF12" s="71">
        <v>7</v>
      </c>
      <c r="FG12" s="71">
        <v>2</v>
      </c>
      <c r="FH12" s="71">
        <v>1</v>
      </c>
      <c r="FI12" s="71">
        <v>3</v>
      </c>
      <c r="FJ12" s="72">
        <v>20</v>
      </c>
      <c r="FK12" s="73">
        <v>25</v>
      </c>
      <c r="FL12" s="70">
        <v>4</v>
      </c>
      <c r="FM12" s="71">
        <v>0</v>
      </c>
      <c r="FN12" s="72">
        <v>4</v>
      </c>
      <c r="FO12" s="244"/>
      <c r="FP12" s="71">
        <v>10</v>
      </c>
      <c r="FQ12" s="71">
        <v>12</v>
      </c>
      <c r="FR12" s="71">
        <v>8</v>
      </c>
      <c r="FS12" s="71">
        <v>11</v>
      </c>
      <c r="FT12" s="71">
        <v>1</v>
      </c>
      <c r="FU12" s="72">
        <v>42</v>
      </c>
      <c r="FV12" s="73">
        <v>46</v>
      </c>
      <c r="FW12" s="70">
        <v>0</v>
      </c>
      <c r="FX12" s="71">
        <v>0</v>
      </c>
      <c r="FY12" s="72">
        <v>0</v>
      </c>
      <c r="FZ12" s="244"/>
      <c r="GA12" s="71">
        <v>0</v>
      </c>
      <c r="GB12" s="71">
        <v>0</v>
      </c>
      <c r="GC12" s="71">
        <v>0</v>
      </c>
      <c r="GD12" s="71">
        <v>0</v>
      </c>
      <c r="GE12" s="71">
        <v>0</v>
      </c>
      <c r="GF12" s="72">
        <v>0</v>
      </c>
      <c r="GG12" s="73">
        <v>0</v>
      </c>
      <c r="GH12" s="70">
        <v>16</v>
      </c>
      <c r="GI12" s="71">
        <v>5</v>
      </c>
      <c r="GJ12" s="72">
        <v>21</v>
      </c>
      <c r="GK12" s="244"/>
      <c r="GL12" s="71">
        <v>23</v>
      </c>
      <c r="GM12" s="71">
        <v>27</v>
      </c>
      <c r="GN12" s="71">
        <v>14</v>
      </c>
      <c r="GO12" s="71">
        <v>14</v>
      </c>
      <c r="GP12" s="71">
        <v>6</v>
      </c>
      <c r="GQ12" s="72">
        <v>84</v>
      </c>
      <c r="GR12" s="73">
        <v>105</v>
      </c>
      <c r="GS12" s="123">
        <v>116</v>
      </c>
      <c r="GT12" s="82">
        <v>75</v>
      </c>
      <c r="GU12" s="83">
        <v>191</v>
      </c>
      <c r="GV12" s="241"/>
      <c r="GW12" s="82">
        <v>179</v>
      </c>
      <c r="GX12" s="82">
        <v>135</v>
      </c>
      <c r="GY12" s="82">
        <v>112</v>
      </c>
      <c r="GZ12" s="82">
        <v>70</v>
      </c>
      <c r="HA12" s="82">
        <v>52</v>
      </c>
      <c r="HB12" s="84">
        <v>548</v>
      </c>
      <c r="HC12" s="85">
        <v>739</v>
      </c>
      <c r="HD12" s="70">
        <v>5</v>
      </c>
      <c r="HE12" s="71">
        <v>2</v>
      </c>
      <c r="HF12" s="72">
        <v>7</v>
      </c>
      <c r="HG12" s="244"/>
      <c r="HH12" s="71">
        <v>3</v>
      </c>
      <c r="HI12" s="71">
        <v>5</v>
      </c>
      <c r="HJ12" s="71">
        <v>3</v>
      </c>
      <c r="HK12" s="71">
        <v>2</v>
      </c>
      <c r="HL12" s="71">
        <v>1</v>
      </c>
      <c r="HM12" s="72">
        <v>14</v>
      </c>
      <c r="HN12" s="73">
        <v>21</v>
      </c>
      <c r="HO12" s="70">
        <v>3</v>
      </c>
      <c r="HP12" s="71">
        <v>2</v>
      </c>
      <c r="HQ12" s="72">
        <v>5</v>
      </c>
      <c r="HR12" s="244"/>
      <c r="HS12" s="71">
        <v>12</v>
      </c>
      <c r="HT12" s="71">
        <v>11</v>
      </c>
      <c r="HU12" s="71">
        <v>0</v>
      </c>
      <c r="HV12" s="71">
        <v>7</v>
      </c>
      <c r="HW12" s="71">
        <v>4</v>
      </c>
      <c r="HX12" s="72">
        <v>34</v>
      </c>
      <c r="HY12" s="73">
        <v>39</v>
      </c>
      <c r="HZ12" s="70">
        <v>11</v>
      </c>
      <c r="IA12" s="71">
        <v>7</v>
      </c>
      <c r="IB12" s="72">
        <v>18</v>
      </c>
      <c r="IC12" s="244"/>
      <c r="ID12" s="71">
        <v>19</v>
      </c>
      <c r="IE12" s="71">
        <v>13</v>
      </c>
      <c r="IF12" s="71">
        <v>4</v>
      </c>
      <c r="IG12" s="71">
        <v>6</v>
      </c>
      <c r="IH12" s="71">
        <v>5</v>
      </c>
      <c r="II12" s="72">
        <v>47</v>
      </c>
      <c r="IJ12" s="73">
        <v>65</v>
      </c>
      <c r="IK12" s="70">
        <v>24</v>
      </c>
      <c r="IL12" s="71">
        <v>9</v>
      </c>
      <c r="IM12" s="72">
        <v>33</v>
      </c>
      <c r="IN12" s="244"/>
      <c r="IO12" s="71">
        <v>30</v>
      </c>
      <c r="IP12" s="71">
        <v>23</v>
      </c>
      <c r="IQ12" s="71">
        <v>17</v>
      </c>
      <c r="IR12" s="71">
        <v>7</v>
      </c>
      <c r="IS12" s="71">
        <v>10</v>
      </c>
      <c r="IT12" s="72">
        <v>87</v>
      </c>
      <c r="IU12" s="73">
        <v>120</v>
      </c>
      <c r="IV12" s="70">
        <v>33</v>
      </c>
      <c r="IW12" s="71">
        <v>28</v>
      </c>
      <c r="IX12" s="72">
        <v>61</v>
      </c>
      <c r="IY12" s="244"/>
      <c r="IZ12" s="71">
        <v>49</v>
      </c>
      <c r="JA12" s="71">
        <v>30</v>
      </c>
      <c r="JB12" s="71">
        <v>28</v>
      </c>
      <c r="JC12" s="71">
        <v>14</v>
      </c>
      <c r="JD12" s="71">
        <v>15</v>
      </c>
      <c r="JE12" s="72">
        <v>136</v>
      </c>
      <c r="JF12" s="73">
        <v>197</v>
      </c>
      <c r="JG12" s="70">
        <v>40</v>
      </c>
      <c r="JH12" s="71">
        <v>27</v>
      </c>
      <c r="JI12" s="72">
        <v>67</v>
      </c>
      <c r="JJ12" s="244"/>
      <c r="JK12" s="71">
        <v>66</v>
      </c>
      <c r="JL12" s="71">
        <v>53</v>
      </c>
      <c r="JM12" s="71">
        <v>60</v>
      </c>
      <c r="JN12" s="71">
        <v>34</v>
      </c>
      <c r="JO12" s="71">
        <v>17</v>
      </c>
      <c r="JP12" s="72">
        <v>230</v>
      </c>
      <c r="JQ12" s="73">
        <v>297</v>
      </c>
      <c r="JR12" s="70">
        <v>0</v>
      </c>
      <c r="JS12" s="71">
        <v>0</v>
      </c>
      <c r="JT12" s="72">
        <v>0</v>
      </c>
      <c r="JU12" s="244"/>
      <c r="JV12" s="71">
        <v>0</v>
      </c>
      <c r="JW12" s="71">
        <v>0</v>
      </c>
      <c r="JX12" s="71">
        <v>0</v>
      </c>
      <c r="JY12" s="71">
        <v>0</v>
      </c>
      <c r="JZ12" s="71">
        <v>0</v>
      </c>
      <c r="KA12" s="72">
        <v>0</v>
      </c>
      <c r="KB12" s="73">
        <v>0</v>
      </c>
      <c r="KC12" s="70">
        <v>116</v>
      </c>
      <c r="KD12" s="71">
        <v>75</v>
      </c>
      <c r="KE12" s="72">
        <v>191</v>
      </c>
      <c r="KF12" s="244"/>
      <c r="KG12" s="71">
        <v>179</v>
      </c>
      <c r="KH12" s="71">
        <v>135</v>
      </c>
      <c r="KI12" s="71">
        <v>112</v>
      </c>
      <c r="KJ12" s="71">
        <v>70</v>
      </c>
      <c r="KK12" s="71">
        <v>52</v>
      </c>
      <c r="KL12" s="72">
        <v>548</v>
      </c>
      <c r="KM12" s="73">
        <v>739</v>
      </c>
    </row>
    <row r="13" spans="2:299" ht="21" customHeight="1" x14ac:dyDescent="0.2">
      <c r="B13" s="126" t="s">
        <v>9</v>
      </c>
      <c r="C13" s="313">
        <v>195</v>
      </c>
      <c r="D13" s="82">
        <v>105</v>
      </c>
      <c r="E13" s="83">
        <v>300</v>
      </c>
      <c r="F13" s="241"/>
      <c r="G13" s="82">
        <v>209</v>
      </c>
      <c r="H13" s="82">
        <v>145</v>
      </c>
      <c r="I13" s="82">
        <v>117</v>
      </c>
      <c r="J13" s="82">
        <v>99</v>
      </c>
      <c r="K13" s="82">
        <v>45</v>
      </c>
      <c r="L13" s="84">
        <v>615</v>
      </c>
      <c r="M13" s="85">
        <v>915</v>
      </c>
      <c r="N13" s="70">
        <v>1</v>
      </c>
      <c r="O13" s="71">
        <v>0</v>
      </c>
      <c r="P13" s="72">
        <v>1</v>
      </c>
      <c r="Q13" s="244"/>
      <c r="R13" s="71">
        <v>0</v>
      </c>
      <c r="S13" s="71">
        <v>2</v>
      </c>
      <c r="T13" s="71">
        <v>2</v>
      </c>
      <c r="U13" s="71">
        <v>0</v>
      </c>
      <c r="V13" s="71">
        <v>1</v>
      </c>
      <c r="W13" s="72">
        <v>5</v>
      </c>
      <c r="X13" s="73">
        <v>6</v>
      </c>
      <c r="Y13" s="70">
        <v>6</v>
      </c>
      <c r="Z13" s="71">
        <v>2</v>
      </c>
      <c r="AA13" s="72">
        <v>8</v>
      </c>
      <c r="AB13" s="244"/>
      <c r="AC13" s="71">
        <v>3</v>
      </c>
      <c r="AD13" s="71">
        <v>5</v>
      </c>
      <c r="AE13" s="71">
        <v>1</v>
      </c>
      <c r="AF13" s="71">
        <v>1</v>
      </c>
      <c r="AG13" s="71">
        <v>1</v>
      </c>
      <c r="AH13" s="72">
        <v>11</v>
      </c>
      <c r="AI13" s="73">
        <v>19</v>
      </c>
      <c r="AJ13" s="70">
        <v>14</v>
      </c>
      <c r="AK13" s="71">
        <v>5</v>
      </c>
      <c r="AL13" s="72">
        <v>19</v>
      </c>
      <c r="AM13" s="244"/>
      <c r="AN13" s="71">
        <v>12</v>
      </c>
      <c r="AO13" s="71">
        <v>8</v>
      </c>
      <c r="AP13" s="71">
        <v>9</v>
      </c>
      <c r="AQ13" s="71">
        <v>9</v>
      </c>
      <c r="AR13" s="71">
        <v>7</v>
      </c>
      <c r="AS13" s="72">
        <v>45</v>
      </c>
      <c r="AT13" s="73">
        <v>64</v>
      </c>
      <c r="AU13" s="70">
        <v>35</v>
      </c>
      <c r="AV13" s="71">
        <v>20</v>
      </c>
      <c r="AW13" s="72">
        <v>55</v>
      </c>
      <c r="AX13" s="244"/>
      <c r="AY13" s="71">
        <v>29</v>
      </c>
      <c r="AZ13" s="71">
        <v>22</v>
      </c>
      <c r="BA13" s="71">
        <v>13</v>
      </c>
      <c r="BB13" s="71">
        <v>11</v>
      </c>
      <c r="BC13" s="71">
        <v>5</v>
      </c>
      <c r="BD13" s="72">
        <v>80</v>
      </c>
      <c r="BE13" s="73">
        <v>135</v>
      </c>
      <c r="BF13" s="70">
        <v>72</v>
      </c>
      <c r="BG13" s="71">
        <v>39</v>
      </c>
      <c r="BH13" s="72">
        <v>111</v>
      </c>
      <c r="BI13" s="244"/>
      <c r="BJ13" s="71">
        <v>78</v>
      </c>
      <c r="BK13" s="71">
        <v>41</v>
      </c>
      <c r="BL13" s="71">
        <v>35</v>
      </c>
      <c r="BM13" s="71">
        <v>34</v>
      </c>
      <c r="BN13" s="71">
        <v>7</v>
      </c>
      <c r="BO13" s="72">
        <v>195</v>
      </c>
      <c r="BP13" s="73">
        <v>306</v>
      </c>
      <c r="BQ13" s="70">
        <v>67</v>
      </c>
      <c r="BR13" s="71">
        <v>39</v>
      </c>
      <c r="BS13" s="72">
        <v>106</v>
      </c>
      <c r="BT13" s="244"/>
      <c r="BU13" s="71">
        <v>87</v>
      </c>
      <c r="BV13" s="71">
        <v>67</v>
      </c>
      <c r="BW13" s="71">
        <v>57</v>
      </c>
      <c r="BX13" s="71">
        <v>44</v>
      </c>
      <c r="BY13" s="71">
        <v>24</v>
      </c>
      <c r="BZ13" s="72">
        <v>279</v>
      </c>
      <c r="CA13" s="73">
        <v>385</v>
      </c>
      <c r="CB13" s="70">
        <v>0</v>
      </c>
      <c r="CC13" s="71">
        <v>0</v>
      </c>
      <c r="CD13" s="72">
        <v>0</v>
      </c>
      <c r="CE13" s="244"/>
      <c r="CF13" s="71">
        <v>0</v>
      </c>
      <c r="CG13" s="71">
        <v>0</v>
      </c>
      <c r="CH13" s="71">
        <v>0</v>
      </c>
      <c r="CI13" s="71">
        <v>0</v>
      </c>
      <c r="CJ13" s="71">
        <v>0</v>
      </c>
      <c r="CK13" s="72">
        <v>0</v>
      </c>
      <c r="CL13" s="73">
        <v>0</v>
      </c>
      <c r="CM13" s="70">
        <v>195</v>
      </c>
      <c r="CN13" s="71">
        <v>105</v>
      </c>
      <c r="CO13" s="72">
        <v>300</v>
      </c>
      <c r="CP13" s="244"/>
      <c r="CQ13" s="71">
        <v>209</v>
      </c>
      <c r="CR13" s="71">
        <v>145</v>
      </c>
      <c r="CS13" s="71">
        <v>117</v>
      </c>
      <c r="CT13" s="71">
        <v>99</v>
      </c>
      <c r="CU13" s="71">
        <v>45</v>
      </c>
      <c r="CV13" s="72">
        <v>615</v>
      </c>
      <c r="CW13" s="73">
        <v>915</v>
      </c>
      <c r="CX13" s="123">
        <v>32</v>
      </c>
      <c r="CY13" s="82">
        <v>19</v>
      </c>
      <c r="CZ13" s="83">
        <v>51</v>
      </c>
      <c r="DA13" s="241"/>
      <c r="DB13" s="82">
        <v>27</v>
      </c>
      <c r="DC13" s="82">
        <v>23</v>
      </c>
      <c r="DD13" s="82">
        <v>23</v>
      </c>
      <c r="DE13" s="82">
        <v>17</v>
      </c>
      <c r="DF13" s="82">
        <v>9</v>
      </c>
      <c r="DG13" s="84">
        <v>99</v>
      </c>
      <c r="DH13" s="85">
        <v>150</v>
      </c>
      <c r="DI13" s="70">
        <v>1</v>
      </c>
      <c r="DJ13" s="71">
        <v>0</v>
      </c>
      <c r="DK13" s="72">
        <v>1</v>
      </c>
      <c r="DL13" s="244"/>
      <c r="DM13" s="71">
        <v>0</v>
      </c>
      <c r="DN13" s="71">
        <v>0</v>
      </c>
      <c r="DO13" s="71">
        <v>1</v>
      </c>
      <c r="DP13" s="71">
        <v>0</v>
      </c>
      <c r="DQ13" s="71">
        <v>0</v>
      </c>
      <c r="DR13" s="72">
        <v>1</v>
      </c>
      <c r="DS13" s="73">
        <v>2</v>
      </c>
      <c r="DT13" s="70">
        <v>3</v>
      </c>
      <c r="DU13" s="71">
        <v>3</v>
      </c>
      <c r="DV13" s="72">
        <v>6</v>
      </c>
      <c r="DW13" s="244"/>
      <c r="DX13" s="71">
        <v>0</v>
      </c>
      <c r="DY13" s="71">
        <v>2</v>
      </c>
      <c r="DZ13" s="71">
        <v>1</v>
      </c>
      <c r="EA13" s="71">
        <v>0</v>
      </c>
      <c r="EB13" s="71">
        <v>0</v>
      </c>
      <c r="EC13" s="72">
        <v>3</v>
      </c>
      <c r="ED13" s="73">
        <v>9</v>
      </c>
      <c r="EE13" s="70">
        <v>7</v>
      </c>
      <c r="EF13" s="71">
        <v>2</v>
      </c>
      <c r="EG13" s="72">
        <v>9</v>
      </c>
      <c r="EH13" s="244"/>
      <c r="EI13" s="71">
        <v>1</v>
      </c>
      <c r="EJ13" s="71">
        <v>2</v>
      </c>
      <c r="EK13" s="71">
        <v>1</v>
      </c>
      <c r="EL13" s="71">
        <v>1</v>
      </c>
      <c r="EM13" s="71">
        <v>2</v>
      </c>
      <c r="EN13" s="72">
        <v>7</v>
      </c>
      <c r="EO13" s="73">
        <v>16</v>
      </c>
      <c r="EP13" s="70">
        <v>6</v>
      </c>
      <c r="EQ13" s="71">
        <v>3</v>
      </c>
      <c r="ER13" s="72">
        <v>9</v>
      </c>
      <c r="ES13" s="244"/>
      <c r="ET13" s="71">
        <v>9</v>
      </c>
      <c r="EU13" s="71">
        <v>1</v>
      </c>
      <c r="EV13" s="71">
        <v>2</v>
      </c>
      <c r="EW13" s="71">
        <v>1</v>
      </c>
      <c r="EX13" s="71">
        <v>0</v>
      </c>
      <c r="EY13" s="72">
        <v>13</v>
      </c>
      <c r="EZ13" s="73">
        <v>22</v>
      </c>
      <c r="FA13" s="70">
        <v>8</v>
      </c>
      <c r="FB13" s="71">
        <v>8</v>
      </c>
      <c r="FC13" s="72">
        <v>16</v>
      </c>
      <c r="FD13" s="244"/>
      <c r="FE13" s="71">
        <v>7</v>
      </c>
      <c r="FF13" s="71">
        <v>9</v>
      </c>
      <c r="FG13" s="71">
        <v>5</v>
      </c>
      <c r="FH13" s="71">
        <v>4</v>
      </c>
      <c r="FI13" s="71">
        <v>4</v>
      </c>
      <c r="FJ13" s="72">
        <v>29</v>
      </c>
      <c r="FK13" s="73">
        <v>45</v>
      </c>
      <c r="FL13" s="70">
        <v>7</v>
      </c>
      <c r="FM13" s="71">
        <v>3</v>
      </c>
      <c r="FN13" s="72">
        <v>10</v>
      </c>
      <c r="FO13" s="244"/>
      <c r="FP13" s="71">
        <v>10</v>
      </c>
      <c r="FQ13" s="71">
        <v>9</v>
      </c>
      <c r="FR13" s="71">
        <v>13</v>
      </c>
      <c r="FS13" s="71">
        <v>11</v>
      </c>
      <c r="FT13" s="71">
        <v>3</v>
      </c>
      <c r="FU13" s="72">
        <v>46</v>
      </c>
      <c r="FV13" s="73">
        <v>56</v>
      </c>
      <c r="FW13" s="70">
        <v>0</v>
      </c>
      <c r="FX13" s="71">
        <v>0</v>
      </c>
      <c r="FY13" s="72">
        <v>0</v>
      </c>
      <c r="FZ13" s="244"/>
      <c r="GA13" s="71">
        <v>0</v>
      </c>
      <c r="GB13" s="71">
        <v>0</v>
      </c>
      <c r="GC13" s="71">
        <v>0</v>
      </c>
      <c r="GD13" s="71">
        <v>0</v>
      </c>
      <c r="GE13" s="71">
        <v>0</v>
      </c>
      <c r="GF13" s="72">
        <v>0</v>
      </c>
      <c r="GG13" s="73">
        <v>0</v>
      </c>
      <c r="GH13" s="70">
        <v>32</v>
      </c>
      <c r="GI13" s="71">
        <v>19</v>
      </c>
      <c r="GJ13" s="72">
        <v>51</v>
      </c>
      <c r="GK13" s="244"/>
      <c r="GL13" s="71">
        <v>27</v>
      </c>
      <c r="GM13" s="71">
        <v>23</v>
      </c>
      <c r="GN13" s="71">
        <v>23</v>
      </c>
      <c r="GO13" s="71">
        <v>17</v>
      </c>
      <c r="GP13" s="71">
        <v>9</v>
      </c>
      <c r="GQ13" s="72">
        <v>99</v>
      </c>
      <c r="GR13" s="73">
        <v>150</v>
      </c>
      <c r="GS13" s="123">
        <v>227</v>
      </c>
      <c r="GT13" s="82">
        <v>124</v>
      </c>
      <c r="GU13" s="83">
        <v>351</v>
      </c>
      <c r="GV13" s="241"/>
      <c r="GW13" s="82">
        <v>236</v>
      </c>
      <c r="GX13" s="82">
        <v>168</v>
      </c>
      <c r="GY13" s="82">
        <v>140</v>
      </c>
      <c r="GZ13" s="82">
        <v>116</v>
      </c>
      <c r="HA13" s="82">
        <v>54</v>
      </c>
      <c r="HB13" s="84">
        <v>714</v>
      </c>
      <c r="HC13" s="85">
        <v>1065</v>
      </c>
      <c r="HD13" s="70">
        <v>2</v>
      </c>
      <c r="HE13" s="71">
        <v>0</v>
      </c>
      <c r="HF13" s="72">
        <v>2</v>
      </c>
      <c r="HG13" s="244"/>
      <c r="HH13" s="71">
        <v>0</v>
      </c>
      <c r="HI13" s="71">
        <v>2</v>
      </c>
      <c r="HJ13" s="71">
        <v>3</v>
      </c>
      <c r="HK13" s="71">
        <v>0</v>
      </c>
      <c r="HL13" s="71">
        <v>1</v>
      </c>
      <c r="HM13" s="72">
        <v>6</v>
      </c>
      <c r="HN13" s="73">
        <v>8</v>
      </c>
      <c r="HO13" s="70">
        <v>9</v>
      </c>
      <c r="HP13" s="71">
        <v>5</v>
      </c>
      <c r="HQ13" s="72">
        <v>14</v>
      </c>
      <c r="HR13" s="244"/>
      <c r="HS13" s="71">
        <v>3</v>
      </c>
      <c r="HT13" s="71">
        <v>7</v>
      </c>
      <c r="HU13" s="71">
        <v>2</v>
      </c>
      <c r="HV13" s="71">
        <v>1</v>
      </c>
      <c r="HW13" s="71">
        <v>1</v>
      </c>
      <c r="HX13" s="72">
        <v>14</v>
      </c>
      <c r="HY13" s="73">
        <v>28</v>
      </c>
      <c r="HZ13" s="70">
        <v>21</v>
      </c>
      <c r="IA13" s="71">
        <v>7</v>
      </c>
      <c r="IB13" s="72">
        <v>28</v>
      </c>
      <c r="IC13" s="244"/>
      <c r="ID13" s="71">
        <v>13</v>
      </c>
      <c r="IE13" s="71">
        <v>10</v>
      </c>
      <c r="IF13" s="71">
        <v>10</v>
      </c>
      <c r="IG13" s="71">
        <v>10</v>
      </c>
      <c r="IH13" s="71">
        <v>9</v>
      </c>
      <c r="II13" s="72">
        <v>52</v>
      </c>
      <c r="IJ13" s="73">
        <v>80</v>
      </c>
      <c r="IK13" s="70">
        <v>41</v>
      </c>
      <c r="IL13" s="71">
        <v>23</v>
      </c>
      <c r="IM13" s="72">
        <v>64</v>
      </c>
      <c r="IN13" s="244"/>
      <c r="IO13" s="71">
        <v>38</v>
      </c>
      <c r="IP13" s="71">
        <v>23</v>
      </c>
      <c r="IQ13" s="71">
        <v>15</v>
      </c>
      <c r="IR13" s="71">
        <v>12</v>
      </c>
      <c r="IS13" s="71">
        <v>5</v>
      </c>
      <c r="IT13" s="72">
        <v>93</v>
      </c>
      <c r="IU13" s="73">
        <v>157</v>
      </c>
      <c r="IV13" s="70">
        <v>80</v>
      </c>
      <c r="IW13" s="71">
        <v>47</v>
      </c>
      <c r="IX13" s="72">
        <v>127</v>
      </c>
      <c r="IY13" s="244"/>
      <c r="IZ13" s="71">
        <v>85</v>
      </c>
      <c r="JA13" s="71">
        <v>50</v>
      </c>
      <c r="JB13" s="71">
        <v>40</v>
      </c>
      <c r="JC13" s="71">
        <v>38</v>
      </c>
      <c r="JD13" s="71">
        <v>11</v>
      </c>
      <c r="JE13" s="72">
        <v>224</v>
      </c>
      <c r="JF13" s="73">
        <v>351</v>
      </c>
      <c r="JG13" s="70">
        <v>74</v>
      </c>
      <c r="JH13" s="71">
        <v>42</v>
      </c>
      <c r="JI13" s="72">
        <v>116</v>
      </c>
      <c r="JJ13" s="244"/>
      <c r="JK13" s="71">
        <v>97</v>
      </c>
      <c r="JL13" s="71">
        <v>76</v>
      </c>
      <c r="JM13" s="71">
        <v>70</v>
      </c>
      <c r="JN13" s="71">
        <v>55</v>
      </c>
      <c r="JO13" s="71">
        <v>27</v>
      </c>
      <c r="JP13" s="72">
        <v>325</v>
      </c>
      <c r="JQ13" s="73">
        <v>441</v>
      </c>
      <c r="JR13" s="70">
        <v>0</v>
      </c>
      <c r="JS13" s="71">
        <v>0</v>
      </c>
      <c r="JT13" s="72">
        <v>0</v>
      </c>
      <c r="JU13" s="244"/>
      <c r="JV13" s="71">
        <v>0</v>
      </c>
      <c r="JW13" s="71">
        <v>0</v>
      </c>
      <c r="JX13" s="71">
        <v>0</v>
      </c>
      <c r="JY13" s="71">
        <v>0</v>
      </c>
      <c r="JZ13" s="71">
        <v>0</v>
      </c>
      <c r="KA13" s="72">
        <v>0</v>
      </c>
      <c r="KB13" s="73">
        <v>0</v>
      </c>
      <c r="KC13" s="70">
        <v>227</v>
      </c>
      <c r="KD13" s="71">
        <v>124</v>
      </c>
      <c r="KE13" s="72">
        <v>351</v>
      </c>
      <c r="KF13" s="244"/>
      <c r="KG13" s="71">
        <v>236</v>
      </c>
      <c r="KH13" s="71">
        <v>168</v>
      </c>
      <c r="KI13" s="71">
        <v>140</v>
      </c>
      <c r="KJ13" s="71">
        <v>116</v>
      </c>
      <c r="KK13" s="71">
        <v>54</v>
      </c>
      <c r="KL13" s="72">
        <v>714</v>
      </c>
      <c r="KM13" s="73">
        <v>1065</v>
      </c>
    </row>
    <row r="14" spans="2:299" ht="21" customHeight="1" x14ac:dyDescent="0.2">
      <c r="B14" s="126" t="s">
        <v>10</v>
      </c>
      <c r="C14" s="313">
        <v>342</v>
      </c>
      <c r="D14" s="82">
        <v>194</v>
      </c>
      <c r="E14" s="83">
        <v>536</v>
      </c>
      <c r="F14" s="241"/>
      <c r="G14" s="82">
        <v>346</v>
      </c>
      <c r="H14" s="82">
        <v>190</v>
      </c>
      <c r="I14" s="82">
        <v>127</v>
      </c>
      <c r="J14" s="82">
        <v>132</v>
      </c>
      <c r="K14" s="82">
        <v>80</v>
      </c>
      <c r="L14" s="84">
        <v>875</v>
      </c>
      <c r="M14" s="85">
        <v>1411</v>
      </c>
      <c r="N14" s="70">
        <v>1</v>
      </c>
      <c r="O14" s="71">
        <v>3</v>
      </c>
      <c r="P14" s="72">
        <v>4</v>
      </c>
      <c r="Q14" s="244"/>
      <c r="R14" s="71">
        <v>4</v>
      </c>
      <c r="S14" s="71">
        <v>5</v>
      </c>
      <c r="T14" s="71">
        <v>1</v>
      </c>
      <c r="U14" s="71">
        <v>1</v>
      </c>
      <c r="V14" s="71">
        <v>2</v>
      </c>
      <c r="W14" s="72">
        <v>13</v>
      </c>
      <c r="X14" s="73">
        <v>17</v>
      </c>
      <c r="Y14" s="70">
        <v>11</v>
      </c>
      <c r="Z14" s="71">
        <v>6</v>
      </c>
      <c r="AA14" s="72">
        <v>17</v>
      </c>
      <c r="AB14" s="244"/>
      <c r="AC14" s="71">
        <v>14</v>
      </c>
      <c r="AD14" s="71">
        <v>10</v>
      </c>
      <c r="AE14" s="71">
        <v>3</v>
      </c>
      <c r="AF14" s="71">
        <v>7</v>
      </c>
      <c r="AG14" s="71">
        <v>2</v>
      </c>
      <c r="AH14" s="72">
        <v>36</v>
      </c>
      <c r="AI14" s="73">
        <v>53</v>
      </c>
      <c r="AJ14" s="70">
        <v>27</v>
      </c>
      <c r="AK14" s="71">
        <v>15</v>
      </c>
      <c r="AL14" s="72">
        <v>42</v>
      </c>
      <c r="AM14" s="244"/>
      <c r="AN14" s="71">
        <v>21</v>
      </c>
      <c r="AO14" s="71">
        <v>13</v>
      </c>
      <c r="AP14" s="71">
        <v>10</v>
      </c>
      <c r="AQ14" s="71">
        <v>9</v>
      </c>
      <c r="AR14" s="71">
        <v>8</v>
      </c>
      <c r="AS14" s="72">
        <v>61</v>
      </c>
      <c r="AT14" s="73">
        <v>103</v>
      </c>
      <c r="AU14" s="70">
        <v>70</v>
      </c>
      <c r="AV14" s="71">
        <v>45</v>
      </c>
      <c r="AW14" s="72">
        <v>115</v>
      </c>
      <c r="AX14" s="244"/>
      <c r="AY14" s="71">
        <v>73</v>
      </c>
      <c r="AZ14" s="71">
        <v>28</v>
      </c>
      <c r="BA14" s="71">
        <v>13</v>
      </c>
      <c r="BB14" s="71">
        <v>11</v>
      </c>
      <c r="BC14" s="71">
        <v>18</v>
      </c>
      <c r="BD14" s="72">
        <v>143</v>
      </c>
      <c r="BE14" s="73">
        <v>258</v>
      </c>
      <c r="BF14" s="70">
        <v>144</v>
      </c>
      <c r="BG14" s="71">
        <v>73</v>
      </c>
      <c r="BH14" s="72">
        <v>217</v>
      </c>
      <c r="BI14" s="244"/>
      <c r="BJ14" s="71">
        <v>121</v>
      </c>
      <c r="BK14" s="71">
        <v>47</v>
      </c>
      <c r="BL14" s="71">
        <v>35</v>
      </c>
      <c r="BM14" s="71">
        <v>42</v>
      </c>
      <c r="BN14" s="71">
        <v>22</v>
      </c>
      <c r="BO14" s="72">
        <v>267</v>
      </c>
      <c r="BP14" s="73">
        <v>484</v>
      </c>
      <c r="BQ14" s="70">
        <v>89</v>
      </c>
      <c r="BR14" s="71">
        <v>52</v>
      </c>
      <c r="BS14" s="72">
        <v>141</v>
      </c>
      <c r="BT14" s="244"/>
      <c r="BU14" s="71">
        <v>113</v>
      </c>
      <c r="BV14" s="71">
        <v>87</v>
      </c>
      <c r="BW14" s="71">
        <v>65</v>
      </c>
      <c r="BX14" s="71">
        <v>62</v>
      </c>
      <c r="BY14" s="71">
        <v>28</v>
      </c>
      <c r="BZ14" s="72">
        <v>355</v>
      </c>
      <c r="CA14" s="73">
        <v>496</v>
      </c>
      <c r="CB14" s="70">
        <v>0</v>
      </c>
      <c r="CC14" s="71">
        <v>0</v>
      </c>
      <c r="CD14" s="72">
        <v>0</v>
      </c>
      <c r="CE14" s="244"/>
      <c r="CF14" s="71">
        <v>0</v>
      </c>
      <c r="CG14" s="71">
        <v>0</v>
      </c>
      <c r="CH14" s="71">
        <v>0</v>
      </c>
      <c r="CI14" s="71">
        <v>0</v>
      </c>
      <c r="CJ14" s="71">
        <v>0</v>
      </c>
      <c r="CK14" s="72">
        <v>0</v>
      </c>
      <c r="CL14" s="73">
        <v>0</v>
      </c>
      <c r="CM14" s="70">
        <v>342</v>
      </c>
      <c r="CN14" s="71">
        <v>194</v>
      </c>
      <c r="CO14" s="72">
        <v>536</v>
      </c>
      <c r="CP14" s="244"/>
      <c r="CQ14" s="71">
        <v>346</v>
      </c>
      <c r="CR14" s="71">
        <v>190</v>
      </c>
      <c r="CS14" s="71">
        <v>127</v>
      </c>
      <c r="CT14" s="71">
        <v>132</v>
      </c>
      <c r="CU14" s="71">
        <v>80</v>
      </c>
      <c r="CV14" s="72">
        <v>875</v>
      </c>
      <c r="CW14" s="73">
        <v>1411</v>
      </c>
      <c r="CX14" s="123">
        <v>46</v>
      </c>
      <c r="CY14" s="82">
        <v>30</v>
      </c>
      <c r="CZ14" s="83">
        <v>76</v>
      </c>
      <c r="DA14" s="241"/>
      <c r="DB14" s="82">
        <v>54</v>
      </c>
      <c r="DC14" s="82">
        <v>20</v>
      </c>
      <c r="DD14" s="82">
        <v>16</v>
      </c>
      <c r="DE14" s="82">
        <v>20</v>
      </c>
      <c r="DF14" s="82">
        <v>14</v>
      </c>
      <c r="DG14" s="84">
        <v>124</v>
      </c>
      <c r="DH14" s="85">
        <v>200</v>
      </c>
      <c r="DI14" s="70">
        <v>0</v>
      </c>
      <c r="DJ14" s="71">
        <v>2</v>
      </c>
      <c r="DK14" s="72">
        <v>2</v>
      </c>
      <c r="DL14" s="244"/>
      <c r="DM14" s="71">
        <v>1</v>
      </c>
      <c r="DN14" s="71">
        <v>0</v>
      </c>
      <c r="DO14" s="71">
        <v>0</v>
      </c>
      <c r="DP14" s="71">
        <v>0</v>
      </c>
      <c r="DQ14" s="71">
        <v>0</v>
      </c>
      <c r="DR14" s="72">
        <v>1</v>
      </c>
      <c r="DS14" s="73">
        <v>3</v>
      </c>
      <c r="DT14" s="70">
        <v>3</v>
      </c>
      <c r="DU14" s="71">
        <v>0</v>
      </c>
      <c r="DV14" s="72">
        <v>3</v>
      </c>
      <c r="DW14" s="244"/>
      <c r="DX14" s="71">
        <v>0</v>
      </c>
      <c r="DY14" s="71">
        <v>0</v>
      </c>
      <c r="DZ14" s="71">
        <v>1</v>
      </c>
      <c r="EA14" s="71">
        <v>0</v>
      </c>
      <c r="EB14" s="71">
        <v>0</v>
      </c>
      <c r="EC14" s="72">
        <v>1</v>
      </c>
      <c r="ED14" s="73">
        <v>4</v>
      </c>
      <c r="EE14" s="70">
        <v>2</v>
      </c>
      <c r="EF14" s="71">
        <v>0</v>
      </c>
      <c r="EG14" s="72">
        <v>2</v>
      </c>
      <c r="EH14" s="244"/>
      <c r="EI14" s="71">
        <v>3</v>
      </c>
      <c r="EJ14" s="71">
        <v>3</v>
      </c>
      <c r="EK14" s="71">
        <v>1</v>
      </c>
      <c r="EL14" s="71">
        <v>0</v>
      </c>
      <c r="EM14" s="71">
        <v>0</v>
      </c>
      <c r="EN14" s="72">
        <v>7</v>
      </c>
      <c r="EO14" s="73">
        <v>9</v>
      </c>
      <c r="EP14" s="70">
        <v>10</v>
      </c>
      <c r="EQ14" s="71">
        <v>6</v>
      </c>
      <c r="ER14" s="72">
        <v>16</v>
      </c>
      <c r="ES14" s="244"/>
      <c r="ET14" s="71">
        <v>12</v>
      </c>
      <c r="EU14" s="71">
        <v>4</v>
      </c>
      <c r="EV14" s="71">
        <v>2</v>
      </c>
      <c r="EW14" s="71">
        <v>3</v>
      </c>
      <c r="EX14" s="71">
        <v>1</v>
      </c>
      <c r="EY14" s="72">
        <v>22</v>
      </c>
      <c r="EZ14" s="73">
        <v>38</v>
      </c>
      <c r="FA14" s="70">
        <v>19</v>
      </c>
      <c r="FB14" s="71">
        <v>12</v>
      </c>
      <c r="FC14" s="72">
        <v>31</v>
      </c>
      <c r="FD14" s="244"/>
      <c r="FE14" s="71">
        <v>14</v>
      </c>
      <c r="FF14" s="71">
        <v>4</v>
      </c>
      <c r="FG14" s="71">
        <v>2</v>
      </c>
      <c r="FH14" s="71">
        <v>3</v>
      </c>
      <c r="FI14" s="71">
        <v>5</v>
      </c>
      <c r="FJ14" s="72">
        <v>28</v>
      </c>
      <c r="FK14" s="73">
        <v>59</v>
      </c>
      <c r="FL14" s="70">
        <v>12</v>
      </c>
      <c r="FM14" s="71">
        <v>10</v>
      </c>
      <c r="FN14" s="72">
        <v>22</v>
      </c>
      <c r="FO14" s="244"/>
      <c r="FP14" s="71">
        <v>24</v>
      </c>
      <c r="FQ14" s="71">
        <v>9</v>
      </c>
      <c r="FR14" s="71">
        <v>10</v>
      </c>
      <c r="FS14" s="71">
        <v>14</v>
      </c>
      <c r="FT14" s="71">
        <v>8</v>
      </c>
      <c r="FU14" s="72">
        <v>65</v>
      </c>
      <c r="FV14" s="73">
        <v>87</v>
      </c>
      <c r="FW14" s="70">
        <v>0</v>
      </c>
      <c r="FX14" s="71">
        <v>0</v>
      </c>
      <c r="FY14" s="72">
        <v>0</v>
      </c>
      <c r="FZ14" s="244"/>
      <c r="GA14" s="71">
        <v>0</v>
      </c>
      <c r="GB14" s="71">
        <v>0</v>
      </c>
      <c r="GC14" s="71">
        <v>0</v>
      </c>
      <c r="GD14" s="71">
        <v>0</v>
      </c>
      <c r="GE14" s="71">
        <v>0</v>
      </c>
      <c r="GF14" s="72">
        <v>0</v>
      </c>
      <c r="GG14" s="73">
        <v>0</v>
      </c>
      <c r="GH14" s="70">
        <v>46</v>
      </c>
      <c r="GI14" s="71">
        <v>30</v>
      </c>
      <c r="GJ14" s="72">
        <v>76</v>
      </c>
      <c r="GK14" s="244"/>
      <c r="GL14" s="71">
        <v>54</v>
      </c>
      <c r="GM14" s="71">
        <v>20</v>
      </c>
      <c r="GN14" s="71">
        <v>16</v>
      </c>
      <c r="GO14" s="71">
        <v>20</v>
      </c>
      <c r="GP14" s="71">
        <v>14</v>
      </c>
      <c r="GQ14" s="72">
        <v>124</v>
      </c>
      <c r="GR14" s="73">
        <v>200</v>
      </c>
      <c r="GS14" s="123">
        <v>388</v>
      </c>
      <c r="GT14" s="82">
        <v>224</v>
      </c>
      <c r="GU14" s="83">
        <v>612</v>
      </c>
      <c r="GV14" s="241"/>
      <c r="GW14" s="82">
        <v>400</v>
      </c>
      <c r="GX14" s="82">
        <v>210</v>
      </c>
      <c r="GY14" s="82">
        <v>143</v>
      </c>
      <c r="GZ14" s="82">
        <v>152</v>
      </c>
      <c r="HA14" s="82">
        <v>94</v>
      </c>
      <c r="HB14" s="84">
        <v>999</v>
      </c>
      <c r="HC14" s="85">
        <v>1611</v>
      </c>
      <c r="HD14" s="70">
        <v>1</v>
      </c>
      <c r="HE14" s="71">
        <v>5</v>
      </c>
      <c r="HF14" s="72">
        <v>6</v>
      </c>
      <c r="HG14" s="244"/>
      <c r="HH14" s="71">
        <v>5</v>
      </c>
      <c r="HI14" s="71">
        <v>5</v>
      </c>
      <c r="HJ14" s="71">
        <v>1</v>
      </c>
      <c r="HK14" s="71">
        <v>1</v>
      </c>
      <c r="HL14" s="71">
        <v>2</v>
      </c>
      <c r="HM14" s="72">
        <v>14</v>
      </c>
      <c r="HN14" s="73">
        <v>20</v>
      </c>
      <c r="HO14" s="70">
        <v>14</v>
      </c>
      <c r="HP14" s="71">
        <v>6</v>
      </c>
      <c r="HQ14" s="72">
        <v>20</v>
      </c>
      <c r="HR14" s="244"/>
      <c r="HS14" s="71">
        <v>14</v>
      </c>
      <c r="HT14" s="71">
        <v>10</v>
      </c>
      <c r="HU14" s="71">
        <v>4</v>
      </c>
      <c r="HV14" s="71">
        <v>7</v>
      </c>
      <c r="HW14" s="71">
        <v>2</v>
      </c>
      <c r="HX14" s="72">
        <v>37</v>
      </c>
      <c r="HY14" s="73">
        <v>57</v>
      </c>
      <c r="HZ14" s="70">
        <v>29</v>
      </c>
      <c r="IA14" s="71">
        <v>15</v>
      </c>
      <c r="IB14" s="72">
        <v>44</v>
      </c>
      <c r="IC14" s="244"/>
      <c r="ID14" s="71">
        <v>24</v>
      </c>
      <c r="IE14" s="71">
        <v>16</v>
      </c>
      <c r="IF14" s="71">
        <v>11</v>
      </c>
      <c r="IG14" s="71">
        <v>9</v>
      </c>
      <c r="IH14" s="71">
        <v>8</v>
      </c>
      <c r="II14" s="72">
        <v>68</v>
      </c>
      <c r="IJ14" s="73">
        <v>112</v>
      </c>
      <c r="IK14" s="70">
        <v>80</v>
      </c>
      <c r="IL14" s="71">
        <v>51</v>
      </c>
      <c r="IM14" s="72">
        <v>131</v>
      </c>
      <c r="IN14" s="244"/>
      <c r="IO14" s="71">
        <v>85</v>
      </c>
      <c r="IP14" s="71">
        <v>32</v>
      </c>
      <c r="IQ14" s="71">
        <v>15</v>
      </c>
      <c r="IR14" s="71">
        <v>14</v>
      </c>
      <c r="IS14" s="71">
        <v>19</v>
      </c>
      <c r="IT14" s="72">
        <v>165</v>
      </c>
      <c r="IU14" s="73">
        <v>296</v>
      </c>
      <c r="IV14" s="70">
        <v>163</v>
      </c>
      <c r="IW14" s="71">
        <v>85</v>
      </c>
      <c r="IX14" s="72">
        <v>248</v>
      </c>
      <c r="IY14" s="244"/>
      <c r="IZ14" s="71">
        <v>135</v>
      </c>
      <c r="JA14" s="71">
        <v>51</v>
      </c>
      <c r="JB14" s="71">
        <v>37</v>
      </c>
      <c r="JC14" s="71">
        <v>45</v>
      </c>
      <c r="JD14" s="71">
        <v>27</v>
      </c>
      <c r="JE14" s="72">
        <v>295</v>
      </c>
      <c r="JF14" s="73">
        <v>543</v>
      </c>
      <c r="JG14" s="70">
        <v>101</v>
      </c>
      <c r="JH14" s="71">
        <v>62</v>
      </c>
      <c r="JI14" s="72">
        <v>163</v>
      </c>
      <c r="JJ14" s="244"/>
      <c r="JK14" s="71">
        <v>137</v>
      </c>
      <c r="JL14" s="71">
        <v>96</v>
      </c>
      <c r="JM14" s="71">
        <v>75</v>
      </c>
      <c r="JN14" s="71">
        <v>76</v>
      </c>
      <c r="JO14" s="71">
        <v>36</v>
      </c>
      <c r="JP14" s="72">
        <v>420</v>
      </c>
      <c r="JQ14" s="73">
        <v>583</v>
      </c>
      <c r="JR14" s="70">
        <v>0</v>
      </c>
      <c r="JS14" s="71">
        <v>0</v>
      </c>
      <c r="JT14" s="72">
        <v>0</v>
      </c>
      <c r="JU14" s="244"/>
      <c r="JV14" s="71">
        <v>0</v>
      </c>
      <c r="JW14" s="71">
        <v>0</v>
      </c>
      <c r="JX14" s="71">
        <v>0</v>
      </c>
      <c r="JY14" s="71">
        <v>0</v>
      </c>
      <c r="JZ14" s="71">
        <v>0</v>
      </c>
      <c r="KA14" s="72">
        <v>0</v>
      </c>
      <c r="KB14" s="73">
        <v>0</v>
      </c>
      <c r="KC14" s="70">
        <v>388</v>
      </c>
      <c r="KD14" s="71">
        <v>224</v>
      </c>
      <c r="KE14" s="72">
        <v>612</v>
      </c>
      <c r="KF14" s="244"/>
      <c r="KG14" s="71">
        <v>400</v>
      </c>
      <c r="KH14" s="71">
        <v>210</v>
      </c>
      <c r="KI14" s="71">
        <v>143</v>
      </c>
      <c r="KJ14" s="71">
        <v>152</v>
      </c>
      <c r="KK14" s="71">
        <v>94</v>
      </c>
      <c r="KL14" s="72">
        <v>999</v>
      </c>
      <c r="KM14" s="73">
        <v>1611</v>
      </c>
    </row>
    <row r="15" spans="2:299" ht="21" customHeight="1" x14ac:dyDescent="0.2">
      <c r="B15" s="126" t="s">
        <v>11</v>
      </c>
      <c r="C15" s="313">
        <v>91</v>
      </c>
      <c r="D15" s="82">
        <v>64</v>
      </c>
      <c r="E15" s="83">
        <v>155</v>
      </c>
      <c r="F15" s="241"/>
      <c r="G15" s="82">
        <v>128</v>
      </c>
      <c r="H15" s="82">
        <v>83</v>
      </c>
      <c r="I15" s="82">
        <v>67</v>
      </c>
      <c r="J15" s="82">
        <v>66</v>
      </c>
      <c r="K15" s="82">
        <v>25</v>
      </c>
      <c r="L15" s="84">
        <v>369</v>
      </c>
      <c r="M15" s="85">
        <v>524</v>
      </c>
      <c r="N15" s="70">
        <v>2</v>
      </c>
      <c r="O15" s="71">
        <v>1</v>
      </c>
      <c r="P15" s="72">
        <v>3</v>
      </c>
      <c r="Q15" s="244"/>
      <c r="R15" s="71">
        <v>2</v>
      </c>
      <c r="S15" s="71">
        <v>2</v>
      </c>
      <c r="T15" s="71">
        <v>1</v>
      </c>
      <c r="U15" s="71">
        <v>2</v>
      </c>
      <c r="V15" s="71">
        <v>0</v>
      </c>
      <c r="W15" s="72">
        <v>7</v>
      </c>
      <c r="X15" s="73">
        <v>10</v>
      </c>
      <c r="Y15" s="70">
        <v>7</v>
      </c>
      <c r="Z15" s="71">
        <v>6</v>
      </c>
      <c r="AA15" s="72">
        <v>13</v>
      </c>
      <c r="AB15" s="244"/>
      <c r="AC15" s="71">
        <v>8</v>
      </c>
      <c r="AD15" s="71">
        <v>2</v>
      </c>
      <c r="AE15" s="71">
        <v>9</v>
      </c>
      <c r="AF15" s="71">
        <v>4</v>
      </c>
      <c r="AG15" s="71">
        <v>3</v>
      </c>
      <c r="AH15" s="72">
        <v>26</v>
      </c>
      <c r="AI15" s="73">
        <v>39</v>
      </c>
      <c r="AJ15" s="70">
        <v>5</v>
      </c>
      <c r="AK15" s="71">
        <v>4</v>
      </c>
      <c r="AL15" s="72">
        <v>9</v>
      </c>
      <c r="AM15" s="244"/>
      <c r="AN15" s="71">
        <v>7</v>
      </c>
      <c r="AO15" s="71">
        <v>8</v>
      </c>
      <c r="AP15" s="71">
        <v>8</v>
      </c>
      <c r="AQ15" s="71">
        <v>6</v>
      </c>
      <c r="AR15" s="71">
        <v>1</v>
      </c>
      <c r="AS15" s="72">
        <v>30</v>
      </c>
      <c r="AT15" s="73">
        <v>39</v>
      </c>
      <c r="AU15" s="70">
        <v>9</v>
      </c>
      <c r="AV15" s="71">
        <v>12</v>
      </c>
      <c r="AW15" s="72">
        <v>21</v>
      </c>
      <c r="AX15" s="244"/>
      <c r="AY15" s="71">
        <v>27</v>
      </c>
      <c r="AZ15" s="71">
        <v>15</v>
      </c>
      <c r="BA15" s="71">
        <v>9</v>
      </c>
      <c r="BB15" s="71">
        <v>7</v>
      </c>
      <c r="BC15" s="71">
        <v>8</v>
      </c>
      <c r="BD15" s="72">
        <v>66</v>
      </c>
      <c r="BE15" s="73">
        <v>87</v>
      </c>
      <c r="BF15" s="70">
        <v>35</v>
      </c>
      <c r="BG15" s="71">
        <v>22</v>
      </c>
      <c r="BH15" s="72">
        <v>57</v>
      </c>
      <c r="BI15" s="244"/>
      <c r="BJ15" s="71">
        <v>37</v>
      </c>
      <c r="BK15" s="71">
        <v>27</v>
      </c>
      <c r="BL15" s="71">
        <v>15</v>
      </c>
      <c r="BM15" s="71">
        <v>25</v>
      </c>
      <c r="BN15" s="71">
        <v>7</v>
      </c>
      <c r="BO15" s="72">
        <v>111</v>
      </c>
      <c r="BP15" s="73">
        <v>168</v>
      </c>
      <c r="BQ15" s="70">
        <v>33</v>
      </c>
      <c r="BR15" s="71">
        <v>19</v>
      </c>
      <c r="BS15" s="72">
        <v>52</v>
      </c>
      <c r="BT15" s="244"/>
      <c r="BU15" s="71">
        <v>47</v>
      </c>
      <c r="BV15" s="71">
        <v>29</v>
      </c>
      <c r="BW15" s="71">
        <v>25</v>
      </c>
      <c r="BX15" s="71">
        <v>22</v>
      </c>
      <c r="BY15" s="71">
        <v>6</v>
      </c>
      <c r="BZ15" s="72">
        <v>129</v>
      </c>
      <c r="CA15" s="73">
        <v>181</v>
      </c>
      <c r="CB15" s="70">
        <v>0</v>
      </c>
      <c r="CC15" s="71">
        <v>0</v>
      </c>
      <c r="CD15" s="72">
        <v>0</v>
      </c>
      <c r="CE15" s="244"/>
      <c r="CF15" s="71">
        <v>0</v>
      </c>
      <c r="CG15" s="71">
        <v>0</v>
      </c>
      <c r="CH15" s="71">
        <v>0</v>
      </c>
      <c r="CI15" s="71">
        <v>0</v>
      </c>
      <c r="CJ15" s="71">
        <v>0</v>
      </c>
      <c r="CK15" s="72">
        <v>0</v>
      </c>
      <c r="CL15" s="73">
        <v>0</v>
      </c>
      <c r="CM15" s="70">
        <v>91</v>
      </c>
      <c r="CN15" s="71">
        <v>64</v>
      </c>
      <c r="CO15" s="72">
        <v>155</v>
      </c>
      <c r="CP15" s="244"/>
      <c r="CQ15" s="71">
        <v>128</v>
      </c>
      <c r="CR15" s="71">
        <v>83</v>
      </c>
      <c r="CS15" s="71">
        <v>67</v>
      </c>
      <c r="CT15" s="71">
        <v>66</v>
      </c>
      <c r="CU15" s="71">
        <v>25</v>
      </c>
      <c r="CV15" s="72">
        <v>369</v>
      </c>
      <c r="CW15" s="73">
        <v>524</v>
      </c>
      <c r="CX15" s="123">
        <v>14</v>
      </c>
      <c r="CY15" s="82">
        <v>11</v>
      </c>
      <c r="CZ15" s="83">
        <v>25</v>
      </c>
      <c r="DA15" s="241"/>
      <c r="DB15" s="82">
        <v>14</v>
      </c>
      <c r="DC15" s="82">
        <v>18</v>
      </c>
      <c r="DD15" s="82">
        <v>6</v>
      </c>
      <c r="DE15" s="82">
        <v>17</v>
      </c>
      <c r="DF15" s="82">
        <v>11</v>
      </c>
      <c r="DG15" s="84">
        <v>66</v>
      </c>
      <c r="DH15" s="85">
        <v>91</v>
      </c>
      <c r="DI15" s="70">
        <v>0</v>
      </c>
      <c r="DJ15" s="71">
        <v>0</v>
      </c>
      <c r="DK15" s="72">
        <v>0</v>
      </c>
      <c r="DL15" s="244"/>
      <c r="DM15" s="71">
        <v>0</v>
      </c>
      <c r="DN15" s="71">
        <v>0</v>
      </c>
      <c r="DO15" s="71">
        <v>0</v>
      </c>
      <c r="DP15" s="71">
        <v>0</v>
      </c>
      <c r="DQ15" s="71">
        <v>0</v>
      </c>
      <c r="DR15" s="72">
        <v>0</v>
      </c>
      <c r="DS15" s="73">
        <v>0</v>
      </c>
      <c r="DT15" s="70">
        <v>0</v>
      </c>
      <c r="DU15" s="71">
        <v>1</v>
      </c>
      <c r="DV15" s="72">
        <v>1</v>
      </c>
      <c r="DW15" s="244"/>
      <c r="DX15" s="71">
        <v>1</v>
      </c>
      <c r="DY15" s="71">
        <v>0</v>
      </c>
      <c r="DZ15" s="71">
        <v>0</v>
      </c>
      <c r="EA15" s="71">
        <v>1</v>
      </c>
      <c r="EB15" s="71">
        <v>0</v>
      </c>
      <c r="EC15" s="72">
        <v>2</v>
      </c>
      <c r="ED15" s="73">
        <v>3</v>
      </c>
      <c r="EE15" s="70">
        <v>1</v>
      </c>
      <c r="EF15" s="71">
        <v>0</v>
      </c>
      <c r="EG15" s="72">
        <v>1</v>
      </c>
      <c r="EH15" s="244"/>
      <c r="EI15" s="71">
        <v>1</v>
      </c>
      <c r="EJ15" s="71">
        <v>3</v>
      </c>
      <c r="EK15" s="71">
        <v>0</v>
      </c>
      <c r="EL15" s="71">
        <v>0</v>
      </c>
      <c r="EM15" s="71">
        <v>1</v>
      </c>
      <c r="EN15" s="72">
        <v>5</v>
      </c>
      <c r="EO15" s="73">
        <v>6</v>
      </c>
      <c r="EP15" s="70">
        <v>4</v>
      </c>
      <c r="EQ15" s="71">
        <v>1</v>
      </c>
      <c r="ER15" s="72">
        <v>5</v>
      </c>
      <c r="ES15" s="244"/>
      <c r="ET15" s="71">
        <v>2</v>
      </c>
      <c r="EU15" s="71">
        <v>4</v>
      </c>
      <c r="EV15" s="71">
        <v>0</v>
      </c>
      <c r="EW15" s="71">
        <v>0</v>
      </c>
      <c r="EX15" s="71">
        <v>1</v>
      </c>
      <c r="EY15" s="72">
        <v>7</v>
      </c>
      <c r="EZ15" s="73">
        <v>12</v>
      </c>
      <c r="FA15" s="70">
        <v>4</v>
      </c>
      <c r="FB15" s="71">
        <v>7</v>
      </c>
      <c r="FC15" s="72">
        <v>11</v>
      </c>
      <c r="FD15" s="244"/>
      <c r="FE15" s="71">
        <v>7</v>
      </c>
      <c r="FF15" s="71">
        <v>6</v>
      </c>
      <c r="FG15" s="71">
        <v>1</v>
      </c>
      <c r="FH15" s="71">
        <v>6</v>
      </c>
      <c r="FI15" s="71">
        <v>2</v>
      </c>
      <c r="FJ15" s="72">
        <v>22</v>
      </c>
      <c r="FK15" s="73">
        <v>33</v>
      </c>
      <c r="FL15" s="70">
        <v>5</v>
      </c>
      <c r="FM15" s="71">
        <v>2</v>
      </c>
      <c r="FN15" s="72">
        <v>7</v>
      </c>
      <c r="FO15" s="244"/>
      <c r="FP15" s="71">
        <v>3</v>
      </c>
      <c r="FQ15" s="71">
        <v>5</v>
      </c>
      <c r="FR15" s="71">
        <v>5</v>
      </c>
      <c r="FS15" s="71">
        <v>10</v>
      </c>
      <c r="FT15" s="71">
        <v>7</v>
      </c>
      <c r="FU15" s="72">
        <v>30</v>
      </c>
      <c r="FV15" s="73">
        <v>37</v>
      </c>
      <c r="FW15" s="70">
        <v>0</v>
      </c>
      <c r="FX15" s="71">
        <v>0</v>
      </c>
      <c r="FY15" s="72">
        <v>0</v>
      </c>
      <c r="FZ15" s="244"/>
      <c r="GA15" s="71">
        <v>0</v>
      </c>
      <c r="GB15" s="71">
        <v>0</v>
      </c>
      <c r="GC15" s="71">
        <v>0</v>
      </c>
      <c r="GD15" s="71">
        <v>0</v>
      </c>
      <c r="GE15" s="71">
        <v>0</v>
      </c>
      <c r="GF15" s="72">
        <v>0</v>
      </c>
      <c r="GG15" s="73">
        <v>0</v>
      </c>
      <c r="GH15" s="70">
        <v>14</v>
      </c>
      <c r="GI15" s="71">
        <v>11</v>
      </c>
      <c r="GJ15" s="72">
        <v>25</v>
      </c>
      <c r="GK15" s="244"/>
      <c r="GL15" s="71">
        <v>14</v>
      </c>
      <c r="GM15" s="71">
        <v>18</v>
      </c>
      <c r="GN15" s="71">
        <v>6</v>
      </c>
      <c r="GO15" s="71">
        <v>17</v>
      </c>
      <c r="GP15" s="71">
        <v>11</v>
      </c>
      <c r="GQ15" s="72">
        <v>66</v>
      </c>
      <c r="GR15" s="73">
        <v>91</v>
      </c>
      <c r="GS15" s="123">
        <v>105</v>
      </c>
      <c r="GT15" s="82">
        <v>75</v>
      </c>
      <c r="GU15" s="83">
        <v>180</v>
      </c>
      <c r="GV15" s="241"/>
      <c r="GW15" s="82">
        <v>142</v>
      </c>
      <c r="GX15" s="82">
        <v>101</v>
      </c>
      <c r="GY15" s="82">
        <v>73</v>
      </c>
      <c r="GZ15" s="82">
        <v>83</v>
      </c>
      <c r="HA15" s="82">
        <v>36</v>
      </c>
      <c r="HB15" s="84">
        <v>435</v>
      </c>
      <c r="HC15" s="85">
        <v>615</v>
      </c>
      <c r="HD15" s="70">
        <v>2</v>
      </c>
      <c r="HE15" s="71">
        <v>1</v>
      </c>
      <c r="HF15" s="72">
        <v>3</v>
      </c>
      <c r="HG15" s="244"/>
      <c r="HH15" s="71">
        <v>2</v>
      </c>
      <c r="HI15" s="71">
        <v>2</v>
      </c>
      <c r="HJ15" s="71">
        <v>1</v>
      </c>
      <c r="HK15" s="71">
        <v>2</v>
      </c>
      <c r="HL15" s="71">
        <v>0</v>
      </c>
      <c r="HM15" s="72">
        <v>7</v>
      </c>
      <c r="HN15" s="73">
        <v>10</v>
      </c>
      <c r="HO15" s="70">
        <v>7</v>
      </c>
      <c r="HP15" s="71">
        <v>7</v>
      </c>
      <c r="HQ15" s="72">
        <v>14</v>
      </c>
      <c r="HR15" s="244"/>
      <c r="HS15" s="71">
        <v>9</v>
      </c>
      <c r="HT15" s="71">
        <v>2</v>
      </c>
      <c r="HU15" s="71">
        <v>9</v>
      </c>
      <c r="HV15" s="71">
        <v>5</v>
      </c>
      <c r="HW15" s="71">
        <v>3</v>
      </c>
      <c r="HX15" s="72">
        <v>28</v>
      </c>
      <c r="HY15" s="73">
        <v>42</v>
      </c>
      <c r="HZ15" s="70">
        <v>6</v>
      </c>
      <c r="IA15" s="71">
        <v>4</v>
      </c>
      <c r="IB15" s="72">
        <v>10</v>
      </c>
      <c r="IC15" s="244"/>
      <c r="ID15" s="71">
        <v>8</v>
      </c>
      <c r="IE15" s="71">
        <v>11</v>
      </c>
      <c r="IF15" s="71">
        <v>8</v>
      </c>
      <c r="IG15" s="71">
        <v>6</v>
      </c>
      <c r="IH15" s="71">
        <v>2</v>
      </c>
      <c r="II15" s="72">
        <v>35</v>
      </c>
      <c r="IJ15" s="73">
        <v>45</v>
      </c>
      <c r="IK15" s="70">
        <v>13</v>
      </c>
      <c r="IL15" s="71">
        <v>13</v>
      </c>
      <c r="IM15" s="72">
        <v>26</v>
      </c>
      <c r="IN15" s="244"/>
      <c r="IO15" s="71">
        <v>29</v>
      </c>
      <c r="IP15" s="71">
        <v>19</v>
      </c>
      <c r="IQ15" s="71">
        <v>9</v>
      </c>
      <c r="IR15" s="71">
        <v>7</v>
      </c>
      <c r="IS15" s="71">
        <v>9</v>
      </c>
      <c r="IT15" s="72">
        <v>73</v>
      </c>
      <c r="IU15" s="73">
        <v>99</v>
      </c>
      <c r="IV15" s="70">
        <v>39</v>
      </c>
      <c r="IW15" s="71">
        <v>29</v>
      </c>
      <c r="IX15" s="72">
        <v>68</v>
      </c>
      <c r="IY15" s="244"/>
      <c r="IZ15" s="71">
        <v>44</v>
      </c>
      <c r="JA15" s="71">
        <v>33</v>
      </c>
      <c r="JB15" s="71">
        <v>16</v>
      </c>
      <c r="JC15" s="71">
        <v>31</v>
      </c>
      <c r="JD15" s="71">
        <v>9</v>
      </c>
      <c r="JE15" s="72">
        <v>133</v>
      </c>
      <c r="JF15" s="73">
        <v>201</v>
      </c>
      <c r="JG15" s="70">
        <v>38</v>
      </c>
      <c r="JH15" s="71">
        <v>21</v>
      </c>
      <c r="JI15" s="72">
        <v>59</v>
      </c>
      <c r="JJ15" s="244"/>
      <c r="JK15" s="71">
        <v>50</v>
      </c>
      <c r="JL15" s="71">
        <v>34</v>
      </c>
      <c r="JM15" s="71">
        <v>30</v>
      </c>
      <c r="JN15" s="71">
        <v>32</v>
      </c>
      <c r="JO15" s="71">
        <v>13</v>
      </c>
      <c r="JP15" s="72">
        <v>159</v>
      </c>
      <c r="JQ15" s="73">
        <v>218</v>
      </c>
      <c r="JR15" s="70">
        <v>0</v>
      </c>
      <c r="JS15" s="71">
        <v>0</v>
      </c>
      <c r="JT15" s="72">
        <v>0</v>
      </c>
      <c r="JU15" s="244"/>
      <c r="JV15" s="71">
        <v>0</v>
      </c>
      <c r="JW15" s="71">
        <v>0</v>
      </c>
      <c r="JX15" s="71">
        <v>0</v>
      </c>
      <c r="JY15" s="71">
        <v>0</v>
      </c>
      <c r="JZ15" s="71">
        <v>0</v>
      </c>
      <c r="KA15" s="72">
        <v>0</v>
      </c>
      <c r="KB15" s="73">
        <v>0</v>
      </c>
      <c r="KC15" s="70">
        <v>105</v>
      </c>
      <c r="KD15" s="71">
        <v>75</v>
      </c>
      <c r="KE15" s="72">
        <v>180</v>
      </c>
      <c r="KF15" s="244"/>
      <c r="KG15" s="71">
        <v>142</v>
      </c>
      <c r="KH15" s="71">
        <v>101</v>
      </c>
      <c r="KI15" s="71">
        <v>73</v>
      </c>
      <c r="KJ15" s="71">
        <v>83</v>
      </c>
      <c r="KK15" s="71">
        <v>36</v>
      </c>
      <c r="KL15" s="72">
        <v>435</v>
      </c>
      <c r="KM15" s="73">
        <v>615</v>
      </c>
    </row>
    <row r="16" spans="2:299" ht="21" customHeight="1" x14ac:dyDescent="0.2">
      <c r="B16" s="126" t="s">
        <v>12</v>
      </c>
      <c r="C16" s="313">
        <v>155</v>
      </c>
      <c r="D16" s="82">
        <v>160</v>
      </c>
      <c r="E16" s="83">
        <v>315</v>
      </c>
      <c r="F16" s="241"/>
      <c r="G16" s="82">
        <v>151</v>
      </c>
      <c r="H16" s="82">
        <v>133</v>
      </c>
      <c r="I16" s="82">
        <v>83</v>
      </c>
      <c r="J16" s="82">
        <v>101</v>
      </c>
      <c r="K16" s="82">
        <v>34</v>
      </c>
      <c r="L16" s="84">
        <v>502</v>
      </c>
      <c r="M16" s="85">
        <v>817</v>
      </c>
      <c r="N16" s="86">
        <v>5</v>
      </c>
      <c r="O16" s="71">
        <v>1</v>
      </c>
      <c r="P16" s="72">
        <v>6</v>
      </c>
      <c r="Q16" s="244"/>
      <c r="R16" s="71">
        <v>2</v>
      </c>
      <c r="S16" s="71">
        <v>1</v>
      </c>
      <c r="T16" s="71">
        <v>2</v>
      </c>
      <c r="U16" s="71">
        <v>2</v>
      </c>
      <c r="V16" s="71">
        <v>1</v>
      </c>
      <c r="W16" s="72">
        <v>8</v>
      </c>
      <c r="X16" s="73">
        <v>14</v>
      </c>
      <c r="Y16" s="70">
        <v>3</v>
      </c>
      <c r="Z16" s="71">
        <v>14</v>
      </c>
      <c r="AA16" s="72">
        <v>17</v>
      </c>
      <c r="AB16" s="244"/>
      <c r="AC16" s="71">
        <v>8</v>
      </c>
      <c r="AD16" s="71">
        <v>2</v>
      </c>
      <c r="AE16" s="71">
        <v>4</v>
      </c>
      <c r="AF16" s="71">
        <v>2</v>
      </c>
      <c r="AG16" s="71">
        <v>1</v>
      </c>
      <c r="AH16" s="72">
        <v>17</v>
      </c>
      <c r="AI16" s="73">
        <v>34</v>
      </c>
      <c r="AJ16" s="86">
        <v>10</v>
      </c>
      <c r="AK16" s="71">
        <v>17</v>
      </c>
      <c r="AL16" s="72">
        <v>27</v>
      </c>
      <c r="AM16" s="244"/>
      <c r="AN16" s="71">
        <v>7</v>
      </c>
      <c r="AO16" s="71">
        <v>8</v>
      </c>
      <c r="AP16" s="71">
        <v>8</v>
      </c>
      <c r="AQ16" s="71">
        <v>9</v>
      </c>
      <c r="AR16" s="71">
        <v>3</v>
      </c>
      <c r="AS16" s="72">
        <v>35</v>
      </c>
      <c r="AT16" s="73">
        <v>62</v>
      </c>
      <c r="AU16" s="70">
        <v>41</v>
      </c>
      <c r="AV16" s="71">
        <v>24</v>
      </c>
      <c r="AW16" s="72">
        <v>65</v>
      </c>
      <c r="AX16" s="244"/>
      <c r="AY16" s="71">
        <v>35</v>
      </c>
      <c r="AZ16" s="71">
        <v>23</v>
      </c>
      <c r="BA16" s="71">
        <v>10</v>
      </c>
      <c r="BB16" s="71">
        <v>17</v>
      </c>
      <c r="BC16" s="71">
        <v>7</v>
      </c>
      <c r="BD16" s="72">
        <v>92</v>
      </c>
      <c r="BE16" s="73">
        <v>157</v>
      </c>
      <c r="BF16" s="86">
        <v>53</v>
      </c>
      <c r="BG16" s="71">
        <v>40</v>
      </c>
      <c r="BH16" s="72">
        <v>93</v>
      </c>
      <c r="BI16" s="244"/>
      <c r="BJ16" s="71">
        <v>47</v>
      </c>
      <c r="BK16" s="71">
        <v>41</v>
      </c>
      <c r="BL16" s="71">
        <v>33</v>
      </c>
      <c r="BM16" s="71">
        <v>27</v>
      </c>
      <c r="BN16" s="71">
        <v>16</v>
      </c>
      <c r="BO16" s="72">
        <v>164</v>
      </c>
      <c r="BP16" s="73">
        <v>257</v>
      </c>
      <c r="BQ16" s="70">
        <v>43</v>
      </c>
      <c r="BR16" s="71">
        <v>64</v>
      </c>
      <c r="BS16" s="72">
        <v>107</v>
      </c>
      <c r="BT16" s="244"/>
      <c r="BU16" s="71">
        <v>52</v>
      </c>
      <c r="BV16" s="71">
        <v>58</v>
      </c>
      <c r="BW16" s="71">
        <v>26</v>
      </c>
      <c r="BX16" s="71">
        <v>44</v>
      </c>
      <c r="BY16" s="71">
        <v>6</v>
      </c>
      <c r="BZ16" s="72">
        <v>186</v>
      </c>
      <c r="CA16" s="73">
        <v>293</v>
      </c>
      <c r="CB16" s="70">
        <v>0</v>
      </c>
      <c r="CC16" s="71">
        <v>0</v>
      </c>
      <c r="CD16" s="72">
        <v>0</v>
      </c>
      <c r="CE16" s="244"/>
      <c r="CF16" s="71">
        <v>0</v>
      </c>
      <c r="CG16" s="71">
        <v>0</v>
      </c>
      <c r="CH16" s="71">
        <v>0</v>
      </c>
      <c r="CI16" s="71">
        <v>0</v>
      </c>
      <c r="CJ16" s="71">
        <v>0</v>
      </c>
      <c r="CK16" s="72">
        <v>0</v>
      </c>
      <c r="CL16" s="73">
        <v>0</v>
      </c>
      <c r="CM16" s="70">
        <v>155</v>
      </c>
      <c r="CN16" s="71">
        <v>160</v>
      </c>
      <c r="CO16" s="72">
        <v>315</v>
      </c>
      <c r="CP16" s="244"/>
      <c r="CQ16" s="71">
        <v>151</v>
      </c>
      <c r="CR16" s="71">
        <v>133</v>
      </c>
      <c r="CS16" s="71">
        <v>83</v>
      </c>
      <c r="CT16" s="71">
        <v>101</v>
      </c>
      <c r="CU16" s="71">
        <v>34</v>
      </c>
      <c r="CV16" s="72">
        <v>502</v>
      </c>
      <c r="CW16" s="73">
        <v>817</v>
      </c>
      <c r="CX16" s="123">
        <v>13</v>
      </c>
      <c r="CY16" s="82">
        <v>20</v>
      </c>
      <c r="CZ16" s="83">
        <v>33</v>
      </c>
      <c r="DA16" s="241"/>
      <c r="DB16" s="82">
        <v>23</v>
      </c>
      <c r="DC16" s="82">
        <v>7</v>
      </c>
      <c r="DD16" s="82">
        <v>10</v>
      </c>
      <c r="DE16" s="82">
        <v>16</v>
      </c>
      <c r="DF16" s="82">
        <v>8</v>
      </c>
      <c r="DG16" s="84">
        <v>64</v>
      </c>
      <c r="DH16" s="85">
        <v>97</v>
      </c>
      <c r="DI16" s="86">
        <v>1</v>
      </c>
      <c r="DJ16" s="71">
        <v>0</v>
      </c>
      <c r="DK16" s="72">
        <v>1</v>
      </c>
      <c r="DL16" s="244"/>
      <c r="DM16" s="71">
        <v>0</v>
      </c>
      <c r="DN16" s="71">
        <v>0</v>
      </c>
      <c r="DO16" s="71">
        <v>0</v>
      </c>
      <c r="DP16" s="71">
        <v>0</v>
      </c>
      <c r="DQ16" s="71">
        <v>0</v>
      </c>
      <c r="DR16" s="72">
        <v>0</v>
      </c>
      <c r="DS16" s="73">
        <v>1</v>
      </c>
      <c r="DT16" s="70">
        <v>0</v>
      </c>
      <c r="DU16" s="71">
        <v>1</v>
      </c>
      <c r="DV16" s="72">
        <v>1</v>
      </c>
      <c r="DW16" s="244"/>
      <c r="DX16" s="71">
        <v>0</v>
      </c>
      <c r="DY16" s="71">
        <v>0</v>
      </c>
      <c r="DZ16" s="71">
        <v>1</v>
      </c>
      <c r="EA16" s="71">
        <v>0</v>
      </c>
      <c r="EB16" s="71">
        <v>0</v>
      </c>
      <c r="EC16" s="72">
        <v>1</v>
      </c>
      <c r="ED16" s="73">
        <v>2</v>
      </c>
      <c r="EE16" s="86">
        <v>1</v>
      </c>
      <c r="EF16" s="71">
        <v>2</v>
      </c>
      <c r="EG16" s="72">
        <v>3</v>
      </c>
      <c r="EH16" s="244"/>
      <c r="EI16" s="71">
        <v>5</v>
      </c>
      <c r="EJ16" s="71">
        <v>0</v>
      </c>
      <c r="EK16" s="71">
        <v>2</v>
      </c>
      <c r="EL16" s="71">
        <v>1</v>
      </c>
      <c r="EM16" s="71">
        <v>0</v>
      </c>
      <c r="EN16" s="72">
        <v>8</v>
      </c>
      <c r="EO16" s="73">
        <v>11</v>
      </c>
      <c r="EP16" s="70">
        <v>6</v>
      </c>
      <c r="EQ16" s="71">
        <v>4</v>
      </c>
      <c r="ER16" s="72">
        <v>10</v>
      </c>
      <c r="ES16" s="244"/>
      <c r="ET16" s="71">
        <v>3</v>
      </c>
      <c r="EU16" s="71">
        <v>1</v>
      </c>
      <c r="EV16" s="71">
        <v>1</v>
      </c>
      <c r="EW16" s="71">
        <v>1</v>
      </c>
      <c r="EX16" s="71">
        <v>0</v>
      </c>
      <c r="EY16" s="72">
        <v>6</v>
      </c>
      <c r="EZ16" s="73">
        <v>16</v>
      </c>
      <c r="FA16" s="86">
        <v>0</v>
      </c>
      <c r="FB16" s="71">
        <v>11</v>
      </c>
      <c r="FC16" s="72">
        <v>11</v>
      </c>
      <c r="FD16" s="244"/>
      <c r="FE16" s="71">
        <v>4</v>
      </c>
      <c r="FF16" s="71">
        <v>2</v>
      </c>
      <c r="FG16" s="71">
        <v>2</v>
      </c>
      <c r="FH16" s="71">
        <v>1</v>
      </c>
      <c r="FI16" s="71">
        <v>2</v>
      </c>
      <c r="FJ16" s="72">
        <v>11</v>
      </c>
      <c r="FK16" s="73">
        <v>22</v>
      </c>
      <c r="FL16" s="70">
        <v>5</v>
      </c>
      <c r="FM16" s="71">
        <v>2</v>
      </c>
      <c r="FN16" s="72">
        <v>7</v>
      </c>
      <c r="FO16" s="244"/>
      <c r="FP16" s="71">
        <v>11</v>
      </c>
      <c r="FQ16" s="71">
        <v>4</v>
      </c>
      <c r="FR16" s="71">
        <v>4</v>
      </c>
      <c r="FS16" s="71">
        <v>13</v>
      </c>
      <c r="FT16" s="71">
        <v>6</v>
      </c>
      <c r="FU16" s="72">
        <v>38</v>
      </c>
      <c r="FV16" s="73">
        <v>45</v>
      </c>
      <c r="FW16" s="70">
        <v>0</v>
      </c>
      <c r="FX16" s="71">
        <v>0</v>
      </c>
      <c r="FY16" s="72">
        <v>0</v>
      </c>
      <c r="FZ16" s="244"/>
      <c r="GA16" s="71">
        <v>0</v>
      </c>
      <c r="GB16" s="71">
        <v>0</v>
      </c>
      <c r="GC16" s="71">
        <v>0</v>
      </c>
      <c r="GD16" s="71">
        <v>0</v>
      </c>
      <c r="GE16" s="71">
        <v>0</v>
      </c>
      <c r="GF16" s="72">
        <v>0</v>
      </c>
      <c r="GG16" s="73">
        <v>0</v>
      </c>
      <c r="GH16" s="70">
        <v>13</v>
      </c>
      <c r="GI16" s="71">
        <v>20</v>
      </c>
      <c r="GJ16" s="72">
        <v>33</v>
      </c>
      <c r="GK16" s="244"/>
      <c r="GL16" s="71">
        <v>23</v>
      </c>
      <c r="GM16" s="71">
        <v>7</v>
      </c>
      <c r="GN16" s="71">
        <v>10</v>
      </c>
      <c r="GO16" s="71">
        <v>16</v>
      </c>
      <c r="GP16" s="71">
        <v>8</v>
      </c>
      <c r="GQ16" s="72">
        <v>64</v>
      </c>
      <c r="GR16" s="73">
        <v>97</v>
      </c>
      <c r="GS16" s="123">
        <v>168</v>
      </c>
      <c r="GT16" s="82">
        <v>180</v>
      </c>
      <c r="GU16" s="83">
        <v>348</v>
      </c>
      <c r="GV16" s="241"/>
      <c r="GW16" s="82">
        <v>174</v>
      </c>
      <c r="GX16" s="82">
        <v>140</v>
      </c>
      <c r="GY16" s="82">
        <v>93</v>
      </c>
      <c r="GZ16" s="82">
        <v>117</v>
      </c>
      <c r="HA16" s="82">
        <v>42</v>
      </c>
      <c r="HB16" s="84">
        <v>566</v>
      </c>
      <c r="HC16" s="85">
        <v>914</v>
      </c>
      <c r="HD16" s="86">
        <v>6</v>
      </c>
      <c r="HE16" s="71">
        <v>1</v>
      </c>
      <c r="HF16" s="72">
        <v>7</v>
      </c>
      <c r="HG16" s="244"/>
      <c r="HH16" s="71">
        <v>2</v>
      </c>
      <c r="HI16" s="71">
        <v>1</v>
      </c>
      <c r="HJ16" s="71">
        <v>2</v>
      </c>
      <c r="HK16" s="71">
        <v>2</v>
      </c>
      <c r="HL16" s="71">
        <v>1</v>
      </c>
      <c r="HM16" s="72">
        <v>8</v>
      </c>
      <c r="HN16" s="73">
        <v>15</v>
      </c>
      <c r="HO16" s="70">
        <v>3</v>
      </c>
      <c r="HP16" s="71">
        <v>15</v>
      </c>
      <c r="HQ16" s="72">
        <v>18</v>
      </c>
      <c r="HR16" s="244"/>
      <c r="HS16" s="71">
        <v>8</v>
      </c>
      <c r="HT16" s="71">
        <v>2</v>
      </c>
      <c r="HU16" s="71">
        <v>5</v>
      </c>
      <c r="HV16" s="71">
        <v>2</v>
      </c>
      <c r="HW16" s="71">
        <v>1</v>
      </c>
      <c r="HX16" s="72">
        <v>18</v>
      </c>
      <c r="HY16" s="73">
        <v>36</v>
      </c>
      <c r="HZ16" s="86">
        <v>11</v>
      </c>
      <c r="IA16" s="71">
        <v>19</v>
      </c>
      <c r="IB16" s="72">
        <v>30</v>
      </c>
      <c r="IC16" s="244"/>
      <c r="ID16" s="71">
        <v>12</v>
      </c>
      <c r="IE16" s="71">
        <v>8</v>
      </c>
      <c r="IF16" s="71">
        <v>10</v>
      </c>
      <c r="IG16" s="71">
        <v>10</v>
      </c>
      <c r="IH16" s="71">
        <v>3</v>
      </c>
      <c r="II16" s="72">
        <v>43</v>
      </c>
      <c r="IJ16" s="73">
        <v>73</v>
      </c>
      <c r="IK16" s="70">
        <v>47</v>
      </c>
      <c r="IL16" s="71">
        <v>28</v>
      </c>
      <c r="IM16" s="72">
        <v>75</v>
      </c>
      <c r="IN16" s="244"/>
      <c r="IO16" s="71">
        <v>38</v>
      </c>
      <c r="IP16" s="71">
        <v>24</v>
      </c>
      <c r="IQ16" s="71">
        <v>11</v>
      </c>
      <c r="IR16" s="71">
        <v>18</v>
      </c>
      <c r="IS16" s="71">
        <v>7</v>
      </c>
      <c r="IT16" s="72">
        <v>98</v>
      </c>
      <c r="IU16" s="73">
        <v>173</v>
      </c>
      <c r="IV16" s="86">
        <v>53</v>
      </c>
      <c r="IW16" s="71">
        <v>51</v>
      </c>
      <c r="IX16" s="72">
        <v>104</v>
      </c>
      <c r="IY16" s="244"/>
      <c r="IZ16" s="71">
        <v>51</v>
      </c>
      <c r="JA16" s="71">
        <v>43</v>
      </c>
      <c r="JB16" s="71">
        <v>35</v>
      </c>
      <c r="JC16" s="71">
        <v>28</v>
      </c>
      <c r="JD16" s="71">
        <v>18</v>
      </c>
      <c r="JE16" s="72">
        <v>175</v>
      </c>
      <c r="JF16" s="73">
        <v>279</v>
      </c>
      <c r="JG16" s="70">
        <v>48</v>
      </c>
      <c r="JH16" s="71">
        <v>66</v>
      </c>
      <c r="JI16" s="72">
        <v>114</v>
      </c>
      <c r="JJ16" s="244"/>
      <c r="JK16" s="71">
        <v>63</v>
      </c>
      <c r="JL16" s="71">
        <v>62</v>
      </c>
      <c r="JM16" s="71">
        <v>30</v>
      </c>
      <c r="JN16" s="71">
        <v>57</v>
      </c>
      <c r="JO16" s="71">
        <v>12</v>
      </c>
      <c r="JP16" s="72">
        <v>224</v>
      </c>
      <c r="JQ16" s="73">
        <v>338</v>
      </c>
      <c r="JR16" s="70">
        <v>0</v>
      </c>
      <c r="JS16" s="71">
        <v>0</v>
      </c>
      <c r="JT16" s="72">
        <v>0</v>
      </c>
      <c r="JU16" s="244"/>
      <c r="JV16" s="71">
        <v>0</v>
      </c>
      <c r="JW16" s="71">
        <v>0</v>
      </c>
      <c r="JX16" s="71">
        <v>0</v>
      </c>
      <c r="JY16" s="71">
        <v>0</v>
      </c>
      <c r="JZ16" s="71">
        <v>0</v>
      </c>
      <c r="KA16" s="72">
        <v>0</v>
      </c>
      <c r="KB16" s="73">
        <v>0</v>
      </c>
      <c r="KC16" s="70">
        <v>168</v>
      </c>
      <c r="KD16" s="71">
        <v>180</v>
      </c>
      <c r="KE16" s="72">
        <v>348</v>
      </c>
      <c r="KF16" s="244"/>
      <c r="KG16" s="71">
        <v>174</v>
      </c>
      <c r="KH16" s="71">
        <v>140</v>
      </c>
      <c r="KI16" s="71">
        <v>93</v>
      </c>
      <c r="KJ16" s="71">
        <v>117</v>
      </c>
      <c r="KK16" s="71">
        <v>42</v>
      </c>
      <c r="KL16" s="72">
        <v>566</v>
      </c>
      <c r="KM16" s="73">
        <v>914</v>
      </c>
    </row>
    <row r="17" spans="2:299" ht="21" customHeight="1" x14ac:dyDescent="0.2">
      <c r="B17" s="126" t="s">
        <v>13</v>
      </c>
      <c r="C17" s="313">
        <v>46</v>
      </c>
      <c r="D17" s="82">
        <v>50</v>
      </c>
      <c r="E17" s="83">
        <v>96</v>
      </c>
      <c r="F17" s="241"/>
      <c r="G17" s="82">
        <v>80</v>
      </c>
      <c r="H17" s="82">
        <v>69</v>
      </c>
      <c r="I17" s="82">
        <v>44</v>
      </c>
      <c r="J17" s="82">
        <v>40</v>
      </c>
      <c r="K17" s="82">
        <v>25</v>
      </c>
      <c r="L17" s="84">
        <v>258</v>
      </c>
      <c r="M17" s="85">
        <v>354</v>
      </c>
      <c r="N17" s="70">
        <v>0</v>
      </c>
      <c r="O17" s="71">
        <v>0</v>
      </c>
      <c r="P17" s="72">
        <v>0</v>
      </c>
      <c r="Q17" s="244"/>
      <c r="R17" s="71">
        <v>1</v>
      </c>
      <c r="S17" s="71">
        <v>1</v>
      </c>
      <c r="T17" s="71">
        <v>0</v>
      </c>
      <c r="U17" s="71">
        <v>0</v>
      </c>
      <c r="V17" s="71">
        <v>0</v>
      </c>
      <c r="W17" s="72">
        <v>2</v>
      </c>
      <c r="X17" s="73">
        <v>2</v>
      </c>
      <c r="Y17" s="70">
        <v>2</v>
      </c>
      <c r="Z17" s="71">
        <v>1</v>
      </c>
      <c r="AA17" s="72">
        <v>3</v>
      </c>
      <c r="AB17" s="244"/>
      <c r="AC17" s="71">
        <v>7</v>
      </c>
      <c r="AD17" s="71">
        <v>1</v>
      </c>
      <c r="AE17" s="71">
        <v>1</v>
      </c>
      <c r="AF17" s="71">
        <v>1</v>
      </c>
      <c r="AG17" s="71">
        <v>3</v>
      </c>
      <c r="AH17" s="72">
        <v>13</v>
      </c>
      <c r="AI17" s="73">
        <v>16</v>
      </c>
      <c r="AJ17" s="70">
        <v>6</v>
      </c>
      <c r="AK17" s="71">
        <v>3</v>
      </c>
      <c r="AL17" s="72">
        <v>9</v>
      </c>
      <c r="AM17" s="244"/>
      <c r="AN17" s="71">
        <v>4</v>
      </c>
      <c r="AO17" s="71">
        <v>6</v>
      </c>
      <c r="AP17" s="71">
        <v>4</v>
      </c>
      <c r="AQ17" s="71">
        <v>1</v>
      </c>
      <c r="AR17" s="71">
        <v>2</v>
      </c>
      <c r="AS17" s="72">
        <v>17</v>
      </c>
      <c r="AT17" s="73">
        <v>26</v>
      </c>
      <c r="AU17" s="70">
        <v>5</v>
      </c>
      <c r="AV17" s="71">
        <v>14</v>
      </c>
      <c r="AW17" s="72">
        <v>19</v>
      </c>
      <c r="AX17" s="244"/>
      <c r="AY17" s="71">
        <v>14</v>
      </c>
      <c r="AZ17" s="71">
        <v>11</v>
      </c>
      <c r="BA17" s="71">
        <v>6</v>
      </c>
      <c r="BB17" s="71">
        <v>9</v>
      </c>
      <c r="BC17" s="71">
        <v>6</v>
      </c>
      <c r="BD17" s="72">
        <v>46</v>
      </c>
      <c r="BE17" s="73">
        <v>65</v>
      </c>
      <c r="BF17" s="70">
        <v>20</v>
      </c>
      <c r="BG17" s="71">
        <v>22</v>
      </c>
      <c r="BH17" s="72">
        <v>42</v>
      </c>
      <c r="BI17" s="244"/>
      <c r="BJ17" s="71">
        <v>25</v>
      </c>
      <c r="BK17" s="71">
        <v>20</v>
      </c>
      <c r="BL17" s="71">
        <v>20</v>
      </c>
      <c r="BM17" s="71">
        <v>18</v>
      </c>
      <c r="BN17" s="71">
        <v>5</v>
      </c>
      <c r="BO17" s="72">
        <v>88</v>
      </c>
      <c r="BP17" s="73">
        <v>130</v>
      </c>
      <c r="BQ17" s="70">
        <v>13</v>
      </c>
      <c r="BR17" s="71">
        <v>10</v>
      </c>
      <c r="BS17" s="72">
        <v>23</v>
      </c>
      <c r="BT17" s="244"/>
      <c r="BU17" s="71">
        <v>29</v>
      </c>
      <c r="BV17" s="71">
        <v>30</v>
      </c>
      <c r="BW17" s="71">
        <v>13</v>
      </c>
      <c r="BX17" s="71">
        <v>11</v>
      </c>
      <c r="BY17" s="71">
        <v>9</v>
      </c>
      <c r="BZ17" s="72">
        <v>92</v>
      </c>
      <c r="CA17" s="73">
        <v>115</v>
      </c>
      <c r="CB17" s="70">
        <v>0</v>
      </c>
      <c r="CC17" s="71">
        <v>0</v>
      </c>
      <c r="CD17" s="72">
        <v>0</v>
      </c>
      <c r="CE17" s="244"/>
      <c r="CF17" s="71">
        <v>0</v>
      </c>
      <c r="CG17" s="71">
        <v>0</v>
      </c>
      <c r="CH17" s="71">
        <v>0</v>
      </c>
      <c r="CI17" s="71">
        <v>0</v>
      </c>
      <c r="CJ17" s="71">
        <v>0</v>
      </c>
      <c r="CK17" s="72">
        <v>0</v>
      </c>
      <c r="CL17" s="73">
        <v>0</v>
      </c>
      <c r="CM17" s="70">
        <v>46</v>
      </c>
      <c r="CN17" s="71">
        <v>50</v>
      </c>
      <c r="CO17" s="72">
        <v>96</v>
      </c>
      <c r="CP17" s="244"/>
      <c r="CQ17" s="71">
        <v>80</v>
      </c>
      <c r="CR17" s="71">
        <v>69</v>
      </c>
      <c r="CS17" s="71">
        <v>44</v>
      </c>
      <c r="CT17" s="71">
        <v>40</v>
      </c>
      <c r="CU17" s="71">
        <v>25</v>
      </c>
      <c r="CV17" s="72">
        <v>258</v>
      </c>
      <c r="CW17" s="73">
        <v>354</v>
      </c>
      <c r="CX17" s="123">
        <v>9</v>
      </c>
      <c r="CY17" s="82">
        <v>6</v>
      </c>
      <c r="CZ17" s="83">
        <v>15</v>
      </c>
      <c r="DA17" s="241"/>
      <c r="DB17" s="82">
        <v>12</v>
      </c>
      <c r="DC17" s="82">
        <v>5</v>
      </c>
      <c r="DD17" s="82">
        <v>4</v>
      </c>
      <c r="DE17" s="82">
        <v>6</v>
      </c>
      <c r="DF17" s="82">
        <v>2</v>
      </c>
      <c r="DG17" s="84">
        <v>29</v>
      </c>
      <c r="DH17" s="85">
        <v>44</v>
      </c>
      <c r="DI17" s="70">
        <v>0</v>
      </c>
      <c r="DJ17" s="71">
        <v>0</v>
      </c>
      <c r="DK17" s="72">
        <v>0</v>
      </c>
      <c r="DL17" s="244"/>
      <c r="DM17" s="71">
        <v>0</v>
      </c>
      <c r="DN17" s="71">
        <v>0</v>
      </c>
      <c r="DO17" s="71">
        <v>0</v>
      </c>
      <c r="DP17" s="71">
        <v>1</v>
      </c>
      <c r="DQ17" s="71">
        <v>1</v>
      </c>
      <c r="DR17" s="72">
        <v>2</v>
      </c>
      <c r="DS17" s="73">
        <v>2</v>
      </c>
      <c r="DT17" s="70">
        <v>0</v>
      </c>
      <c r="DU17" s="71">
        <v>0</v>
      </c>
      <c r="DV17" s="72">
        <v>0</v>
      </c>
      <c r="DW17" s="244"/>
      <c r="DX17" s="71">
        <v>0</v>
      </c>
      <c r="DY17" s="71">
        <v>0</v>
      </c>
      <c r="DZ17" s="71">
        <v>0</v>
      </c>
      <c r="EA17" s="71">
        <v>0</v>
      </c>
      <c r="EB17" s="71">
        <v>0</v>
      </c>
      <c r="EC17" s="72">
        <v>0</v>
      </c>
      <c r="ED17" s="73">
        <v>0</v>
      </c>
      <c r="EE17" s="70">
        <v>2</v>
      </c>
      <c r="EF17" s="71">
        <v>0</v>
      </c>
      <c r="EG17" s="72">
        <v>2</v>
      </c>
      <c r="EH17" s="244"/>
      <c r="EI17" s="71">
        <v>2</v>
      </c>
      <c r="EJ17" s="71">
        <v>0</v>
      </c>
      <c r="EK17" s="71">
        <v>0</v>
      </c>
      <c r="EL17" s="71">
        <v>0</v>
      </c>
      <c r="EM17" s="71">
        <v>0</v>
      </c>
      <c r="EN17" s="72">
        <v>2</v>
      </c>
      <c r="EO17" s="73">
        <v>4</v>
      </c>
      <c r="EP17" s="70">
        <v>2</v>
      </c>
      <c r="EQ17" s="71">
        <v>2</v>
      </c>
      <c r="ER17" s="72">
        <v>4</v>
      </c>
      <c r="ES17" s="244"/>
      <c r="ET17" s="71">
        <v>2</v>
      </c>
      <c r="EU17" s="71">
        <v>1</v>
      </c>
      <c r="EV17" s="71">
        <v>0</v>
      </c>
      <c r="EW17" s="71">
        <v>0</v>
      </c>
      <c r="EX17" s="71">
        <v>0</v>
      </c>
      <c r="EY17" s="72">
        <v>3</v>
      </c>
      <c r="EZ17" s="73">
        <v>7</v>
      </c>
      <c r="FA17" s="70">
        <v>3</v>
      </c>
      <c r="FB17" s="71">
        <v>1</v>
      </c>
      <c r="FC17" s="72">
        <v>4</v>
      </c>
      <c r="FD17" s="244"/>
      <c r="FE17" s="71">
        <v>4</v>
      </c>
      <c r="FF17" s="71">
        <v>0</v>
      </c>
      <c r="FG17" s="71">
        <v>2</v>
      </c>
      <c r="FH17" s="71">
        <v>1</v>
      </c>
      <c r="FI17" s="71">
        <v>0</v>
      </c>
      <c r="FJ17" s="72">
        <v>7</v>
      </c>
      <c r="FK17" s="73">
        <v>11</v>
      </c>
      <c r="FL17" s="70">
        <v>2</v>
      </c>
      <c r="FM17" s="71">
        <v>3</v>
      </c>
      <c r="FN17" s="72">
        <v>5</v>
      </c>
      <c r="FO17" s="244"/>
      <c r="FP17" s="71">
        <v>4</v>
      </c>
      <c r="FQ17" s="71">
        <v>4</v>
      </c>
      <c r="FR17" s="71">
        <v>2</v>
      </c>
      <c r="FS17" s="71">
        <v>4</v>
      </c>
      <c r="FT17" s="71">
        <v>1</v>
      </c>
      <c r="FU17" s="72">
        <v>15</v>
      </c>
      <c r="FV17" s="73">
        <v>20</v>
      </c>
      <c r="FW17" s="70">
        <v>0</v>
      </c>
      <c r="FX17" s="71">
        <v>0</v>
      </c>
      <c r="FY17" s="72">
        <v>0</v>
      </c>
      <c r="FZ17" s="244"/>
      <c r="GA17" s="71">
        <v>0</v>
      </c>
      <c r="GB17" s="71">
        <v>0</v>
      </c>
      <c r="GC17" s="71">
        <v>0</v>
      </c>
      <c r="GD17" s="71">
        <v>0</v>
      </c>
      <c r="GE17" s="71">
        <v>0</v>
      </c>
      <c r="GF17" s="72">
        <v>0</v>
      </c>
      <c r="GG17" s="73">
        <v>0</v>
      </c>
      <c r="GH17" s="70">
        <v>9</v>
      </c>
      <c r="GI17" s="71">
        <v>6</v>
      </c>
      <c r="GJ17" s="72">
        <v>15</v>
      </c>
      <c r="GK17" s="244"/>
      <c r="GL17" s="71">
        <v>12</v>
      </c>
      <c r="GM17" s="71">
        <v>5</v>
      </c>
      <c r="GN17" s="71">
        <v>4</v>
      </c>
      <c r="GO17" s="71">
        <v>6</v>
      </c>
      <c r="GP17" s="71">
        <v>2</v>
      </c>
      <c r="GQ17" s="72">
        <v>29</v>
      </c>
      <c r="GR17" s="73">
        <v>44</v>
      </c>
      <c r="GS17" s="123">
        <v>55</v>
      </c>
      <c r="GT17" s="82">
        <v>56</v>
      </c>
      <c r="GU17" s="83">
        <v>111</v>
      </c>
      <c r="GV17" s="241"/>
      <c r="GW17" s="82">
        <v>92</v>
      </c>
      <c r="GX17" s="82">
        <v>74</v>
      </c>
      <c r="GY17" s="82">
        <v>48</v>
      </c>
      <c r="GZ17" s="82">
        <v>46</v>
      </c>
      <c r="HA17" s="82">
        <v>27</v>
      </c>
      <c r="HB17" s="84">
        <v>287</v>
      </c>
      <c r="HC17" s="85">
        <v>398</v>
      </c>
      <c r="HD17" s="70">
        <v>0</v>
      </c>
      <c r="HE17" s="71">
        <v>0</v>
      </c>
      <c r="HF17" s="72">
        <v>0</v>
      </c>
      <c r="HG17" s="244"/>
      <c r="HH17" s="71">
        <v>1</v>
      </c>
      <c r="HI17" s="71">
        <v>1</v>
      </c>
      <c r="HJ17" s="71">
        <v>0</v>
      </c>
      <c r="HK17" s="71">
        <v>1</v>
      </c>
      <c r="HL17" s="71">
        <v>1</v>
      </c>
      <c r="HM17" s="72">
        <v>4</v>
      </c>
      <c r="HN17" s="73">
        <v>4</v>
      </c>
      <c r="HO17" s="70">
        <v>2</v>
      </c>
      <c r="HP17" s="71">
        <v>1</v>
      </c>
      <c r="HQ17" s="72">
        <v>3</v>
      </c>
      <c r="HR17" s="244"/>
      <c r="HS17" s="71">
        <v>7</v>
      </c>
      <c r="HT17" s="71">
        <v>1</v>
      </c>
      <c r="HU17" s="71">
        <v>1</v>
      </c>
      <c r="HV17" s="71">
        <v>1</v>
      </c>
      <c r="HW17" s="71">
        <v>3</v>
      </c>
      <c r="HX17" s="72">
        <v>13</v>
      </c>
      <c r="HY17" s="73">
        <v>16</v>
      </c>
      <c r="HZ17" s="70">
        <v>8</v>
      </c>
      <c r="IA17" s="71">
        <v>3</v>
      </c>
      <c r="IB17" s="72">
        <v>11</v>
      </c>
      <c r="IC17" s="244"/>
      <c r="ID17" s="71">
        <v>6</v>
      </c>
      <c r="IE17" s="71">
        <v>6</v>
      </c>
      <c r="IF17" s="71">
        <v>4</v>
      </c>
      <c r="IG17" s="71">
        <v>1</v>
      </c>
      <c r="IH17" s="71">
        <v>2</v>
      </c>
      <c r="II17" s="72">
        <v>19</v>
      </c>
      <c r="IJ17" s="73">
        <v>30</v>
      </c>
      <c r="IK17" s="70">
        <v>7</v>
      </c>
      <c r="IL17" s="71">
        <v>16</v>
      </c>
      <c r="IM17" s="72">
        <v>23</v>
      </c>
      <c r="IN17" s="244"/>
      <c r="IO17" s="71">
        <v>16</v>
      </c>
      <c r="IP17" s="71">
        <v>12</v>
      </c>
      <c r="IQ17" s="71">
        <v>6</v>
      </c>
      <c r="IR17" s="71">
        <v>9</v>
      </c>
      <c r="IS17" s="71">
        <v>6</v>
      </c>
      <c r="IT17" s="72">
        <v>49</v>
      </c>
      <c r="IU17" s="73">
        <v>72</v>
      </c>
      <c r="IV17" s="70">
        <v>23</v>
      </c>
      <c r="IW17" s="71">
        <v>23</v>
      </c>
      <c r="IX17" s="72">
        <v>46</v>
      </c>
      <c r="IY17" s="244"/>
      <c r="IZ17" s="71">
        <v>29</v>
      </c>
      <c r="JA17" s="71">
        <v>20</v>
      </c>
      <c r="JB17" s="71">
        <v>22</v>
      </c>
      <c r="JC17" s="71">
        <v>19</v>
      </c>
      <c r="JD17" s="71">
        <v>5</v>
      </c>
      <c r="JE17" s="72">
        <v>95</v>
      </c>
      <c r="JF17" s="73">
        <v>141</v>
      </c>
      <c r="JG17" s="70">
        <v>15</v>
      </c>
      <c r="JH17" s="71">
        <v>13</v>
      </c>
      <c r="JI17" s="72">
        <v>28</v>
      </c>
      <c r="JJ17" s="244"/>
      <c r="JK17" s="71">
        <v>33</v>
      </c>
      <c r="JL17" s="71">
        <v>34</v>
      </c>
      <c r="JM17" s="71">
        <v>15</v>
      </c>
      <c r="JN17" s="71">
        <v>15</v>
      </c>
      <c r="JO17" s="71">
        <v>10</v>
      </c>
      <c r="JP17" s="72">
        <v>107</v>
      </c>
      <c r="JQ17" s="73">
        <v>135</v>
      </c>
      <c r="JR17" s="70">
        <v>0</v>
      </c>
      <c r="JS17" s="71">
        <v>0</v>
      </c>
      <c r="JT17" s="72">
        <v>0</v>
      </c>
      <c r="JU17" s="244"/>
      <c r="JV17" s="71">
        <v>0</v>
      </c>
      <c r="JW17" s="71">
        <v>0</v>
      </c>
      <c r="JX17" s="71">
        <v>0</v>
      </c>
      <c r="JY17" s="71">
        <v>0</v>
      </c>
      <c r="JZ17" s="71">
        <v>0</v>
      </c>
      <c r="KA17" s="72">
        <v>0</v>
      </c>
      <c r="KB17" s="73">
        <v>0</v>
      </c>
      <c r="KC17" s="70">
        <v>55</v>
      </c>
      <c r="KD17" s="71">
        <v>56</v>
      </c>
      <c r="KE17" s="72">
        <v>111</v>
      </c>
      <c r="KF17" s="244"/>
      <c r="KG17" s="71">
        <v>92</v>
      </c>
      <c r="KH17" s="71">
        <v>74</v>
      </c>
      <c r="KI17" s="71">
        <v>48</v>
      </c>
      <c r="KJ17" s="71">
        <v>46</v>
      </c>
      <c r="KK17" s="71">
        <v>27</v>
      </c>
      <c r="KL17" s="72">
        <v>287</v>
      </c>
      <c r="KM17" s="73">
        <v>398</v>
      </c>
    </row>
    <row r="18" spans="2:299" ht="21" customHeight="1" x14ac:dyDescent="0.2">
      <c r="B18" s="126" t="s">
        <v>15</v>
      </c>
      <c r="C18" s="313">
        <v>23</v>
      </c>
      <c r="D18" s="82">
        <v>28</v>
      </c>
      <c r="E18" s="83">
        <v>51</v>
      </c>
      <c r="F18" s="241"/>
      <c r="G18" s="82">
        <v>43</v>
      </c>
      <c r="H18" s="82">
        <v>26</v>
      </c>
      <c r="I18" s="82">
        <v>24</v>
      </c>
      <c r="J18" s="82">
        <v>23</v>
      </c>
      <c r="K18" s="82">
        <v>10</v>
      </c>
      <c r="L18" s="84">
        <v>126</v>
      </c>
      <c r="M18" s="85">
        <v>177</v>
      </c>
      <c r="N18" s="70">
        <v>1</v>
      </c>
      <c r="O18" s="71">
        <v>0</v>
      </c>
      <c r="P18" s="72">
        <v>1</v>
      </c>
      <c r="Q18" s="244"/>
      <c r="R18" s="71">
        <v>1</v>
      </c>
      <c r="S18" s="71">
        <v>1</v>
      </c>
      <c r="T18" s="71">
        <v>0</v>
      </c>
      <c r="U18" s="71">
        <v>1</v>
      </c>
      <c r="V18" s="71">
        <v>1</v>
      </c>
      <c r="W18" s="72">
        <v>4</v>
      </c>
      <c r="X18" s="73">
        <v>5</v>
      </c>
      <c r="Y18" s="70">
        <v>1</v>
      </c>
      <c r="Z18" s="71">
        <v>2</v>
      </c>
      <c r="AA18" s="72">
        <v>3</v>
      </c>
      <c r="AB18" s="244"/>
      <c r="AC18" s="71">
        <v>5</v>
      </c>
      <c r="AD18" s="71">
        <v>0</v>
      </c>
      <c r="AE18" s="71">
        <v>2</v>
      </c>
      <c r="AF18" s="71">
        <v>3</v>
      </c>
      <c r="AG18" s="71">
        <v>1</v>
      </c>
      <c r="AH18" s="72">
        <v>11</v>
      </c>
      <c r="AI18" s="73">
        <v>14</v>
      </c>
      <c r="AJ18" s="70">
        <v>3</v>
      </c>
      <c r="AK18" s="71">
        <v>3</v>
      </c>
      <c r="AL18" s="72">
        <v>6</v>
      </c>
      <c r="AM18" s="244"/>
      <c r="AN18" s="71">
        <v>2</v>
      </c>
      <c r="AO18" s="71">
        <v>2</v>
      </c>
      <c r="AP18" s="71">
        <v>3</v>
      </c>
      <c r="AQ18" s="71">
        <v>2</v>
      </c>
      <c r="AR18" s="71">
        <v>2</v>
      </c>
      <c r="AS18" s="72">
        <v>11</v>
      </c>
      <c r="AT18" s="73">
        <v>17</v>
      </c>
      <c r="AU18" s="70">
        <v>6</v>
      </c>
      <c r="AV18" s="71">
        <v>5</v>
      </c>
      <c r="AW18" s="72">
        <v>11</v>
      </c>
      <c r="AX18" s="244"/>
      <c r="AY18" s="71">
        <v>10</v>
      </c>
      <c r="AZ18" s="71">
        <v>6</v>
      </c>
      <c r="BA18" s="71">
        <v>4</v>
      </c>
      <c r="BB18" s="71">
        <v>5</v>
      </c>
      <c r="BC18" s="71">
        <v>1</v>
      </c>
      <c r="BD18" s="72">
        <v>26</v>
      </c>
      <c r="BE18" s="73">
        <v>37</v>
      </c>
      <c r="BF18" s="70">
        <v>5</v>
      </c>
      <c r="BG18" s="71">
        <v>11</v>
      </c>
      <c r="BH18" s="72">
        <v>16</v>
      </c>
      <c r="BI18" s="244"/>
      <c r="BJ18" s="71">
        <v>14</v>
      </c>
      <c r="BK18" s="71">
        <v>4</v>
      </c>
      <c r="BL18" s="71">
        <v>5</v>
      </c>
      <c r="BM18" s="71">
        <v>3</v>
      </c>
      <c r="BN18" s="71">
        <v>2</v>
      </c>
      <c r="BO18" s="72">
        <v>28</v>
      </c>
      <c r="BP18" s="73">
        <v>44</v>
      </c>
      <c r="BQ18" s="70">
        <v>7</v>
      </c>
      <c r="BR18" s="71">
        <v>7</v>
      </c>
      <c r="BS18" s="72">
        <v>14</v>
      </c>
      <c r="BT18" s="244"/>
      <c r="BU18" s="71">
        <v>11</v>
      </c>
      <c r="BV18" s="71">
        <v>13</v>
      </c>
      <c r="BW18" s="71">
        <v>10</v>
      </c>
      <c r="BX18" s="71">
        <v>9</v>
      </c>
      <c r="BY18" s="71">
        <v>3</v>
      </c>
      <c r="BZ18" s="72">
        <v>46</v>
      </c>
      <c r="CA18" s="73">
        <v>60</v>
      </c>
      <c r="CB18" s="70">
        <v>0</v>
      </c>
      <c r="CC18" s="71">
        <v>0</v>
      </c>
      <c r="CD18" s="72">
        <v>0</v>
      </c>
      <c r="CE18" s="244"/>
      <c r="CF18" s="71">
        <v>0</v>
      </c>
      <c r="CG18" s="71">
        <v>0</v>
      </c>
      <c r="CH18" s="71">
        <v>0</v>
      </c>
      <c r="CI18" s="71">
        <v>0</v>
      </c>
      <c r="CJ18" s="71">
        <v>0</v>
      </c>
      <c r="CK18" s="72">
        <v>0</v>
      </c>
      <c r="CL18" s="73">
        <v>0</v>
      </c>
      <c r="CM18" s="70">
        <v>23</v>
      </c>
      <c r="CN18" s="71">
        <v>28</v>
      </c>
      <c r="CO18" s="72">
        <v>51</v>
      </c>
      <c r="CP18" s="244"/>
      <c r="CQ18" s="71">
        <v>43</v>
      </c>
      <c r="CR18" s="71">
        <v>26</v>
      </c>
      <c r="CS18" s="71">
        <v>24</v>
      </c>
      <c r="CT18" s="71">
        <v>23</v>
      </c>
      <c r="CU18" s="71">
        <v>10</v>
      </c>
      <c r="CV18" s="72">
        <v>126</v>
      </c>
      <c r="CW18" s="73">
        <v>177</v>
      </c>
      <c r="CX18" s="123">
        <v>2</v>
      </c>
      <c r="CY18" s="82">
        <v>6</v>
      </c>
      <c r="CZ18" s="83">
        <v>8</v>
      </c>
      <c r="DA18" s="241"/>
      <c r="DB18" s="82">
        <v>5</v>
      </c>
      <c r="DC18" s="82">
        <v>8</v>
      </c>
      <c r="DD18" s="82">
        <v>2</v>
      </c>
      <c r="DE18" s="82">
        <v>3</v>
      </c>
      <c r="DF18" s="82">
        <v>2</v>
      </c>
      <c r="DG18" s="84">
        <v>20</v>
      </c>
      <c r="DH18" s="85">
        <v>28</v>
      </c>
      <c r="DI18" s="70">
        <v>0</v>
      </c>
      <c r="DJ18" s="71">
        <v>0</v>
      </c>
      <c r="DK18" s="72">
        <v>0</v>
      </c>
      <c r="DL18" s="244"/>
      <c r="DM18" s="71">
        <v>1</v>
      </c>
      <c r="DN18" s="71">
        <v>0</v>
      </c>
      <c r="DO18" s="71">
        <v>0</v>
      </c>
      <c r="DP18" s="71">
        <v>0</v>
      </c>
      <c r="DQ18" s="71">
        <v>0</v>
      </c>
      <c r="DR18" s="72">
        <v>1</v>
      </c>
      <c r="DS18" s="73">
        <v>1</v>
      </c>
      <c r="DT18" s="70">
        <v>0</v>
      </c>
      <c r="DU18" s="71">
        <v>1</v>
      </c>
      <c r="DV18" s="72">
        <v>1</v>
      </c>
      <c r="DW18" s="244"/>
      <c r="DX18" s="71">
        <v>0</v>
      </c>
      <c r="DY18" s="71">
        <v>0</v>
      </c>
      <c r="DZ18" s="71">
        <v>0</v>
      </c>
      <c r="EA18" s="71">
        <v>0</v>
      </c>
      <c r="EB18" s="71">
        <v>0</v>
      </c>
      <c r="EC18" s="72">
        <v>0</v>
      </c>
      <c r="ED18" s="73">
        <v>1</v>
      </c>
      <c r="EE18" s="70">
        <v>1</v>
      </c>
      <c r="EF18" s="71">
        <v>1</v>
      </c>
      <c r="EG18" s="72">
        <v>2</v>
      </c>
      <c r="EH18" s="244"/>
      <c r="EI18" s="71">
        <v>1</v>
      </c>
      <c r="EJ18" s="71">
        <v>2</v>
      </c>
      <c r="EK18" s="71">
        <v>0</v>
      </c>
      <c r="EL18" s="71">
        <v>0</v>
      </c>
      <c r="EM18" s="71">
        <v>0</v>
      </c>
      <c r="EN18" s="72">
        <v>3</v>
      </c>
      <c r="EO18" s="73">
        <v>5</v>
      </c>
      <c r="EP18" s="70">
        <v>0</v>
      </c>
      <c r="EQ18" s="71">
        <v>2</v>
      </c>
      <c r="ER18" s="72">
        <v>2</v>
      </c>
      <c r="ES18" s="244"/>
      <c r="ET18" s="71">
        <v>0</v>
      </c>
      <c r="EU18" s="71">
        <v>1</v>
      </c>
      <c r="EV18" s="71">
        <v>1</v>
      </c>
      <c r="EW18" s="71">
        <v>0</v>
      </c>
      <c r="EX18" s="71">
        <v>0</v>
      </c>
      <c r="EY18" s="72">
        <v>2</v>
      </c>
      <c r="EZ18" s="73">
        <v>4</v>
      </c>
      <c r="FA18" s="70">
        <v>0</v>
      </c>
      <c r="FB18" s="71">
        <v>0</v>
      </c>
      <c r="FC18" s="72">
        <v>0</v>
      </c>
      <c r="FD18" s="244"/>
      <c r="FE18" s="71">
        <v>0</v>
      </c>
      <c r="FF18" s="71">
        <v>0</v>
      </c>
      <c r="FG18" s="71">
        <v>0</v>
      </c>
      <c r="FH18" s="71">
        <v>1</v>
      </c>
      <c r="FI18" s="71">
        <v>1</v>
      </c>
      <c r="FJ18" s="72">
        <v>2</v>
      </c>
      <c r="FK18" s="73">
        <v>2</v>
      </c>
      <c r="FL18" s="70">
        <v>1</v>
      </c>
      <c r="FM18" s="71">
        <v>2</v>
      </c>
      <c r="FN18" s="72">
        <v>3</v>
      </c>
      <c r="FO18" s="244"/>
      <c r="FP18" s="71">
        <v>3</v>
      </c>
      <c r="FQ18" s="71">
        <v>5</v>
      </c>
      <c r="FR18" s="71">
        <v>1</v>
      </c>
      <c r="FS18" s="71">
        <v>2</v>
      </c>
      <c r="FT18" s="71">
        <v>1</v>
      </c>
      <c r="FU18" s="72">
        <v>12</v>
      </c>
      <c r="FV18" s="73">
        <v>15</v>
      </c>
      <c r="FW18" s="70">
        <v>0</v>
      </c>
      <c r="FX18" s="71">
        <v>0</v>
      </c>
      <c r="FY18" s="72">
        <v>0</v>
      </c>
      <c r="FZ18" s="244"/>
      <c r="GA18" s="71">
        <v>0</v>
      </c>
      <c r="GB18" s="71">
        <v>0</v>
      </c>
      <c r="GC18" s="71">
        <v>0</v>
      </c>
      <c r="GD18" s="71">
        <v>0</v>
      </c>
      <c r="GE18" s="71">
        <v>0</v>
      </c>
      <c r="GF18" s="72">
        <v>0</v>
      </c>
      <c r="GG18" s="73">
        <v>0</v>
      </c>
      <c r="GH18" s="70">
        <v>2</v>
      </c>
      <c r="GI18" s="71">
        <v>6</v>
      </c>
      <c r="GJ18" s="72">
        <v>8</v>
      </c>
      <c r="GK18" s="244"/>
      <c r="GL18" s="71">
        <v>5</v>
      </c>
      <c r="GM18" s="71">
        <v>8</v>
      </c>
      <c r="GN18" s="71">
        <v>2</v>
      </c>
      <c r="GO18" s="71">
        <v>3</v>
      </c>
      <c r="GP18" s="71">
        <v>2</v>
      </c>
      <c r="GQ18" s="72">
        <v>20</v>
      </c>
      <c r="GR18" s="73">
        <v>28</v>
      </c>
      <c r="GS18" s="123">
        <v>25</v>
      </c>
      <c r="GT18" s="82">
        <v>34</v>
      </c>
      <c r="GU18" s="83">
        <v>59</v>
      </c>
      <c r="GV18" s="241"/>
      <c r="GW18" s="82">
        <v>48</v>
      </c>
      <c r="GX18" s="82">
        <v>34</v>
      </c>
      <c r="GY18" s="82">
        <v>26</v>
      </c>
      <c r="GZ18" s="82">
        <v>26</v>
      </c>
      <c r="HA18" s="82">
        <v>12</v>
      </c>
      <c r="HB18" s="84">
        <v>146</v>
      </c>
      <c r="HC18" s="85">
        <v>205</v>
      </c>
      <c r="HD18" s="70">
        <v>1</v>
      </c>
      <c r="HE18" s="71">
        <v>0</v>
      </c>
      <c r="HF18" s="72">
        <v>1</v>
      </c>
      <c r="HG18" s="244"/>
      <c r="HH18" s="71">
        <v>2</v>
      </c>
      <c r="HI18" s="71">
        <v>1</v>
      </c>
      <c r="HJ18" s="71">
        <v>0</v>
      </c>
      <c r="HK18" s="71">
        <v>1</v>
      </c>
      <c r="HL18" s="71">
        <v>1</v>
      </c>
      <c r="HM18" s="72">
        <v>5</v>
      </c>
      <c r="HN18" s="73">
        <v>6</v>
      </c>
      <c r="HO18" s="70">
        <v>1</v>
      </c>
      <c r="HP18" s="71">
        <v>3</v>
      </c>
      <c r="HQ18" s="72">
        <v>4</v>
      </c>
      <c r="HR18" s="244"/>
      <c r="HS18" s="71">
        <v>5</v>
      </c>
      <c r="HT18" s="71">
        <v>0</v>
      </c>
      <c r="HU18" s="71">
        <v>2</v>
      </c>
      <c r="HV18" s="71">
        <v>3</v>
      </c>
      <c r="HW18" s="71">
        <v>1</v>
      </c>
      <c r="HX18" s="72">
        <v>11</v>
      </c>
      <c r="HY18" s="73">
        <v>15</v>
      </c>
      <c r="HZ18" s="70">
        <v>4</v>
      </c>
      <c r="IA18" s="71">
        <v>4</v>
      </c>
      <c r="IB18" s="72">
        <v>8</v>
      </c>
      <c r="IC18" s="244"/>
      <c r="ID18" s="71">
        <v>3</v>
      </c>
      <c r="IE18" s="71">
        <v>4</v>
      </c>
      <c r="IF18" s="71">
        <v>3</v>
      </c>
      <c r="IG18" s="71">
        <v>2</v>
      </c>
      <c r="IH18" s="71">
        <v>2</v>
      </c>
      <c r="II18" s="72">
        <v>14</v>
      </c>
      <c r="IJ18" s="73">
        <v>22</v>
      </c>
      <c r="IK18" s="70">
        <v>6</v>
      </c>
      <c r="IL18" s="71">
        <v>7</v>
      </c>
      <c r="IM18" s="72">
        <v>13</v>
      </c>
      <c r="IN18" s="244"/>
      <c r="IO18" s="71">
        <v>10</v>
      </c>
      <c r="IP18" s="71">
        <v>7</v>
      </c>
      <c r="IQ18" s="71">
        <v>5</v>
      </c>
      <c r="IR18" s="71">
        <v>5</v>
      </c>
      <c r="IS18" s="71">
        <v>1</v>
      </c>
      <c r="IT18" s="72">
        <v>28</v>
      </c>
      <c r="IU18" s="73">
        <v>41</v>
      </c>
      <c r="IV18" s="70">
        <v>5</v>
      </c>
      <c r="IW18" s="71">
        <v>11</v>
      </c>
      <c r="IX18" s="72">
        <v>16</v>
      </c>
      <c r="IY18" s="244"/>
      <c r="IZ18" s="71">
        <v>14</v>
      </c>
      <c r="JA18" s="71">
        <v>4</v>
      </c>
      <c r="JB18" s="71">
        <v>5</v>
      </c>
      <c r="JC18" s="71">
        <v>4</v>
      </c>
      <c r="JD18" s="71">
        <v>3</v>
      </c>
      <c r="JE18" s="72">
        <v>30</v>
      </c>
      <c r="JF18" s="73">
        <v>46</v>
      </c>
      <c r="JG18" s="70">
        <v>8</v>
      </c>
      <c r="JH18" s="71">
        <v>9</v>
      </c>
      <c r="JI18" s="72">
        <v>17</v>
      </c>
      <c r="JJ18" s="244"/>
      <c r="JK18" s="71">
        <v>14</v>
      </c>
      <c r="JL18" s="71">
        <v>18</v>
      </c>
      <c r="JM18" s="71">
        <v>11</v>
      </c>
      <c r="JN18" s="71">
        <v>11</v>
      </c>
      <c r="JO18" s="71">
        <v>4</v>
      </c>
      <c r="JP18" s="72">
        <v>58</v>
      </c>
      <c r="JQ18" s="73">
        <v>75</v>
      </c>
      <c r="JR18" s="70">
        <v>0</v>
      </c>
      <c r="JS18" s="71">
        <v>0</v>
      </c>
      <c r="JT18" s="72">
        <v>0</v>
      </c>
      <c r="JU18" s="244"/>
      <c r="JV18" s="71">
        <v>0</v>
      </c>
      <c r="JW18" s="71">
        <v>0</v>
      </c>
      <c r="JX18" s="71">
        <v>0</v>
      </c>
      <c r="JY18" s="71">
        <v>0</v>
      </c>
      <c r="JZ18" s="71">
        <v>0</v>
      </c>
      <c r="KA18" s="72">
        <v>0</v>
      </c>
      <c r="KB18" s="73">
        <v>0</v>
      </c>
      <c r="KC18" s="70">
        <v>25</v>
      </c>
      <c r="KD18" s="71">
        <v>34</v>
      </c>
      <c r="KE18" s="72">
        <v>59</v>
      </c>
      <c r="KF18" s="244"/>
      <c r="KG18" s="71">
        <v>48</v>
      </c>
      <c r="KH18" s="71">
        <v>34</v>
      </c>
      <c r="KI18" s="71">
        <v>26</v>
      </c>
      <c r="KJ18" s="71">
        <v>26</v>
      </c>
      <c r="KK18" s="71">
        <v>12</v>
      </c>
      <c r="KL18" s="72">
        <v>146</v>
      </c>
      <c r="KM18" s="73">
        <v>205</v>
      </c>
    </row>
    <row r="19" spans="2:299" ht="21" customHeight="1" x14ac:dyDescent="0.2">
      <c r="B19" s="126" t="s">
        <v>16</v>
      </c>
      <c r="C19" s="313">
        <v>44</v>
      </c>
      <c r="D19" s="82">
        <v>43</v>
      </c>
      <c r="E19" s="83">
        <v>87</v>
      </c>
      <c r="F19" s="241"/>
      <c r="G19" s="82">
        <v>80</v>
      </c>
      <c r="H19" s="82">
        <v>92</v>
      </c>
      <c r="I19" s="82">
        <v>50</v>
      </c>
      <c r="J19" s="82">
        <v>52</v>
      </c>
      <c r="K19" s="82">
        <v>20</v>
      </c>
      <c r="L19" s="84">
        <v>294</v>
      </c>
      <c r="M19" s="85">
        <v>381</v>
      </c>
      <c r="N19" s="70">
        <v>1</v>
      </c>
      <c r="O19" s="71">
        <v>0</v>
      </c>
      <c r="P19" s="72">
        <v>1</v>
      </c>
      <c r="Q19" s="244"/>
      <c r="R19" s="71">
        <v>2</v>
      </c>
      <c r="S19" s="71">
        <v>3</v>
      </c>
      <c r="T19" s="71">
        <v>1</v>
      </c>
      <c r="U19" s="71">
        <v>2</v>
      </c>
      <c r="V19" s="71">
        <v>1</v>
      </c>
      <c r="W19" s="72">
        <v>9</v>
      </c>
      <c r="X19" s="73">
        <v>10</v>
      </c>
      <c r="Y19" s="70">
        <v>4</v>
      </c>
      <c r="Z19" s="71">
        <v>5</v>
      </c>
      <c r="AA19" s="72">
        <v>9</v>
      </c>
      <c r="AB19" s="244"/>
      <c r="AC19" s="71">
        <v>5</v>
      </c>
      <c r="AD19" s="71">
        <v>6</v>
      </c>
      <c r="AE19" s="71">
        <v>2</v>
      </c>
      <c r="AF19" s="71">
        <v>1</v>
      </c>
      <c r="AG19" s="71">
        <v>1</v>
      </c>
      <c r="AH19" s="72">
        <v>15</v>
      </c>
      <c r="AI19" s="73">
        <v>24</v>
      </c>
      <c r="AJ19" s="70">
        <v>5</v>
      </c>
      <c r="AK19" s="71">
        <v>4</v>
      </c>
      <c r="AL19" s="72">
        <v>9</v>
      </c>
      <c r="AM19" s="244"/>
      <c r="AN19" s="71">
        <v>8</v>
      </c>
      <c r="AO19" s="71">
        <v>7</v>
      </c>
      <c r="AP19" s="71">
        <v>8</v>
      </c>
      <c r="AQ19" s="71">
        <v>3</v>
      </c>
      <c r="AR19" s="71">
        <v>2</v>
      </c>
      <c r="AS19" s="72">
        <v>28</v>
      </c>
      <c r="AT19" s="73">
        <v>37</v>
      </c>
      <c r="AU19" s="70">
        <v>12</v>
      </c>
      <c r="AV19" s="71">
        <v>8</v>
      </c>
      <c r="AW19" s="72">
        <v>20</v>
      </c>
      <c r="AX19" s="244"/>
      <c r="AY19" s="71">
        <v>19</v>
      </c>
      <c r="AZ19" s="71">
        <v>24</v>
      </c>
      <c r="BA19" s="71">
        <v>12</v>
      </c>
      <c r="BB19" s="71">
        <v>10</v>
      </c>
      <c r="BC19" s="71">
        <v>7</v>
      </c>
      <c r="BD19" s="72">
        <v>72</v>
      </c>
      <c r="BE19" s="73">
        <v>92</v>
      </c>
      <c r="BF19" s="70">
        <v>11</v>
      </c>
      <c r="BG19" s="71">
        <v>14</v>
      </c>
      <c r="BH19" s="72">
        <v>25</v>
      </c>
      <c r="BI19" s="244"/>
      <c r="BJ19" s="71">
        <v>22</v>
      </c>
      <c r="BK19" s="71">
        <v>18</v>
      </c>
      <c r="BL19" s="71">
        <v>10</v>
      </c>
      <c r="BM19" s="71">
        <v>10</v>
      </c>
      <c r="BN19" s="71">
        <v>2</v>
      </c>
      <c r="BO19" s="72">
        <v>62</v>
      </c>
      <c r="BP19" s="73">
        <v>87</v>
      </c>
      <c r="BQ19" s="70">
        <v>11</v>
      </c>
      <c r="BR19" s="71">
        <v>12</v>
      </c>
      <c r="BS19" s="72">
        <v>23</v>
      </c>
      <c r="BT19" s="244"/>
      <c r="BU19" s="71">
        <v>24</v>
      </c>
      <c r="BV19" s="71">
        <v>34</v>
      </c>
      <c r="BW19" s="71">
        <v>17</v>
      </c>
      <c r="BX19" s="71">
        <v>26</v>
      </c>
      <c r="BY19" s="71">
        <v>7</v>
      </c>
      <c r="BZ19" s="72">
        <v>108</v>
      </c>
      <c r="CA19" s="73">
        <v>131</v>
      </c>
      <c r="CB19" s="70">
        <v>0</v>
      </c>
      <c r="CC19" s="71">
        <v>0</v>
      </c>
      <c r="CD19" s="72">
        <v>0</v>
      </c>
      <c r="CE19" s="244"/>
      <c r="CF19" s="71">
        <v>0</v>
      </c>
      <c r="CG19" s="71">
        <v>0</v>
      </c>
      <c r="CH19" s="71">
        <v>0</v>
      </c>
      <c r="CI19" s="71">
        <v>0</v>
      </c>
      <c r="CJ19" s="71">
        <v>0</v>
      </c>
      <c r="CK19" s="72">
        <v>0</v>
      </c>
      <c r="CL19" s="73">
        <v>0</v>
      </c>
      <c r="CM19" s="70">
        <v>44</v>
      </c>
      <c r="CN19" s="71">
        <v>43</v>
      </c>
      <c r="CO19" s="72">
        <v>87</v>
      </c>
      <c r="CP19" s="244"/>
      <c r="CQ19" s="71">
        <v>80</v>
      </c>
      <c r="CR19" s="71">
        <v>92</v>
      </c>
      <c r="CS19" s="71">
        <v>50</v>
      </c>
      <c r="CT19" s="71">
        <v>52</v>
      </c>
      <c r="CU19" s="71">
        <v>20</v>
      </c>
      <c r="CV19" s="72">
        <v>294</v>
      </c>
      <c r="CW19" s="73">
        <v>381</v>
      </c>
      <c r="CX19" s="123">
        <v>7</v>
      </c>
      <c r="CY19" s="82">
        <v>6</v>
      </c>
      <c r="CZ19" s="83">
        <v>13</v>
      </c>
      <c r="DA19" s="241"/>
      <c r="DB19" s="82">
        <v>9</v>
      </c>
      <c r="DC19" s="82">
        <v>12</v>
      </c>
      <c r="DD19" s="82">
        <v>10</v>
      </c>
      <c r="DE19" s="82">
        <v>10</v>
      </c>
      <c r="DF19" s="82">
        <v>6</v>
      </c>
      <c r="DG19" s="84">
        <v>47</v>
      </c>
      <c r="DH19" s="85">
        <v>60</v>
      </c>
      <c r="DI19" s="70">
        <v>0</v>
      </c>
      <c r="DJ19" s="71">
        <v>0</v>
      </c>
      <c r="DK19" s="72">
        <v>0</v>
      </c>
      <c r="DL19" s="244"/>
      <c r="DM19" s="71">
        <v>0</v>
      </c>
      <c r="DN19" s="71">
        <v>0</v>
      </c>
      <c r="DO19" s="71">
        <v>0</v>
      </c>
      <c r="DP19" s="71">
        <v>0</v>
      </c>
      <c r="DQ19" s="71">
        <v>0</v>
      </c>
      <c r="DR19" s="72">
        <v>0</v>
      </c>
      <c r="DS19" s="73">
        <v>0</v>
      </c>
      <c r="DT19" s="70">
        <v>1</v>
      </c>
      <c r="DU19" s="71">
        <v>0</v>
      </c>
      <c r="DV19" s="72">
        <v>1</v>
      </c>
      <c r="DW19" s="244"/>
      <c r="DX19" s="71">
        <v>1</v>
      </c>
      <c r="DY19" s="71">
        <v>1</v>
      </c>
      <c r="DZ19" s="71">
        <v>1</v>
      </c>
      <c r="EA19" s="71">
        <v>0</v>
      </c>
      <c r="EB19" s="71">
        <v>0</v>
      </c>
      <c r="EC19" s="72">
        <v>3</v>
      </c>
      <c r="ED19" s="73">
        <v>4</v>
      </c>
      <c r="EE19" s="70">
        <v>1</v>
      </c>
      <c r="EF19" s="71">
        <v>1</v>
      </c>
      <c r="EG19" s="72">
        <v>2</v>
      </c>
      <c r="EH19" s="244"/>
      <c r="EI19" s="71">
        <v>0</v>
      </c>
      <c r="EJ19" s="71">
        <v>0</v>
      </c>
      <c r="EK19" s="71">
        <v>2</v>
      </c>
      <c r="EL19" s="71">
        <v>0</v>
      </c>
      <c r="EM19" s="71">
        <v>1</v>
      </c>
      <c r="EN19" s="72">
        <v>3</v>
      </c>
      <c r="EO19" s="73">
        <v>5</v>
      </c>
      <c r="EP19" s="70">
        <v>2</v>
      </c>
      <c r="EQ19" s="71">
        <v>1</v>
      </c>
      <c r="ER19" s="72">
        <v>3</v>
      </c>
      <c r="ES19" s="244"/>
      <c r="ET19" s="71">
        <v>2</v>
      </c>
      <c r="EU19" s="71">
        <v>3</v>
      </c>
      <c r="EV19" s="71">
        <v>1</v>
      </c>
      <c r="EW19" s="71">
        <v>3</v>
      </c>
      <c r="EX19" s="71">
        <v>0</v>
      </c>
      <c r="EY19" s="72">
        <v>9</v>
      </c>
      <c r="EZ19" s="73">
        <v>12</v>
      </c>
      <c r="FA19" s="70">
        <v>2</v>
      </c>
      <c r="FB19" s="71">
        <v>1</v>
      </c>
      <c r="FC19" s="72">
        <v>3</v>
      </c>
      <c r="FD19" s="244"/>
      <c r="FE19" s="71">
        <v>1</v>
      </c>
      <c r="FF19" s="71">
        <v>5</v>
      </c>
      <c r="FG19" s="71">
        <v>2</v>
      </c>
      <c r="FH19" s="71">
        <v>1</v>
      </c>
      <c r="FI19" s="71">
        <v>2</v>
      </c>
      <c r="FJ19" s="72">
        <v>11</v>
      </c>
      <c r="FK19" s="73">
        <v>14</v>
      </c>
      <c r="FL19" s="70">
        <v>1</v>
      </c>
      <c r="FM19" s="71">
        <v>3</v>
      </c>
      <c r="FN19" s="72">
        <v>4</v>
      </c>
      <c r="FO19" s="244"/>
      <c r="FP19" s="71">
        <v>5</v>
      </c>
      <c r="FQ19" s="71">
        <v>3</v>
      </c>
      <c r="FR19" s="71">
        <v>4</v>
      </c>
      <c r="FS19" s="71">
        <v>6</v>
      </c>
      <c r="FT19" s="71">
        <v>3</v>
      </c>
      <c r="FU19" s="72">
        <v>21</v>
      </c>
      <c r="FV19" s="73">
        <v>25</v>
      </c>
      <c r="FW19" s="70">
        <v>0</v>
      </c>
      <c r="FX19" s="71">
        <v>0</v>
      </c>
      <c r="FY19" s="72">
        <v>0</v>
      </c>
      <c r="FZ19" s="244"/>
      <c r="GA19" s="71">
        <v>0</v>
      </c>
      <c r="GB19" s="71">
        <v>0</v>
      </c>
      <c r="GC19" s="71">
        <v>0</v>
      </c>
      <c r="GD19" s="71">
        <v>0</v>
      </c>
      <c r="GE19" s="71">
        <v>0</v>
      </c>
      <c r="GF19" s="72">
        <v>0</v>
      </c>
      <c r="GG19" s="73">
        <v>0</v>
      </c>
      <c r="GH19" s="70">
        <v>7</v>
      </c>
      <c r="GI19" s="71">
        <v>6</v>
      </c>
      <c r="GJ19" s="72">
        <v>13</v>
      </c>
      <c r="GK19" s="244"/>
      <c r="GL19" s="71">
        <v>9</v>
      </c>
      <c r="GM19" s="71">
        <v>12</v>
      </c>
      <c r="GN19" s="71">
        <v>10</v>
      </c>
      <c r="GO19" s="71">
        <v>10</v>
      </c>
      <c r="GP19" s="71">
        <v>6</v>
      </c>
      <c r="GQ19" s="72">
        <v>47</v>
      </c>
      <c r="GR19" s="73">
        <v>60</v>
      </c>
      <c r="GS19" s="123">
        <v>51</v>
      </c>
      <c r="GT19" s="82">
        <v>49</v>
      </c>
      <c r="GU19" s="83">
        <v>100</v>
      </c>
      <c r="GV19" s="241"/>
      <c r="GW19" s="82">
        <v>89</v>
      </c>
      <c r="GX19" s="82">
        <v>104</v>
      </c>
      <c r="GY19" s="82">
        <v>60</v>
      </c>
      <c r="GZ19" s="82">
        <v>62</v>
      </c>
      <c r="HA19" s="82">
        <v>26</v>
      </c>
      <c r="HB19" s="84">
        <v>341</v>
      </c>
      <c r="HC19" s="85">
        <v>441</v>
      </c>
      <c r="HD19" s="70">
        <v>1</v>
      </c>
      <c r="HE19" s="71">
        <v>0</v>
      </c>
      <c r="HF19" s="72">
        <v>1</v>
      </c>
      <c r="HG19" s="244"/>
      <c r="HH19" s="71">
        <v>2</v>
      </c>
      <c r="HI19" s="71">
        <v>3</v>
      </c>
      <c r="HJ19" s="71">
        <v>1</v>
      </c>
      <c r="HK19" s="71">
        <v>2</v>
      </c>
      <c r="HL19" s="71">
        <v>1</v>
      </c>
      <c r="HM19" s="72">
        <v>9</v>
      </c>
      <c r="HN19" s="73">
        <v>10</v>
      </c>
      <c r="HO19" s="70">
        <v>5</v>
      </c>
      <c r="HP19" s="71">
        <v>5</v>
      </c>
      <c r="HQ19" s="72">
        <v>10</v>
      </c>
      <c r="HR19" s="244"/>
      <c r="HS19" s="71">
        <v>6</v>
      </c>
      <c r="HT19" s="71">
        <v>7</v>
      </c>
      <c r="HU19" s="71">
        <v>3</v>
      </c>
      <c r="HV19" s="71">
        <v>1</v>
      </c>
      <c r="HW19" s="71">
        <v>1</v>
      </c>
      <c r="HX19" s="72">
        <v>18</v>
      </c>
      <c r="HY19" s="73">
        <v>28</v>
      </c>
      <c r="HZ19" s="70">
        <v>6</v>
      </c>
      <c r="IA19" s="71">
        <v>5</v>
      </c>
      <c r="IB19" s="72">
        <v>11</v>
      </c>
      <c r="IC19" s="244"/>
      <c r="ID19" s="71">
        <v>8</v>
      </c>
      <c r="IE19" s="71">
        <v>7</v>
      </c>
      <c r="IF19" s="71">
        <v>10</v>
      </c>
      <c r="IG19" s="71">
        <v>3</v>
      </c>
      <c r="IH19" s="71">
        <v>3</v>
      </c>
      <c r="II19" s="72">
        <v>31</v>
      </c>
      <c r="IJ19" s="73">
        <v>42</v>
      </c>
      <c r="IK19" s="70">
        <v>14</v>
      </c>
      <c r="IL19" s="71">
        <v>9</v>
      </c>
      <c r="IM19" s="72">
        <v>23</v>
      </c>
      <c r="IN19" s="244"/>
      <c r="IO19" s="71">
        <v>21</v>
      </c>
      <c r="IP19" s="71">
        <v>27</v>
      </c>
      <c r="IQ19" s="71">
        <v>13</v>
      </c>
      <c r="IR19" s="71">
        <v>13</v>
      </c>
      <c r="IS19" s="71">
        <v>7</v>
      </c>
      <c r="IT19" s="72">
        <v>81</v>
      </c>
      <c r="IU19" s="73">
        <v>104</v>
      </c>
      <c r="IV19" s="70">
        <v>13</v>
      </c>
      <c r="IW19" s="71">
        <v>15</v>
      </c>
      <c r="IX19" s="72">
        <v>28</v>
      </c>
      <c r="IY19" s="244"/>
      <c r="IZ19" s="71">
        <v>23</v>
      </c>
      <c r="JA19" s="71">
        <v>23</v>
      </c>
      <c r="JB19" s="71">
        <v>12</v>
      </c>
      <c r="JC19" s="71">
        <v>11</v>
      </c>
      <c r="JD19" s="71">
        <v>4</v>
      </c>
      <c r="JE19" s="72">
        <v>73</v>
      </c>
      <c r="JF19" s="73">
        <v>101</v>
      </c>
      <c r="JG19" s="70">
        <v>12</v>
      </c>
      <c r="JH19" s="71">
        <v>15</v>
      </c>
      <c r="JI19" s="72">
        <v>27</v>
      </c>
      <c r="JJ19" s="244"/>
      <c r="JK19" s="71">
        <v>29</v>
      </c>
      <c r="JL19" s="71">
        <v>37</v>
      </c>
      <c r="JM19" s="71">
        <v>21</v>
      </c>
      <c r="JN19" s="71">
        <v>32</v>
      </c>
      <c r="JO19" s="71">
        <v>10</v>
      </c>
      <c r="JP19" s="72">
        <v>129</v>
      </c>
      <c r="JQ19" s="73">
        <v>156</v>
      </c>
      <c r="JR19" s="70">
        <v>0</v>
      </c>
      <c r="JS19" s="71">
        <v>0</v>
      </c>
      <c r="JT19" s="72">
        <v>0</v>
      </c>
      <c r="JU19" s="244"/>
      <c r="JV19" s="71">
        <v>0</v>
      </c>
      <c r="JW19" s="71">
        <v>0</v>
      </c>
      <c r="JX19" s="71">
        <v>0</v>
      </c>
      <c r="JY19" s="71">
        <v>0</v>
      </c>
      <c r="JZ19" s="71">
        <v>0</v>
      </c>
      <c r="KA19" s="72">
        <v>0</v>
      </c>
      <c r="KB19" s="73">
        <v>0</v>
      </c>
      <c r="KC19" s="70">
        <v>51</v>
      </c>
      <c r="KD19" s="71">
        <v>49</v>
      </c>
      <c r="KE19" s="72">
        <v>100</v>
      </c>
      <c r="KF19" s="244"/>
      <c r="KG19" s="71">
        <v>89</v>
      </c>
      <c r="KH19" s="71">
        <v>104</v>
      </c>
      <c r="KI19" s="71">
        <v>60</v>
      </c>
      <c r="KJ19" s="71">
        <v>62</v>
      </c>
      <c r="KK19" s="71">
        <v>26</v>
      </c>
      <c r="KL19" s="72">
        <v>341</v>
      </c>
      <c r="KM19" s="73">
        <v>441</v>
      </c>
    </row>
    <row r="20" spans="2:299" ht="21" customHeight="1" x14ac:dyDescent="0.2">
      <c r="B20" s="126" t="s">
        <v>17</v>
      </c>
      <c r="C20" s="313">
        <v>61</v>
      </c>
      <c r="D20" s="82">
        <v>54</v>
      </c>
      <c r="E20" s="83">
        <v>115</v>
      </c>
      <c r="F20" s="241"/>
      <c r="G20" s="82">
        <v>110</v>
      </c>
      <c r="H20" s="82">
        <v>93</v>
      </c>
      <c r="I20" s="82">
        <v>75</v>
      </c>
      <c r="J20" s="82">
        <v>49</v>
      </c>
      <c r="K20" s="82">
        <v>36</v>
      </c>
      <c r="L20" s="84">
        <v>363</v>
      </c>
      <c r="M20" s="85">
        <v>478</v>
      </c>
      <c r="N20" s="70">
        <v>1</v>
      </c>
      <c r="O20" s="71">
        <v>2</v>
      </c>
      <c r="P20" s="72">
        <v>3</v>
      </c>
      <c r="Q20" s="244"/>
      <c r="R20" s="71">
        <v>3</v>
      </c>
      <c r="S20" s="71">
        <v>1</v>
      </c>
      <c r="T20" s="71">
        <v>4</v>
      </c>
      <c r="U20" s="71">
        <v>3</v>
      </c>
      <c r="V20" s="71">
        <v>1</v>
      </c>
      <c r="W20" s="72">
        <v>12</v>
      </c>
      <c r="X20" s="73">
        <v>15</v>
      </c>
      <c r="Y20" s="70">
        <v>1</v>
      </c>
      <c r="Z20" s="71">
        <v>1</v>
      </c>
      <c r="AA20" s="72">
        <v>2</v>
      </c>
      <c r="AB20" s="244"/>
      <c r="AC20" s="71">
        <v>3</v>
      </c>
      <c r="AD20" s="71">
        <v>4</v>
      </c>
      <c r="AE20" s="71">
        <v>6</v>
      </c>
      <c r="AF20" s="71">
        <v>6</v>
      </c>
      <c r="AG20" s="71">
        <v>1</v>
      </c>
      <c r="AH20" s="72">
        <v>20</v>
      </c>
      <c r="AI20" s="73">
        <v>22</v>
      </c>
      <c r="AJ20" s="70">
        <v>9</v>
      </c>
      <c r="AK20" s="71">
        <v>4</v>
      </c>
      <c r="AL20" s="72">
        <v>13</v>
      </c>
      <c r="AM20" s="244"/>
      <c r="AN20" s="71">
        <v>9</v>
      </c>
      <c r="AO20" s="71">
        <v>13</v>
      </c>
      <c r="AP20" s="71">
        <v>5</v>
      </c>
      <c r="AQ20" s="71">
        <v>3</v>
      </c>
      <c r="AR20" s="71">
        <v>2</v>
      </c>
      <c r="AS20" s="72">
        <v>32</v>
      </c>
      <c r="AT20" s="73">
        <v>45</v>
      </c>
      <c r="AU20" s="70">
        <v>13</v>
      </c>
      <c r="AV20" s="71">
        <v>16</v>
      </c>
      <c r="AW20" s="72">
        <v>29</v>
      </c>
      <c r="AX20" s="244"/>
      <c r="AY20" s="71">
        <v>27</v>
      </c>
      <c r="AZ20" s="71">
        <v>23</v>
      </c>
      <c r="BA20" s="71">
        <v>14</v>
      </c>
      <c r="BB20" s="71">
        <v>8</v>
      </c>
      <c r="BC20" s="71">
        <v>6</v>
      </c>
      <c r="BD20" s="72">
        <v>78</v>
      </c>
      <c r="BE20" s="73">
        <v>107</v>
      </c>
      <c r="BF20" s="70">
        <v>20</v>
      </c>
      <c r="BG20" s="71">
        <v>16</v>
      </c>
      <c r="BH20" s="72">
        <v>36</v>
      </c>
      <c r="BI20" s="244"/>
      <c r="BJ20" s="71">
        <v>41</v>
      </c>
      <c r="BK20" s="71">
        <v>33</v>
      </c>
      <c r="BL20" s="71">
        <v>24</v>
      </c>
      <c r="BM20" s="71">
        <v>17</v>
      </c>
      <c r="BN20" s="71">
        <v>13</v>
      </c>
      <c r="BO20" s="72">
        <v>128</v>
      </c>
      <c r="BP20" s="73">
        <v>164</v>
      </c>
      <c r="BQ20" s="70">
        <v>17</v>
      </c>
      <c r="BR20" s="71">
        <v>15</v>
      </c>
      <c r="BS20" s="72">
        <v>32</v>
      </c>
      <c r="BT20" s="244"/>
      <c r="BU20" s="71">
        <v>27</v>
      </c>
      <c r="BV20" s="71">
        <v>19</v>
      </c>
      <c r="BW20" s="71">
        <v>22</v>
      </c>
      <c r="BX20" s="71">
        <v>12</v>
      </c>
      <c r="BY20" s="71">
        <v>13</v>
      </c>
      <c r="BZ20" s="72">
        <v>93</v>
      </c>
      <c r="CA20" s="73">
        <v>125</v>
      </c>
      <c r="CB20" s="70">
        <v>0</v>
      </c>
      <c r="CC20" s="71">
        <v>0</v>
      </c>
      <c r="CD20" s="72">
        <v>0</v>
      </c>
      <c r="CE20" s="244"/>
      <c r="CF20" s="71">
        <v>0</v>
      </c>
      <c r="CG20" s="71">
        <v>0</v>
      </c>
      <c r="CH20" s="71">
        <v>0</v>
      </c>
      <c r="CI20" s="71">
        <v>0</v>
      </c>
      <c r="CJ20" s="71">
        <v>0</v>
      </c>
      <c r="CK20" s="72">
        <v>0</v>
      </c>
      <c r="CL20" s="73">
        <v>0</v>
      </c>
      <c r="CM20" s="70">
        <v>61</v>
      </c>
      <c r="CN20" s="71">
        <v>54</v>
      </c>
      <c r="CO20" s="72">
        <v>115</v>
      </c>
      <c r="CP20" s="244"/>
      <c r="CQ20" s="71">
        <v>110</v>
      </c>
      <c r="CR20" s="71">
        <v>93</v>
      </c>
      <c r="CS20" s="71">
        <v>75</v>
      </c>
      <c r="CT20" s="71">
        <v>49</v>
      </c>
      <c r="CU20" s="71">
        <v>36</v>
      </c>
      <c r="CV20" s="72">
        <v>363</v>
      </c>
      <c r="CW20" s="73">
        <v>478</v>
      </c>
      <c r="CX20" s="123">
        <v>11</v>
      </c>
      <c r="CY20" s="82">
        <v>12</v>
      </c>
      <c r="CZ20" s="83">
        <v>23</v>
      </c>
      <c r="DA20" s="241"/>
      <c r="DB20" s="82">
        <v>6</v>
      </c>
      <c r="DC20" s="82">
        <v>13</v>
      </c>
      <c r="DD20" s="82">
        <v>10</v>
      </c>
      <c r="DE20" s="82">
        <v>10</v>
      </c>
      <c r="DF20" s="82">
        <v>6</v>
      </c>
      <c r="DG20" s="84">
        <v>45</v>
      </c>
      <c r="DH20" s="85">
        <v>68</v>
      </c>
      <c r="DI20" s="70">
        <v>0</v>
      </c>
      <c r="DJ20" s="71">
        <v>0</v>
      </c>
      <c r="DK20" s="72">
        <v>0</v>
      </c>
      <c r="DL20" s="244"/>
      <c r="DM20" s="71">
        <v>0</v>
      </c>
      <c r="DN20" s="71">
        <v>2</v>
      </c>
      <c r="DO20" s="71">
        <v>0</v>
      </c>
      <c r="DP20" s="71">
        <v>0</v>
      </c>
      <c r="DQ20" s="71">
        <v>1</v>
      </c>
      <c r="DR20" s="72">
        <v>3</v>
      </c>
      <c r="DS20" s="73">
        <v>3</v>
      </c>
      <c r="DT20" s="70">
        <v>0</v>
      </c>
      <c r="DU20" s="71">
        <v>1</v>
      </c>
      <c r="DV20" s="72">
        <v>1</v>
      </c>
      <c r="DW20" s="244"/>
      <c r="DX20" s="71">
        <v>0</v>
      </c>
      <c r="DY20" s="71">
        <v>0</v>
      </c>
      <c r="DZ20" s="71">
        <v>1</v>
      </c>
      <c r="EA20" s="71">
        <v>1</v>
      </c>
      <c r="EB20" s="71">
        <v>0</v>
      </c>
      <c r="EC20" s="72">
        <v>2</v>
      </c>
      <c r="ED20" s="73">
        <v>3</v>
      </c>
      <c r="EE20" s="70">
        <v>2</v>
      </c>
      <c r="EF20" s="71">
        <v>3</v>
      </c>
      <c r="EG20" s="72">
        <v>5</v>
      </c>
      <c r="EH20" s="244"/>
      <c r="EI20" s="71">
        <v>1</v>
      </c>
      <c r="EJ20" s="71">
        <v>0</v>
      </c>
      <c r="EK20" s="71">
        <v>2</v>
      </c>
      <c r="EL20" s="71">
        <v>0</v>
      </c>
      <c r="EM20" s="71">
        <v>0</v>
      </c>
      <c r="EN20" s="72">
        <v>3</v>
      </c>
      <c r="EO20" s="73">
        <v>8</v>
      </c>
      <c r="EP20" s="70">
        <v>5</v>
      </c>
      <c r="EQ20" s="71">
        <v>2</v>
      </c>
      <c r="ER20" s="72">
        <v>7</v>
      </c>
      <c r="ES20" s="244"/>
      <c r="ET20" s="71">
        <v>1</v>
      </c>
      <c r="EU20" s="71">
        <v>3</v>
      </c>
      <c r="EV20" s="71">
        <v>3</v>
      </c>
      <c r="EW20" s="71">
        <v>2</v>
      </c>
      <c r="EX20" s="71">
        <v>1</v>
      </c>
      <c r="EY20" s="72">
        <v>10</v>
      </c>
      <c r="EZ20" s="73">
        <v>17</v>
      </c>
      <c r="FA20" s="70">
        <v>3</v>
      </c>
      <c r="FB20" s="71">
        <v>4</v>
      </c>
      <c r="FC20" s="72">
        <v>7</v>
      </c>
      <c r="FD20" s="244"/>
      <c r="FE20" s="71">
        <v>3</v>
      </c>
      <c r="FF20" s="71">
        <v>5</v>
      </c>
      <c r="FG20" s="71">
        <v>1</v>
      </c>
      <c r="FH20" s="71">
        <v>2</v>
      </c>
      <c r="FI20" s="71">
        <v>0</v>
      </c>
      <c r="FJ20" s="72">
        <v>11</v>
      </c>
      <c r="FK20" s="73">
        <v>18</v>
      </c>
      <c r="FL20" s="70">
        <v>1</v>
      </c>
      <c r="FM20" s="71">
        <v>2</v>
      </c>
      <c r="FN20" s="72">
        <v>3</v>
      </c>
      <c r="FO20" s="244"/>
      <c r="FP20" s="71">
        <v>1</v>
      </c>
      <c r="FQ20" s="71">
        <v>3</v>
      </c>
      <c r="FR20" s="71">
        <v>3</v>
      </c>
      <c r="FS20" s="71">
        <v>5</v>
      </c>
      <c r="FT20" s="71">
        <v>4</v>
      </c>
      <c r="FU20" s="72">
        <v>16</v>
      </c>
      <c r="FV20" s="73">
        <v>19</v>
      </c>
      <c r="FW20" s="70">
        <v>0</v>
      </c>
      <c r="FX20" s="71">
        <v>0</v>
      </c>
      <c r="FY20" s="72">
        <v>0</v>
      </c>
      <c r="FZ20" s="244"/>
      <c r="GA20" s="71">
        <v>0</v>
      </c>
      <c r="GB20" s="71">
        <v>0</v>
      </c>
      <c r="GC20" s="71">
        <v>0</v>
      </c>
      <c r="GD20" s="71">
        <v>0</v>
      </c>
      <c r="GE20" s="71">
        <v>0</v>
      </c>
      <c r="GF20" s="72">
        <v>0</v>
      </c>
      <c r="GG20" s="73">
        <v>0</v>
      </c>
      <c r="GH20" s="70">
        <v>11</v>
      </c>
      <c r="GI20" s="71">
        <v>12</v>
      </c>
      <c r="GJ20" s="72">
        <v>23</v>
      </c>
      <c r="GK20" s="244"/>
      <c r="GL20" s="71">
        <v>6</v>
      </c>
      <c r="GM20" s="71">
        <v>13</v>
      </c>
      <c r="GN20" s="71">
        <v>10</v>
      </c>
      <c r="GO20" s="71">
        <v>10</v>
      </c>
      <c r="GP20" s="71">
        <v>6</v>
      </c>
      <c r="GQ20" s="72">
        <v>45</v>
      </c>
      <c r="GR20" s="73">
        <v>68</v>
      </c>
      <c r="GS20" s="123">
        <v>72</v>
      </c>
      <c r="GT20" s="82">
        <v>66</v>
      </c>
      <c r="GU20" s="83">
        <v>138</v>
      </c>
      <c r="GV20" s="241"/>
      <c r="GW20" s="82">
        <v>116</v>
      </c>
      <c r="GX20" s="82">
        <v>106</v>
      </c>
      <c r="GY20" s="82">
        <v>85</v>
      </c>
      <c r="GZ20" s="82">
        <v>59</v>
      </c>
      <c r="HA20" s="82">
        <v>42</v>
      </c>
      <c r="HB20" s="84">
        <v>408</v>
      </c>
      <c r="HC20" s="85">
        <v>546</v>
      </c>
      <c r="HD20" s="70">
        <v>1</v>
      </c>
      <c r="HE20" s="71">
        <v>2</v>
      </c>
      <c r="HF20" s="72">
        <v>3</v>
      </c>
      <c r="HG20" s="244"/>
      <c r="HH20" s="71">
        <v>3</v>
      </c>
      <c r="HI20" s="71">
        <v>3</v>
      </c>
      <c r="HJ20" s="71">
        <v>4</v>
      </c>
      <c r="HK20" s="71">
        <v>3</v>
      </c>
      <c r="HL20" s="71">
        <v>2</v>
      </c>
      <c r="HM20" s="72">
        <v>15</v>
      </c>
      <c r="HN20" s="73">
        <v>18</v>
      </c>
      <c r="HO20" s="70">
        <v>1</v>
      </c>
      <c r="HP20" s="71">
        <v>2</v>
      </c>
      <c r="HQ20" s="72">
        <v>3</v>
      </c>
      <c r="HR20" s="244"/>
      <c r="HS20" s="71">
        <v>3</v>
      </c>
      <c r="HT20" s="71">
        <v>4</v>
      </c>
      <c r="HU20" s="71">
        <v>7</v>
      </c>
      <c r="HV20" s="71">
        <v>7</v>
      </c>
      <c r="HW20" s="71">
        <v>1</v>
      </c>
      <c r="HX20" s="72">
        <v>22</v>
      </c>
      <c r="HY20" s="73">
        <v>25</v>
      </c>
      <c r="HZ20" s="70">
        <v>11</v>
      </c>
      <c r="IA20" s="71">
        <v>7</v>
      </c>
      <c r="IB20" s="72">
        <v>18</v>
      </c>
      <c r="IC20" s="244"/>
      <c r="ID20" s="71">
        <v>10</v>
      </c>
      <c r="IE20" s="71">
        <v>13</v>
      </c>
      <c r="IF20" s="71">
        <v>7</v>
      </c>
      <c r="IG20" s="71">
        <v>3</v>
      </c>
      <c r="IH20" s="71">
        <v>2</v>
      </c>
      <c r="II20" s="72">
        <v>35</v>
      </c>
      <c r="IJ20" s="73">
        <v>53</v>
      </c>
      <c r="IK20" s="70">
        <v>18</v>
      </c>
      <c r="IL20" s="71">
        <v>18</v>
      </c>
      <c r="IM20" s="72">
        <v>36</v>
      </c>
      <c r="IN20" s="244"/>
      <c r="IO20" s="71">
        <v>28</v>
      </c>
      <c r="IP20" s="71">
        <v>26</v>
      </c>
      <c r="IQ20" s="71">
        <v>17</v>
      </c>
      <c r="IR20" s="71">
        <v>10</v>
      </c>
      <c r="IS20" s="71">
        <v>7</v>
      </c>
      <c r="IT20" s="72">
        <v>88</v>
      </c>
      <c r="IU20" s="73">
        <v>124</v>
      </c>
      <c r="IV20" s="70">
        <v>23</v>
      </c>
      <c r="IW20" s="71">
        <v>20</v>
      </c>
      <c r="IX20" s="72">
        <v>43</v>
      </c>
      <c r="IY20" s="244"/>
      <c r="IZ20" s="71">
        <v>44</v>
      </c>
      <c r="JA20" s="71">
        <v>38</v>
      </c>
      <c r="JB20" s="71">
        <v>25</v>
      </c>
      <c r="JC20" s="71">
        <v>19</v>
      </c>
      <c r="JD20" s="71">
        <v>13</v>
      </c>
      <c r="JE20" s="72">
        <v>139</v>
      </c>
      <c r="JF20" s="73">
        <v>182</v>
      </c>
      <c r="JG20" s="70">
        <v>18</v>
      </c>
      <c r="JH20" s="71">
        <v>17</v>
      </c>
      <c r="JI20" s="72">
        <v>35</v>
      </c>
      <c r="JJ20" s="244"/>
      <c r="JK20" s="71">
        <v>28</v>
      </c>
      <c r="JL20" s="71">
        <v>22</v>
      </c>
      <c r="JM20" s="71">
        <v>25</v>
      </c>
      <c r="JN20" s="71">
        <v>17</v>
      </c>
      <c r="JO20" s="71">
        <v>17</v>
      </c>
      <c r="JP20" s="72">
        <v>109</v>
      </c>
      <c r="JQ20" s="73">
        <v>144</v>
      </c>
      <c r="JR20" s="70">
        <v>0</v>
      </c>
      <c r="JS20" s="71">
        <v>0</v>
      </c>
      <c r="JT20" s="72">
        <v>0</v>
      </c>
      <c r="JU20" s="244"/>
      <c r="JV20" s="71">
        <v>0</v>
      </c>
      <c r="JW20" s="71">
        <v>0</v>
      </c>
      <c r="JX20" s="71">
        <v>0</v>
      </c>
      <c r="JY20" s="71">
        <v>0</v>
      </c>
      <c r="JZ20" s="71">
        <v>0</v>
      </c>
      <c r="KA20" s="72">
        <v>0</v>
      </c>
      <c r="KB20" s="73">
        <v>0</v>
      </c>
      <c r="KC20" s="70">
        <v>72</v>
      </c>
      <c r="KD20" s="71">
        <v>66</v>
      </c>
      <c r="KE20" s="72">
        <v>138</v>
      </c>
      <c r="KF20" s="244"/>
      <c r="KG20" s="71">
        <v>116</v>
      </c>
      <c r="KH20" s="71">
        <v>106</v>
      </c>
      <c r="KI20" s="71">
        <v>85</v>
      </c>
      <c r="KJ20" s="71">
        <v>59</v>
      </c>
      <c r="KK20" s="71">
        <v>42</v>
      </c>
      <c r="KL20" s="72">
        <v>408</v>
      </c>
      <c r="KM20" s="73">
        <v>546</v>
      </c>
    </row>
    <row r="21" spans="2:299" ht="21" customHeight="1" x14ac:dyDescent="0.2">
      <c r="B21" s="126" t="s">
        <v>18</v>
      </c>
      <c r="C21" s="313">
        <v>78</v>
      </c>
      <c r="D21" s="82">
        <v>80</v>
      </c>
      <c r="E21" s="83">
        <v>158</v>
      </c>
      <c r="F21" s="241"/>
      <c r="G21" s="82">
        <v>162</v>
      </c>
      <c r="H21" s="82">
        <v>118</v>
      </c>
      <c r="I21" s="82">
        <v>86</v>
      </c>
      <c r="J21" s="82">
        <v>70</v>
      </c>
      <c r="K21" s="82">
        <v>30</v>
      </c>
      <c r="L21" s="84">
        <v>466</v>
      </c>
      <c r="M21" s="85">
        <v>624</v>
      </c>
      <c r="N21" s="70">
        <v>1</v>
      </c>
      <c r="O21" s="71">
        <v>3</v>
      </c>
      <c r="P21" s="72">
        <v>4</v>
      </c>
      <c r="Q21" s="244"/>
      <c r="R21" s="71">
        <v>3</v>
      </c>
      <c r="S21" s="71">
        <v>3</v>
      </c>
      <c r="T21" s="71">
        <v>1</v>
      </c>
      <c r="U21" s="71">
        <v>2</v>
      </c>
      <c r="V21" s="71">
        <v>1</v>
      </c>
      <c r="W21" s="72">
        <v>10</v>
      </c>
      <c r="X21" s="73">
        <v>14</v>
      </c>
      <c r="Y21" s="70">
        <v>5</v>
      </c>
      <c r="Z21" s="71">
        <v>3</v>
      </c>
      <c r="AA21" s="72">
        <v>8</v>
      </c>
      <c r="AB21" s="244"/>
      <c r="AC21" s="71">
        <v>10</v>
      </c>
      <c r="AD21" s="71">
        <v>3</v>
      </c>
      <c r="AE21" s="71">
        <v>2</v>
      </c>
      <c r="AF21" s="71">
        <v>5</v>
      </c>
      <c r="AG21" s="71">
        <v>3</v>
      </c>
      <c r="AH21" s="72">
        <v>23</v>
      </c>
      <c r="AI21" s="73">
        <v>31</v>
      </c>
      <c r="AJ21" s="70">
        <v>10</v>
      </c>
      <c r="AK21" s="71">
        <v>8</v>
      </c>
      <c r="AL21" s="72">
        <v>18</v>
      </c>
      <c r="AM21" s="244"/>
      <c r="AN21" s="71">
        <v>12</v>
      </c>
      <c r="AO21" s="71">
        <v>6</v>
      </c>
      <c r="AP21" s="71">
        <v>6</v>
      </c>
      <c r="AQ21" s="71">
        <v>6</v>
      </c>
      <c r="AR21" s="71">
        <v>1</v>
      </c>
      <c r="AS21" s="72">
        <v>31</v>
      </c>
      <c r="AT21" s="73">
        <v>49</v>
      </c>
      <c r="AU21" s="70">
        <v>18</v>
      </c>
      <c r="AV21" s="71">
        <v>14</v>
      </c>
      <c r="AW21" s="72">
        <v>32</v>
      </c>
      <c r="AX21" s="244"/>
      <c r="AY21" s="71">
        <v>30</v>
      </c>
      <c r="AZ21" s="71">
        <v>24</v>
      </c>
      <c r="BA21" s="71">
        <v>11</v>
      </c>
      <c r="BB21" s="71">
        <v>13</v>
      </c>
      <c r="BC21" s="71">
        <v>9</v>
      </c>
      <c r="BD21" s="72">
        <v>87</v>
      </c>
      <c r="BE21" s="73">
        <v>119</v>
      </c>
      <c r="BF21" s="70">
        <v>26</v>
      </c>
      <c r="BG21" s="71">
        <v>28</v>
      </c>
      <c r="BH21" s="72">
        <v>54</v>
      </c>
      <c r="BI21" s="244"/>
      <c r="BJ21" s="71">
        <v>52</v>
      </c>
      <c r="BK21" s="71">
        <v>37</v>
      </c>
      <c r="BL21" s="71">
        <v>32</v>
      </c>
      <c r="BM21" s="71">
        <v>21</v>
      </c>
      <c r="BN21" s="71">
        <v>9</v>
      </c>
      <c r="BO21" s="72">
        <v>151</v>
      </c>
      <c r="BP21" s="73">
        <v>205</v>
      </c>
      <c r="BQ21" s="70">
        <v>18</v>
      </c>
      <c r="BR21" s="71">
        <v>24</v>
      </c>
      <c r="BS21" s="72">
        <v>42</v>
      </c>
      <c r="BT21" s="244"/>
      <c r="BU21" s="71">
        <v>55</v>
      </c>
      <c r="BV21" s="71">
        <v>45</v>
      </c>
      <c r="BW21" s="71">
        <v>34</v>
      </c>
      <c r="BX21" s="71">
        <v>23</v>
      </c>
      <c r="BY21" s="71">
        <v>7</v>
      </c>
      <c r="BZ21" s="72">
        <v>164</v>
      </c>
      <c r="CA21" s="73">
        <v>206</v>
      </c>
      <c r="CB21" s="70">
        <v>0</v>
      </c>
      <c r="CC21" s="71">
        <v>0</v>
      </c>
      <c r="CD21" s="72">
        <v>0</v>
      </c>
      <c r="CE21" s="244"/>
      <c r="CF21" s="71">
        <v>0</v>
      </c>
      <c r="CG21" s="71">
        <v>0</v>
      </c>
      <c r="CH21" s="71">
        <v>0</v>
      </c>
      <c r="CI21" s="71">
        <v>0</v>
      </c>
      <c r="CJ21" s="71">
        <v>0</v>
      </c>
      <c r="CK21" s="72">
        <v>0</v>
      </c>
      <c r="CL21" s="73">
        <v>0</v>
      </c>
      <c r="CM21" s="70">
        <v>78</v>
      </c>
      <c r="CN21" s="71">
        <v>80</v>
      </c>
      <c r="CO21" s="72">
        <v>158</v>
      </c>
      <c r="CP21" s="244"/>
      <c r="CQ21" s="71">
        <v>162</v>
      </c>
      <c r="CR21" s="71">
        <v>118</v>
      </c>
      <c r="CS21" s="71">
        <v>86</v>
      </c>
      <c r="CT21" s="71">
        <v>70</v>
      </c>
      <c r="CU21" s="71">
        <v>30</v>
      </c>
      <c r="CV21" s="72">
        <v>466</v>
      </c>
      <c r="CW21" s="73">
        <v>624</v>
      </c>
      <c r="CX21" s="123">
        <v>12</v>
      </c>
      <c r="CY21" s="82">
        <v>12</v>
      </c>
      <c r="CZ21" s="83">
        <v>24</v>
      </c>
      <c r="DA21" s="241"/>
      <c r="DB21" s="82">
        <v>19</v>
      </c>
      <c r="DC21" s="82">
        <v>14</v>
      </c>
      <c r="DD21" s="82">
        <v>10</v>
      </c>
      <c r="DE21" s="82">
        <v>9</v>
      </c>
      <c r="DF21" s="82">
        <v>4</v>
      </c>
      <c r="DG21" s="84">
        <v>56</v>
      </c>
      <c r="DH21" s="85">
        <v>80</v>
      </c>
      <c r="DI21" s="70">
        <v>0</v>
      </c>
      <c r="DJ21" s="71">
        <v>1</v>
      </c>
      <c r="DK21" s="72">
        <v>1</v>
      </c>
      <c r="DL21" s="244"/>
      <c r="DM21" s="71">
        <v>1</v>
      </c>
      <c r="DN21" s="71">
        <v>0</v>
      </c>
      <c r="DO21" s="71">
        <v>0</v>
      </c>
      <c r="DP21" s="71">
        <v>0</v>
      </c>
      <c r="DQ21" s="71">
        <v>0</v>
      </c>
      <c r="DR21" s="72">
        <v>1</v>
      </c>
      <c r="DS21" s="73">
        <v>2</v>
      </c>
      <c r="DT21" s="70">
        <v>0</v>
      </c>
      <c r="DU21" s="71">
        <v>1</v>
      </c>
      <c r="DV21" s="72">
        <v>1</v>
      </c>
      <c r="DW21" s="244"/>
      <c r="DX21" s="71">
        <v>1</v>
      </c>
      <c r="DY21" s="71">
        <v>0</v>
      </c>
      <c r="DZ21" s="71">
        <v>1</v>
      </c>
      <c r="EA21" s="71">
        <v>0</v>
      </c>
      <c r="EB21" s="71">
        <v>0</v>
      </c>
      <c r="EC21" s="72">
        <v>2</v>
      </c>
      <c r="ED21" s="73">
        <v>3</v>
      </c>
      <c r="EE21" s="70">
        <v>1</v>
      </c>
      <c r="EF21" s="71">
        <v>2</v>
      </c>
      <c r="EG21" s="72">
        <v>3</v>
      </c>
      <c r="EH21" s="244"/>
      <c r="EI21" s="71">
        <v>2</v>
      </c>
      <c r="EJ21" s="71">
        <v>1</v>
      </c>
      <c r="EK21" s="71">
        <v>1</v>
      </c>
      <c r="EL21" s="71">
        <v>0</v>
      </c>
      <c r="EM21" s="71">
        <v>1</v>
      </c>
      <c r="EN21" s="72">
        <v>5</v>
      </c>
      <c r="EO21" s="73">
        <v>8</v>
      </c>
      <c r="EP21" s="70">
        <v>6</v>
      </c>
      <c r="EQ21" s="71">
        <v>7</v>
      </c>
      <c r="ER21" s="72">
        <v>13</v>
      </c>
      <c r="ES21" s="244"/>
      <c r="ET21" s="71">
        <v>3</v>
      </c>
      <c r="EU21" s="71">
        <v>3</v>
      </c>
      <c r="EV21" s="71">
        <v>1</v>
      </c>
      <c r="EW21" s="71">
        <v>1</v>
      </c>
      <c r="EX21" s="71">
        <v>0</v>
      </c>
      <c r="EY21" s="72">
        <v>8</v>
      </c>
      <c r="EZ21" s="73">
        <v>21</v>
      </c>
      <c r="FA21" s="70">
        <v>2</v>
      </c>
      <c r="FB21" s="71">
        <v>0</v>
      </c>
      <c r="FC21" s="72">
        <v>2</v>
      </c>
      <c r="FD21" s="244"/>
      <c r="FE21" s="71">
        <v>9</v>
      </c>
      <c r="FF21" s="71">
        <v>9</v>
      </c>
      <c r="FG21" s="71">
        <v>2</v>
      </c>
      <c r="FH21" s="71">
        <v>4</v>
      </c>
      <c r="FI21" s="71">
        <v>1</v>
      </c>
      <c r="FJ21" s="72">
        <v>25</v>
      </c>
      <c r="FK21" s="73">
        <v>27</v>
      </c>
      <c r="FL21" s="70">
        <v>3</v>
      </c>
      <c r="FM21" s="71">
        <v>1</v>
      </c>
      <c r="FN21" s="72">
        <v>4</v>
      </c>
      <c r="FO21" s="244"/>
      <c r="FP21" s="71">
        <v>3</v>
      </c>
      <c r="FQ21" s="71">
        <v>1</v>
      </c>
      <c r="FR21" s="71">
        <v>5</v>
      </c>
      <c r="FS21" s="71">
        <v>4</v>
      </c>
      <c r="FT21" s="71">
        <v>2</v>
      </c>
      <c r="FU21" s="72">
        <v>15</v>
      </c>
      <c r="FV21" s="73">
        <v>19</v>
      </c>
      <c r="FW21" s="70">
        <v>0</v>
      </c>
      <c r="FX21" s="71">
        <v>0</v>
      </c>
      <c r="FY21" s="72">
        <v>0</v>
      </c>
      <c r="FZ21" s="244"/>
      <c r="GA21" s="71">
        <v>0</v>
      </c>
      <c r="GB21" s="71">
        <v>0</v>
      </c>
      <c r="GC21" s="71">
        <v>0</v>
      </c>
      <c r="GD21" s="71">
        <v>0</v>
      </c>
      <c r="GE21" s="71">
        <v>0</v>
      </c>
      <c r="GF21" s="72">
        <v>0</v>
      </c>
      <c r="GG21" s="73">
        <v>0</v>
      </c>
      <c r="GH21" s="70">
        <v>12</v>
      </c>
      <c r="GI21" s="71">
        <v>12</v>
      </c>
      <c r="GJ21" s="72">
        <v>24</v>
      </c>
      <c r="GK21" s="244"/>
      <c r="GL21" s="71">
        <v>19</v>
      </c>
      <c r="GM21" s="71">
        <v>14</v>
      </c>
      <c r="GN21" s="71">
        <v>10</v>
      </c>
      <c r="GO21" s="71">
        <v>9</v>
      </c>
      <c r="GP21" s="71">
        <v>4</v>
      </c>
      <c r="GQ21" s="72">
        <v>56</v>
      </c>
      <c r="GR21" s="73">
        <v>80</v>
      </c>
      <c r="GS21" s="123">
        <v>90</v>
      </c>
      <c r="GT21" s="82">
        <v>92</v>
      </c>
      <c r="GU21" s="83">
        <v>182</v>
      </c>
      <c r="GV21" s="241"/>
      <c r="GW21" s="82">
        <v>181</v>
      </c>
      <c r="GX21" s="82">
        <v>132</v>
      </c>
      <c r="GY21" s="82">
        <v>96</v>
      </c>
      <c r="GZ21" s="82">
        <v>79</v>
      </c>
      <c r="HA21" s="82">
        <v>34</v>
      </c>
      <c r="HB21" s="84">
        <v>522</v>
      </c>
      <c r="HC21" s="85">
        <v>704</v>
      </c>
      <c r="HD21" s="70">
        <v>1</v>
      </c>
      <c r="HE21" s="71">
        <v>4</v>
      </c>
      <c r="HF21" s="72">
        <v>5</v>
      </c>
      <c r="HG21" s="244"/>
      <c r="HH21" s="71">
        <v>4</v>
      </c>
      <c r="HI21" s="71">
        <v>3</v>
      </c>
      <c r="HJ21" s="71">
        <v>1</v>
      </c>
      <c r="HK21" s="71">
        <v>2</v>
      </c>
      <c r="HL21" s="71">
        <v>1</v>
      </c>
      <c r="HM21" s="72">
        <v>11</v>
      </c>
      <c r="HN21" s="73">
        <v>16</v>
      </c>
      <c r="HO21" s="70">
        <v>5</v>
      </c>
      <c r="HP21" s="71">
        <v>4</v>
      </c>
      <c r="HQ21" s="72">
        <v>9</v>
      </c>
      <c r="HR21" s="244"/>
      <c r="HS21" s="71">
        <v>11</v>
      </c>
      <c r="HT21" s="71">
        <v>3</v>
      </c>
      <c r="HU21" s="71">
        <v>3</v>
      </c>
      <c r="HV21" s="71">
        <v>5</v>
      </c>
      <c r="HW21" s="71">
        <v>3</v>
      </c>
      <c r="HX21" s="72">
        <v>25</v>
      </c>
      <c r="HY21" s="73">
        <v>34</v>
      </c>
      <c r="HZ21" s="70">
        <v>11</v>
      </c>
      <c r="IA21" s="71">
        <v>10</v>
      </c>
      <c r="IB21" s="72">
        <v>21</v>
      </c>
      <c r="IC21" s="244"/>
      <c r="ID21" s="71">
        <v>14</v>
      </c>
      <c r="IE21" s="71">
        <v>7</v>
      </c>
      <c r="IF21" s="71">
        <v>7</v>
      </c>
      <c r="IG21" s="71">
        <v>6</v>
      </c>
      <c r="IH21" s="71">
        <v>2</v>
      </c>
      <c r="II21" s="72">
        <v>36</v>
      </c>
      <c r="IJ21" s="73">
        <v>57</v>
      </c>
      <c r="IK21" s="70">
        <v>24</v>
      </c>
      <c r="IL21" s="71">
        <v>21</v>
      </c>
      <c r="IM21" s="72">
        <v>45</v>
      </c>
      <c r="IN21" s="244"/>
      <c r="IO21" s="71">
        <v>33</v>
      </c>
      <c r="IP21" s="71">
        <v>27</v>
      </c>
      <c r="IQ21" s="71">
        <v>12</v>
      </c>
      <c r="IR21" s="71">
        <v>14</v>
      </c>
      <c r="IS21" s="71">
        <v>9</v>
      </c>
      <c r="IT21" s="72">
        <v>95</v>
      </c>
      <c r="IU21" s="73">
        <v>140</v>
      </c>
      <c r="IV21" s="70">
        <v>28</v>
      </c>
      <c r="IW21" s="71">
        <v>28</v>
      </c>
      <c r="IX21" s="72">
        <v>56</v>
      </c>
      <c r="IY21" s="244"/>
      <c r="IZ21" s="71">
        <v>61</v>
      </c>
      <c r="JA21" s="71">
        <v>46</v>
      </c>
      <c r="JB21" s="71">
        <v>34</v>
      </c>
      <c r="JC21" s="71">
        <v>25</v>
      </c>
      <c r="JD21" s="71">
        <v>10</v>
      </c>
      <c r="JE21" s="72">
        <v>176</v>
      </c>
      <c r="JF21" s="73">
        <v>232</v>
      </c>
      <c r="JG21" s="70">
        <v>21</v>
      </c>
      <c r="JH21" s="71">
        <v>25</v>
      </c>
      <c r="JI21" s="72">
        <v>46</v>
      </c>
      <c r="JJ21" s="244"/>
      <c r="JK21" s="71">
        <v>58</v>
      </c>
      <c r="JL21" s="71">
        <v>46</v>
      </c>
      <c r="JM21" s="71">
        <v>39</v>
      </c>
      <c r="JN21" s="71">
        <v>27</v>
      </c>
      <c r="JO21" s="71">
        <v>9</v>
      </c>
      <c r="JP21" s="72">
        <v>179</v>
      </c>
      <c r="JQ21" s="73">
        <v>225</v>
      </c>
      <c r="JR21" s="70">
        <v>0</v>
      </c>
      <c r="JS21" s="71">
        <v>0</v>
      </c>
      <c r="JT21" s="72">
        <v>0</v>
      </c>
      <c r="JU21" s="244"/>
      <c r="JV21" s="71">
        <v>0</v>
      </c>
      <c r="JW21" s="71">
        <v>0</v>
      </c>
      <c r="JX21" s="71">
        <v>0</v>
      </c>
      <c r="JY21" s="71">
        <v>0</v>
      </c>
      <c r="JZ21" s="71">
        <v>0</v>
      </c>
      <c r="KA21" s="72">
        <v>0</v>
      </c>
      <c r="KB21" s="73">
        <v>0</v>
      </c>
      <c r="KC21" s="70">
        <v>90</v>
      </c>
      <c r="KD21" s="71">
        <v>92</v>
      </c>
      <c r="KE21" s="72">
        <v>182</v>
      </c>
      <c r="KF21" s="244"/>
      <c r="KG21" s="71">
        <v>181</v>
      </c>
      <c r="KH21" s="71">
        <v>132</v>
      </c>
      <c r="KI21" s="71">
        <v>96</v>
      </c>
      <c r="KJ21" s="71">
        <v>79</v>
      </c>
      <c r="KK21" s="71">
        <v>34</v>
      </c>
      <c r="KL21" s="72">
        <v>522</v>
      </c>
      <c r="KM21" s="73">
        <v>704</v>
      </c>
    </row>
    <row r="22" spans="2:299" ht="21" customHeight="1" x14ac:dyDescent="0.2">
      <c r="B22" s="126" t="s">
        <v>19</v>
      </c>
      <c r="C22" s="313">
        <v>39</v>
      </c>
      <c r="D22" s="82">
        <v>31</v>
      </c>
      <c r="E22" s="83">
        <v>70</v>
      </c>
      <c r="F22" s="241"/>
      <c r="G22" s="82">
        <v>72</v>
      </c>
      <c r="H22" s="82">
        <v>54</v>
      </c>
      <c r="I22" s="82">
        <v>25</v>
      </c>
      <c r="J22" s="82">
        <v>19</v>
      </c>
      <c r="K22" s="82">
        <v>14</v>
      </c>
      <c r="L22" s="84">
        <v>184</v>
      </c>
      <c r="M22" s="85">
        <v>254</v>
      </c>
      <c r="N22" s="86">
        <v>1</v>
      </c>
      <c r="O22" s="71">
        <v>0</v>
      </c>
      <c r="P22" s="72">
        <v>1</v>
      </c>
      <c r="Q22" s="244"/>
      <c r="R22" s="71">
        <v>1</v>
      </c>
      <c r="S22" s="71">
        <v>1</v>
      </c>
      <c r="T22" s="71">
        <v>0</v>
      </c>
      <c r="U22" s="71">
        <v>0</v>
      </c>
      <c r="V22" s="71">
        <v>0</v>
      </c>
      <c r="W22" s="72">
        <v>2</v>
      </c>
      <c r="X22" s="73">
        <v>3</v>
      </c>
      <c r="Y22" s="70">
        <v>2</v>
      </c>
      <c r="Z22" s="71">
        <v>0</v>
      </c>
      <c r="AA22" s="72">
        <v>2</v>
      </c>
      <c r="AB22" s="244"/>
      <c r="AC22" s="71">
        <v>0</v>
      </c>
      <c r="AD22" s="71">
        <v>6</v>
      </c>
      <c r="AE22" s="71">
        <v>0</v>
      </c>
      <c r="AF22" s="71">
        <v>0</v>
      </c>
      <c r="AG22" s="71">
        <v>0</v>
      </c>
      <c r="AH22" s="72">
        <v>6</v>
      </c>
      <c r="AI22" s="73">
        <v>8</v>
      </c>
      <c r="AJ22" s="86">
        <v>4</v>
      </c>
      <c r="AK22" s="71">
        <v>4</v>
      </c>
      <c r="AL22" s="72">
        <v>8</v>
      </c>
      <c r="AM22" s="244"/>
      <c r="AN22" s="71">
        <v>4</v>
      </c>
      <c r="AO22" s="71">
        <v>4</v>
      </c>
      <c r="AP22" s="71">
        <v>2</v>
      </c>
      <c r="AQ22" s="71">
        <v>1</v>
      </c>
      <c r="AR22" s="71">
        <v>2</v>
      </c>
      <c r="AS22" s="72">
        <v>13</v>
      </c>
      <c r="AT22" s="73">
        <v>21</v>
      </c>
      <c r="AU22" s="70">
        <v>9</v>
      </c>
      <c r="AV22" s="71">
        <v>6</v>
      </c>
      <c r="AW22" s="72">
        <v>15</v>
      </c>
      <c r="AX22" s="244"/>
      <c r="AY22" s="71">
        <v>18</v>
      </c>
      <c r="AZ22" s="71">
        <v>7</v>
      </c>
      <c r="BA22" s="71">
        <v>3</v>
      </c>
      <c r="BB22" s="71">
        <v>5</v>
      </c>
      <c r="BC22" s="71">
        <v>4</v>
      </c>
      <c r="BD22" s="72">
        <v>37</v>
      </c>
      <c r="BE22" s="73">
        <v>52</v>
      </c>
      <c r="BF22" s="86">
        <v>10</v>
      </c>
      <c r="BG22" s="71">
        <v>12</v>
      </c>
      <c r="BH22" s="72">
        <v>22</v>
      </c>
      <c r="BI22" s="244"/>
      <c r="BJ22" s="71">
        <v>29</v>
      </c>
      <c r="BK22" s="71">
        <v>19</v>
      </c>
      <c r="BL22" s="71">
        <v>10</v>
      </c>
      <c r="BM22" s="71">
        <v>7</v>
      </c>
      <c r="BN22" s="71">
        <v>4</v>
      </c>
      <c r="BO22" s="72">
        <v>69</v>
      </c>
      <c r="BP22" s="73">
        <v>91</v>
      </c>
      <c r="BQ22" s="70">
        <v>13</v>
      </c>
      <c r="BR22" s="71">
        <v>9</v>
      </c>
      <c r="BS22" s="72">
        <v>22</v>
      </c>
      <c r="BT22" s="244"/>
      <c r="BU22" s="71">
        <v>20</v>
      </c>
      <c r="BV22" s="71">
        <v>17</v>
      </c>
      <c r="BW22" s="71">
        <v>10</v>
      </c>
      <c r="BX22" s="71">
        <v>6</v>
      </c>
      <c r="BY22" s="71">
        <v>4</v>
      </c>
      <c r="BZ22" s="72">
        <v>57</v>
      </c>
      <c r="CA22" s="73">
        <v>79</v>
      </c>
      <c r="CB22" s="70">
        <v>0</v>
      </c>
      <c r="CC22" s="71">
        <v>0</v>
      </c>
      <c r="CD22" s="72">
        <v>0</v>
      </c>
      <c r="CE22" s="244"/>
      <c r="CF22" s="71">
        <v>0</v>
      </c>
      <c r="CG22" s="71">
        <v>0</v>
      </c>
      <c r="CH22" s="71">
        <v>0</v>
      </c>
      <c r="CI22" s="71">
        <v>0</v>
      </c>
      <c r="CJ22" s="71">
        <v>0</v>
      </c>
      <c r="CK22" s="72">
        <v>0</v>
      </c>
      <c r="CL22" s="73">
        <v>0</v>
      </c>
      <c r="CM22" s="70">
        <v>39</v>
      </c>
      <c r="CN22" s="71">
        <v>31</v>
      </c>
      <c r="CO22" s="72">
        <v>70</v>
      </c>
      <c r="CP22" s="244"/>
      <c r="CQ22" s="71">
        <v>72</v>
      </c>
      <c r="CR22" s="71">
        <v>54</v>
      </c>
      <c r="CS22" s="71">
        <v>25</v>
      </c>
      <c r="CT22" s="71">
        <v>19</v>
      </c>
      <c r="CU22" s="71">
        <v>14</v>
      </c>
      <c r="CV22" s="72">
        <v>184</v>
      </c>
      <c r="CW22" s="73">
        <v>254</v>
      </c>
      <c r="CX22" s="123">
        <v>3</v>
      </c>
      <c r="CY22" s="82">
        <v>5</v>
      </c>
      <c r="CZ22" s="83">
        <v>8</v>
      </c>
      <c r="DA22" s="241"/>
      <c r="DB22" s="82">
        <v>8</v>
      </c>
      <c r="DC22" s="82">
        <v>5</v>
      </c>
      <c r="DD22" s="82">
        <v>7</v>
      </c>
      <c r="DE22" s="82">
        <v>3</v>
      </c>
      <c r="DF22" s="82">
        <v>3</v>
      </c>
      <c r="DG22" s="84">
        <v>26</v>
      </c>
      <c r="DH22" s="85">
        <v>34</v>
      </c>
      <c r="DI22" s="86">
        <v>1</v>
      </c>
      <c r="DJ22" s="71">
        <v>0</v>
      </c>
      <c r="DK22" s="72">
        <v>1</v>
      </c>
      <c r="DL22" s="244"/>
      <c r="DM22" s="71">
        <v>0</v>
      </c>
      <c r="DN22" s="71">
        <v>0</v>
      </c>
      <c r="DO22" s="71">
        <v>0</v>
      </c>
      <c r="DP22" s="71">
        <v>1</v>
      </c>
      <c r="DQ22" s="71">
        <v>0</v>
      </c>
      <c r="DR22" s="72">
        <v>1</v>
      </c>
      <c r="DS22" s="73">
        <v>2</v>
      </c>
      <c r="DT22" s="70">
        <v>0</v>
      </c>
      <c r="DU22" s="71">
        <v>0</v>
      </c>
      <c r="DV22" s="72">
        <v>0</v>
      </c>
      <c r="DW22" s="244"/>
      <c r="DX22" s="71">
        <v>0</v>
      </c>
      <c r="DY22" s="71">
        <v>0</v>
      </c>
      <c r="DZ22" s="71">
        <v>0</v>
      </c>
      <c r="EA22" s="71">
        <v>0</v>
      </c>
      <c r="EB22" s="71">
        <v>0</v>
      </c>
      <c r="EC22" s="72">
        <v>0</v>
      </c>
      <c r="ED22" s="73">
        <v>0</v>
      </c>
      <c r="EE22" s="86">
        <v>1</v>
      </c>
      <c r="EF22" s="71">
        <v>1</v>
      </c>
      <c r="EG22" s="72">
        <v>2</v>
      </c>
      <c r="EH22" s="244"/>
      <c r="EI22" s="71">
        <v>1</v>
      </c>
      <c r="EJ22" s="71">
        <v>0</v>
      </c>
      <c r="EK22" s="71">
        <v>0</v>
      </c>
      <c r="EL22" s="71">
        <v>0</v>
      </c>
      <c r="EM22" s="71">
        <v>0</v>
      </c>
      <c r="EN22" s="72">
        <v>1</v>
      </c>
      <c r="EO22" s="73">
        <v>3</v>
      </c>
      <c r="EP22" s="70">
        <v>1</v>
      </c>
      <c r="EQ22" s="71">
        <v>3</v>
      </c>
      <c r="ER22" s="72">
        <v>4</v>
      </c>
      <c r="ES22" s="244"/>
      <c r="ET22" s="71">
        <v>2</v>
      </c>
      <c r="EU22" s="71">
        <v>0</v>
      </c>
      <c r="EV22" s="71">
        <v>2</v>
      </c>
      <c r="EW22" s="71">
        <v>0</v>
      </c>
      <c r="EX22" s="71">
        <v>0</v>
      </c>
      <c r="EY22" s="72">
        <v>4</v>
      </c>
      <c r="EZ22" s="73">
        <v>8</v>
      </c>
      <c r="FA22" s="86">
        <v>0</v>
      </c>
      <c r="FB22" s="71">
        <v>0</v>
      </c>
      <c r="FC22" s="72">
        <v>0</v>
      </c>
      <c r="FD22" s="244"/>
      <c r="FE22" s="71">
        <v>3</v>
      </c>
      <c r="FF22" s="71">
        <v>3</v>
      </c>
      <c r="FG22" s="71">
        <v>2</v>
      </c>
      <c r="FH22" s="71">
        <v>1</v>
      </c>
      <c r="FI22" s="71">
        <v>0</v>
      </c>
      <c r="FJ22" s="72">
        <v>9</v>
      </c>
      <c r="FK22" s="73">
        <v>9</v>
      </c>
      <c r="FL22" s="70">
        <v>0</v>
      </c>
      <c r="FM22" s="71">
        <v>1</v>
      </c>
      <c r="FN22" s="72">
        <v>1</v>
      </c>
      <c r="FO22" s="244"/>
      <c r="FP22" s="71">
        <v>2</v>
      </c>
      <c r="FQ22" s="71">
        <v>2</v>
      </c>
      <c r="FR22" s="71">
        <v>3</v>
      </c>
      <c r="FS22" s="71">
        <v>1</v>
      </c>
      <c r="FT22" s="71">
        <v>3</v>
      </c>
      <c r="FU22" s="72">
        <v>11</v>
      </c>
      <c r="FV22" s="73">
        <v>12</v>
      </c>
      <c r="FW22" s="70">
        <v>0</v>
      </c>
      <c r="FX22" s="71">
        <v>0</v>
      </c>
      <c r="FY22" s="72">
        <v>0</v>
      </c>
      <c r="FZ22" s="244"/>
      <c r="GA22" s="71">
        <v>0</v>
      </c>
      <c r="GB22" s="71">
        <v>0</v>
      </c>
      <c r="GC22" s="71">
        <v>0</v>
      </c>
      <c r="GD22" s="71">
        <v>0</v>
      </c>
      <c r="GE22" s="71">
        <v>0</v>
      </c>
      <c r="GF22" s="72">
        <v>0</v>
      </c>
      <c r="GG22" s="73">
        <v>0</v>
      </c>
      <c r="GH22" s="70">
        <v>3</v>
      </c>
      <c r="GI22" s="71">
        <v>5</v>
      </c>
      <c r="GJ22" s="72">
        <v>8</v>
      </c>
      <c r="GK22" s="244"/>
      <c r="GL22" s="71">
        <v>8</v>
      </c>
      <c r="GM22" s="71">
        <v>5</v>
      </c>
      <c r="GN22" s="71">
        <v>7</v>
      </c>
      <c r="GO22" s="71">
        <v>3</v>
      </c>
      <c r="GP22" s="71">
        <v>3</v>
      </c>
      <c r="GQ22" s="72">
        <v>26</v>
      </c>
      <c r="GR22" s="73">
        <v>34</v>
      </c>
      <c r="GS22" s="123">
        <v>42</v>
      </c>
      <c r="GT22" s="82">
        <v>36</v>
      </c>
      <c r="GU22" s="83">
        <v>78</v>
      </c>
      <c r="GV22" s="241"/>
      <c r="GW22" s="82">
        <v>80</v>
      </c>
      <c r="GX22" s="82">
        <v>59</v>
      </c>
      <c r="GY22" s="82">
        <v>32</v>
      </c>
      <c r="GZ22" s="82">
        <v>22</v>
      </c>
      <c r="HA22" s="82">
        <v>17</v>
      </c>
      <c r="HB22" s="84">
        <v>210</v>
      </c>
      <c r="HC22" s="85">
        <v>288</v>
      </c>
      <c r="HD22" s="86">
        <v>2</v>
      </c>
      <c r="HE22" s="71">
        <v>0</v>
      </c>
      <c r="HF22" s="72">
        <v>2</v>
      </c>
      <c r="HG22" s="244"/>
      <c r="HH22" s="71">
        <v>1</v>
      </c>
      <c r="HI22" s="71">
        <v>1</v>
      </c>
      <c r="HJ22" s="71">
        <v>0</v>
      </c>
      <c r="HK22" s="71">
        <v>1</v>
      </c>
      <c r="HL22" s="71">
        <v>0</v>
      </c>
      <c r="HM22" s="72">
        <v>3</v>
      </c>
      <c r="HN22" s="73">
        <v>5</v>
      </c>
      <c r="HO22" s="70">
        <v>2</v>
      </c>
      <c r="HP22" s="71">
        <v>0</v>
      </c>
      <c r="HQ22" s="72">
        <v>2</v>
      </c>
      <c r="HR22" s="244"/>
      <c r="HS22" s="71">
        <v>0</v>
      </c>
      <c r="HT22" s="71">
        <v>6</v>
      </c>
      <c r="HU22" s="71">
        <v>0</v>
      </c>
      <c r="HV22" s="71">
        <v>0</v>
      </c>
      <c r="HW22" s="71">
        <v>0</v>
      </c>
      <c r="HX22" s="72">
        <v>6</v>
      </c>
      <c r="HY22" s="73">
        <v>8</v>
      </c>
      <c r="HZ22" s="86">
        <v>5</v>
      </c>
      <c r="IA22" s="71">
        <v>5</v>
      </c>
      <c r="IB22" s="72">
        <v>10</v>
      </c>
      <c r="IC22" s="244"/>
      <c r="ID22" s="71">
        <v>5</v>
      </c>
      <c r="IE22" s="71">
        <v>4</v>
      </c>
      <c r="IF22" s="71">
        <v>2</v>
      </c>
      <c r="IG22" s="71">
        <v>1</v>
      </c>
      <c r="IH22" s="71">
        <v>2</v>
      </c>
      <c r="II22" s="72">
        <v>14</v>
      </c>
      <c r="IJ22" s="73">
        <v>24</v>
      </c>
      <c r="IK22" s="70">
        <v>10</v>
      </c>
      <c r="IL22" s="71">
        <v>9</v>
      </c>
      <c r="IM22" s="72">
        <v>19</v>
      </c>
      <c r="IN22" s="244"/>
      <c r="IO22" s="71">
        <v>20</v>
      </c>
      <c r="IP22" s="71">
        <v>7</v>
      </c>
      <c r="IQ22" s="71">
        <v>5</v>
      </c>
      <c r="IR22" s="71">
        <v>5</v>
      </c>
      <c r="IS22" s="71">
        <v>4</v>
      </c>
      <c r="IT22" s="72">
        <v>41</v>
      </c>
      <c r="IU22" s="73">
        <v>60</v>
      </c>
      <c r="IV22" s="86">
        <v>10</v>
      </c>
      <c r="IW22" s="71">
        <v>12</v>
      </c>
      <c r="IX22" s="72">
        <v>22</v>
      </c>
      <c r="IY22" s="244"/>
      <c r="IZ22" s="71">
        <v>32</v>
      </c>
      <c r="JA22" s="71">
        <v>22</v>
      </c>
      <c r="JB22" s="71">
        <v>12</v>
      </c>
      <c r="JC22" s="71">
        <v>8</v>
      </c>
      <c r="JD22" s="71">
        <v>4</v>
      </c>
      <c r="JE22" s="72">
        <v>78</v>
      </c>
      <c r="JF22" s="73">
        <v>100</v>
      </c>
      <c r="JG22" s="70">
        <v>13</v>
      </c>
      <c r="JH22" s="71">
        <v>10</v>
      </c>
      <c r="JI22" s="72">
        <v>23</v>
      </c>
      <c r="JJ22" s="244"/>
      <c r="JK22" s="71">
        <v>22</v>
      </c>
      <c r="JL22" s="71">
        <v>19</v>
      </c>
      <c r="JM22" s="71">
        <v>13</v>
      </c>
      <c r="JN22" s="71">
        <v>7</v>
      </c>
      <c r="JO22" s="71">
        <v>7</v>
      </c>
      <c r="JP22" s="72">
        <v>68</v>
      </c>
      <c r="JQ22" s="73">
        <v>91</v>
      </c>
      <c r="JR22" s="70">
        <v>0</v>
      </c>
      <c r="JS22" s="71">
        <v>0</v>
      </c>
      <c r="JT22" s="72">
        <v>0</v>
      </c>
      <c r="JU22" s="244"/>
      <c r="JV22" s="71">
        <v>0</v>
      </c>
      <c r="JW22" s="71">
        <v>0</v>
      </c>
      <c r="JX22" s="71">
        <v>0</v>
      </c>
      <c r="JY22" s="71">
        <v>0</v>
      </c>
      <c r="JZ22" s="71">
        <v>0</v>
      </c>
      <c r="KA22" s="72">
        <v>0</v>
      </c>
      <c r="KB22" s="73">
        <v>0</v>
      </c>
      <c r="KC22" s="70">
        <v>42</v>
      </c>
      <c r="KD22" s="71">
        <v>36</v>
      </c>
      <c r="KE22" s="72">
        <v>78</v>
      </c>
      <c r="KF22" s="244"/>
      <c r="KG22" s="71">
        <v>80</v>
      </c>
      <c r="KH22" s="71">
        <v>59</v>
      </c>
      <c r="KI22" s="71">
        <v>32</v>
      </c>
      <c r="KJ22" s="71">
        <v>22</v>
      </c>
      <c r="KK22" s="71">
        <v>17</v>
      </c>
      <c r="KL22" s="72">
        <v>210</v>
      </c>
      <c r="KM22" s="73">
        <v>288</v>
      </c>
    </row>
    <row r="23" spans="2:299" ht="21" customHeight="1" x14ac:dyDescent="0.2">
      <c r="B23" s="126" t="s">
        <v>20</v>
      </c>
      <c r="C23" s="313">
        <v>58</v>
      </c>
      <c r="D23" s="82">
        <v>68</v>
      </c>
      <c r="E23" s="83">
        <v>126</v>
      </c>
      <c r="F23" s="241"/>
      <c r="G23" s="82">
        <v>106</v>
      </c>
      <c r="H23" s="82">
        <v>73</v>
      </c>
      <c r="I23" s="82">
        <v>55</v>
      </c>
      <c r="J23" s="82">
        <v>41</v>
      </c>
      <c r="K23" s="82">
        <v>22</v>
      </c>
      <c r="L23" s="84">
        <v>297</v>
      </c>
      <c r="M23" s="85">
        <v>423</v>
      </c>
      <c r="N23" s="70">
        <v>1</v>
      </c>
      <c r="O23" s="71">
        <v>0</v>
      </c>
      <c r="P23" s="72">
        <v>1</v>
      </c>
      <c r="Q23" s="244"/>
      <c r="R23" s="71">
        <v>0</v>
      </c>
      <c r="S23" s="71">
        <v>2</v>
      </c>
      <c r="T23" s="71">
        <v>3</v>
      </c>
      <c r="U23" s="71">
        <v>0</v>
      </c>
      <c r="V23" s="71">
        <v>0</v>
      </c>
      <c r="W23" s="72">
        <v>5</v>
      </c>
      <c r="X23" s="73">
        <v>6</v>
      </c>
      <c r="Y23" s="70">
        <v>1</v>
      </c>
      <c r="Z23" s="71">
        <v>1</v>
      </c>
      <c r="AA23" s="72">
        <v>2</v>
      </c>
      <c r="AB23" s="244"/>
      <c r="AC23" s="71">
        <v>3</v>
      </c>
      <c r="AD23" s="71">
        <v>2</v>
      </c>
      <c r="AE23" s="71">
        <v>1</v>
      </c>
      <c r="AF23" s="71">
        <v>3</v>
      </c>
      <c r="AG23" s="71">
        <v>1</v>
      </c>
      <c r="AH23" s="72">
        <v>10</v>
      </c>
      <c r="AI23" s="73">
        <v>12</v>
      </c>
      <c r="AJ23" s="70">
        <v>8</v>
      </c>
      <c r="AK23" s="71">
        <v>5</v>
      </c>
      <c r="AL23" s="72">
        <v>13</v>
      </c>
      <c r="AM23" s="244"/>
      <c r="AN23" s="71">
        <v>8</v>
      </c>
      <c r="AO23" s="71">
        <v>4</v>
      </c>
      <c r="AP23" s="71">
        <v>7</v>
      </c>
      <c r="AQ23" s="71">
        <v>7</v>
      </c>
      <c r="AR23" s="71">
        <v>4</v>
      </c>
      <c r="AS23" s="72">
        <v>30</v>
      </c>
      <c r="AT23" s="73">
        <v>43</v>
      </c>
      <c r="AU23" s="70">
        <v>14</v>
      </c>
      <c r="AV23" s="71">
        <v>15</v>
      </c>
      <c r="AW23" s="72">
        <v>29</v>
      </c>
      <c r="AX23" s="244"/>
      <c r="AY23" s="71">
        <v>25</v>
      </c>
      <c r="AZ23" s="71">
        <v>17</v>
      </c>
      <c r="BA23" s="71">
        <v>13</v>
      </c>
      <c r="BB23" s="71">
        <v>8</v>
      </c>
      <c r="BC23" s="71">
        <v>3</v>
      </c>
      <c r="BD23" s="72">
        <v>66</v>
      </c>
      <c r="BE23" s="73">
        <v>95</v>
      </c>
      <c r="BF23" s="70">
        <v>23</v>
      </c>
      <c r="BG23" s="71">
        <v>28</v>
      </c>
      <c r="BH23" s="72">
        <v>51</v>
      </c>
      <c r="BI23" s="244"/>
      <c r="BJ23" s="71">
        <v>43</v>
      </c>
      <c r="BK23" s="71">
        <v>20</v>
      </c>
      <c r="BL23" s="71">
        <v>18</v>
      </c>
      <c r="BM23" s="71">
        <v>9</v>
      </c>
      <c r="BN23" s="71">
        <v>7</v>
      </c>
      <c r="BO23" s="72">
        <v>97</v>
      </c>
      <c r="BP23" s="73">
        <v>148</v>
      </c>
      <c r="BQ23" s="70">
        <v>11</v>
      </c>
      <c r="BR23" s="71">
        <v>19</v>
      </c>
      <c r="BS23" s="72">
        <v>30</v>
      </c>
      <c r="BT23" s="244"/>
      <c r="BU23" s="71">
        <v>27</v>
      </c>
      <c r="BV23" s="71">
        <v>28</v>
      </c>
      <c r="BW23" s="71">
        <v>13</v>
      </c>
      <c r="BX23" s="71">
        <v>14</v>
      </c>
      <c r="BY23" s="71">
        <v>7</v>
      </c>
      <c r="BZ23" s="72">
        <v>89</v>
      </c>
      <c r="CA23" s="73">
        <v>119</v>
      </c>
      <c r="CB23" s="70">
        <v>0</v>
      </c>
      <c r="CC23" s="71">
        <v>0</v>
      </c>
      <c r="CD23" s="72">
        <v>0</v>
      </c>
      <c r="CE23" s="244"/>
      <c r="CF23" s="71">
        <v>0</v>
      </c>
      <c r="CG23" s="71">
        <v>0</v>
      </c>
      <c r="CH23" s="71">
        <v>0</v>
      </c>
      <c r="CI23" s="71">
        <v>0</v>
      </c>
      <c r="CJ23" s="71">
        <v>0</v>
      </c>
      <c r="CK23" s="72">
        <v>0</v>
      </c>
      <c r="CL23" s="73">
        <v>0</v>
      </c>
      <c r="CM23" s="70">
        <v>58</v>
      </c>
      <c r="CN23" s="71">
        <v>68</v>
      </c>
      <c r="CO23" s="72">
        <v>126</v>
      </c>
      <c r="CP23" s="244"/>
      <c r="CQ23" s="71">
        <v>106</v>
      </c>
      <c r="CR23" s="71">
        <v>73</v>
      </c>
      <c r="CS23" s="71">
        <v>55</v>
      </c>
      <c r="CT23" s="71">
        <v>41</v>
      </c>
      <c r="CU23" s="71">
        <v>22</v>
      </c>
      <c r="CV23" s="72">
        <v>297</v>
      </c>
      <c r="CW23" s="73">
        <v>423</v>
      </c>
      <c r="CX23" s="123">
        <v>6</v>
      </c>
      <c r="CY23" s="82">
        <v>8</v>
      </c>
      <c r="CZ23" s="83">
        <v>14</v>
      </c>
      <c r="DA23" s="241"/>
      <c r="DB23" s="82">
        <v>14</v>
      </c>
      <c r="DC23" s="82">
        <v>7</v>
      </c>
      <c r="DD23" s="82">
        <v>4</v>
      </c>
      <c r="DE23" s="82">
        <v>6</v>
      </c>
      <c r="DF23" s="82">
        <v>3</v>
      </c>
      <c r="DG23" s="84">
        <v>34</v>
      </c>
      <c r="DH23" s="85">
        <v>48</v>
      </c>
      <c r="DI23" s="70">
        <v>0</v>
      </c>
      <c r="DJ23" s="71">
        <v>0</v>
      </c>
      <c r="DK23" s="72">
        <v>0</v>
      </c>
      <c r="DL23" s="244"/>
      <c r="DM23" s="71">
        <v>0</v>
      </c>
      <c r="DN23" s="71">
        <v>0</v>
      </c>
      <c r="DO23" s="71">
        <v>0</v>
      </c>
      <c r="DP23" s="71">
        <v>0</v>
      </c>
      <c r="DQ23" s="71">
        <v>0</v>
      </c>
      <c r="DR23" s="72">
        <v>0</v>
      </c>
      <c r="DS23" s="73">
        <v>0</v>
      </c>
      <c r="DT23" s="70">
        <v>1</v>
      </c>
      <c r="DU23" s="71">
        <v>0</v>
      </c>
      <c r="DV23" s="72">
        <v>1</v>
      </c>
      <c r="DW23" s="244"/>
      <c r="DX23" s="71">
        <v>0</v>
      </c>
      <c r="DY23" s="71">
        <v>2</v>
      </c>
      <c r="DZ23" s="71">
        <v>0</v>
      </c>
      <c r="EA23" s="71">
        <v>0</v>
      </c>
      <c r="EB23" s="71">
        <v>0</v>
      </c>
      <c r="EC23" s="72">
        <v>2</v>
      </c>
      <c r="ED23" s="73">
        <v>3</v>
      </c>
      <c r="EE23" s="70">
        <v>1</v>
      </c>
      <c r="EF23" s="71">
        <v>0</v>
      </c>
      <c r="EG23" s="72">
        <v>1</v>
      </c>
      <c r="EH23" s="244"/>
      <c r="EI23" s="71">
        <v>1</v>
      </c>
      <c r="EJ23" s="71">
        <v>0</v>
      </c>
      <c r="EK23" s="71">
        <v>1</v>
      </c>
      <c r="EL23" s="71">
        <v>0</v>
      </c>
      <c r="EM23" s="71">
        <v>0</v>
      </c>
      <c r="EN23" s="72">
        <v>2</v>
      </c>
      <c r="EO23" s="73">
        <v>3</v>
      </c>
      <c r="EP23" s="70">
        <v>3</v>
      </c>
      <c r="EQ23" s="71">
        <v>2</v>
      </c>
      <c r="ER23" s="72">
        <v>5</v>
      </c>
      <c r="ES23" s="244"/>
      <c r="ET23" s="71">
        <v>1</v>
      </c>
      <c r="EU23" s="71">
        <v>3</v>
      </c>
      <c r="EV23" s="71">
        <v>1</v>
      </c>
      <c r="EW23" s="71">
        <v>1</v>
      </c>
      <c r="EX23" s="71">
        <v>1</v>
      </c>
      <c r="EY23" s="72">
        <v>7</v>
      </c>
      <c r="EZ23" s="73">
        <v>12</v>
      </c>
      <c r="FA23" s="70">
        <v>0</v>
      </c>
      <c r="FB23" s="71">
        <v>4</v>
      </c>
      <c r="FC23" s="72">
        <v>4</v>
      </c>
      <c r="FD23" s="244"/>
      <c r="FE23" s="71">
        <v>4</v>
      </c>
      <c r="FF23" s="71">
        <v>0</v>
      </c>
      <c r="FG23" s="71">
        <v>2</v>
      </c>
      <c r="FH23" s="71">
        <v>2</v>
      </c>
      <c r="FI23" s="71">
        <v>0</v>
      </c>
      <c r="FJ23" s="72">
        <v>8</v>
      </c>
      <c r="FK23" s="73">
        <v>12</v>
      </c>
      <c r="FL23" s="70">
        <v>1</v>
      </c>
      <c r="FM23" s="71">
        <v>2</v>
      </c>
      <c r="FN23" s="72">
        <v>3</v>
      </c>
      <c r="FO23" s="244"/>
      <c r="FP23" s="71">
        <v>8</v>
      </c>
      <c r="FQ23" s="71">
        <v>2</v>
      </c>
      <c r="FR23" s="71">
        <v>0</v>
      </c>
      <c r="FS23" s="71">
        <v>3</v>
      </c>
      <c r="FT23" s="71">
        <v>2</v>
      </c>
      <c r="FU23" s="72">
        <v>15</v>
      </c>
      <c r="FV23" s="73">
        <v>18</v>
      </c>
      <c r="FW23" s="70">
        <v>0</v>
      </c>
      <c r="FX23" s="71">
        <v>0</v>
      </c>
      <c r="FY23" s="72">
        <v>0</v>
      </c>
      <c r="FZ23" s="244"/>
      <c r="GA23" s="71">
        <v>0</v>
      </c>
      <c r="GB23" s="71">
        <v>0</v>
      </c>
      <c r="GC23" s="71">
        <v>0</v>
      </c>
      <c r="GD23" s="71">
        <v>0</v>
      </c>
      <c r="GE23" s="71">
        <v>0</v>
      </c>
      <c r="GF23" s="72">
        <v>0</v>
      </c>
      <c r="GG23" s="73">
        <v>0</v>
      </c>
      <c r="GH23" s="70">
        <v>6</v>
      </c>
      <c r="GI23" s="71">
        <v>8</v>
      </c>
      <c r="GJ23" s="72">
        <v>14</v>
      </c>
      <c r="GK23" s="244"/>
      <c r="GL23" s="71">
        <v>14</v>
      </c>
      <c r="GM23" s="71">
        <v>7</v>
      </c>
      <c r="GN23" s="71">
        <v>4</v>
      </c>
      <c r="GO23" s="71">
        <v>6</v>
      </c>
      <c r="GP23" s="71">
        <v>3</v>
      </c>
      <c r="GQ23" s="72">
        <v>34</v>
      </c>
      <c r="GR23" s="73">
        <v>48</v>
      </c>
      <c r="GS23" s="123">
        <v>64</v>
      </c>
      <c r="GT23" s="82">
        <v>76</v>
      </c>
      <c r="GU23" s="83">
        <v>140</v>
      </c>
      <c r="GV23" s="241"/>
      <c r="GW23" s="82">
        <v>120</v>
      </c>
      <c r="GX23" s="82">
        <v>80</v>
      </c>
      <c r="GY23" s="82">
        <v>59</v>
      </c>
      <c r="GZ23" s="82">
        <v>47</v>
      </c>
      <c r="HA23" s="82">
        <v>25</v>
      </c>
      <c r="HB23" s="84">
        <v>331</v>
      </c>
      <c r="HC23" s="85">
        <v>471</v>
      </c>
      <c r="HD23" s="70">
        <v>1</v>
      </c>
      <c r="HE23" s="71">
        <v>0</v>
      </c>
      <c r="HF23" s="72">
        <v>1</v>
      </c>
      <c r="HG23" s="244"/>
      <c r="HH23" s="71">
        <v>0</v>
      </c>
      <c r="HI23" s="71">
        <v>2</v>
      </c>
      <c r="HJ23" s="71">
        <v>3</v>
      </c>
      <c r="HK23" s="71">
        <v>0</v>
      </c>
      <c r="HL23" s="71">
        <v>0</v>
      </c>
      <c r="HM23" s="72">
        <v>5</v>
      </c>
      <c r="HN23" s="73">
        <v>6</v>
      </c>
      <c r="HO23" s="70">
        <v>2</v>
      </c>
      <c r="HP23" s="71">
        <v>1</v>
      </c>
      <c r="HQ23" s="72">
        <v>3</v>
      </c>
      <c r="HR23" s="244"/>
      <c r="HS23" s="71">
        <v>3</v>
      </c>
      <c r="HT23" s="71">
        <v>4</v>
      </c>
      <c r="HU23" s="71">
        <v>1</v>
      </c>
      <c r="HV23" s="71">
        <v>3</v>
      </c>
      <c r="HW23" s="71">
        <v>1</v>
      </c>
      <c r="HX23" s="72">
        <v>12</v>
      </c>
      <c r="HY23" s="73">
        <v>15</v>
      </c>
      <c r="HZ23" s="70">
        <v>9</v>
      </c>
      <c r="IA23" s="71">
        <v>5</v>
      </c>
      <c r="IB23" s="72">
        <v>14</v>
      </c>
      <c r="IC23" s="244"/>
      <c r="ID23" s="71">
        <v>9</v>
      </c>
      <c r="IE23" s="71">
        <v>4</v>
      </c>
      <c r="IF23" s="71">
        <v>8</v>
      </c>
      <c r="IG23" s="71">
        <v>7</v>
      </c>
      <c r="IH23" s="71">
        <v>4</v>
      </c>
      <c r="II23" s="72">
        <v>32</v>
      </c>
      <c r="IJ23" s="73">
        <v>46</v>
      </c>
      <c r="IK23" s="70">
        <v>17</v>
      </c>
      <c r="IL23" s="71">
        <v>17</v>
      </c>
      <c r="IM23" s="72">
        <v>34</v>
      </c>
      <c r="IN23" s="244"/>
      <c r="IO23" s="71">
        <v>26</v>
      </c>
      <c r="IP23" s="71">
        <v>20</v>
      </c>
      <c r="IQ23" s="71">
        <v>14</v>
      </c>
      <c r="IR23" s="71">
        <v>9</v>
      </c>
      <c r="IS23" s="71">
        <v>4</v>
      </c>
      <c r="IT23" s="72">
        <v>73</v>
      </c>
      <c r="IU23" s="73">
        <v>107</v>
      </c>
      <c r="IV23" s="70">
        <v>23</v>
      </c>
      <c r="IW23" s="71">
        <v>32</v>
      </c>
      <c r="IX23" s="72">
        <v>55</v>
      </c>
      <c r="IY23" s="244"/>
      <c r="IZ23" s="71">
        <v>47</v>
      </c>
      <c r="JA23" s="71">
        <v>20</v>
      </c>
      <c r="JB23" s="71">
        <v>20</v>
      </c>
      <c r="JC23" s="71">
        <v>11</v>
      </c>
      <c r="JD23" s="71">
        <v>7</v>
      </c>
      <c r="JE23" s="72">
        <v>105</v>
      </c>
      <c r="JF23" s="73">
        <v>160</v>
      </c>
      <c r="JG23" s="70">
        <v>12</v>
      </c>
      <c r="JH23" s="71">
        <v>21</v>
      </c>
      <c r="JI23" s="72">
        <v>33</v>
      </c>
      <c r="JJ23" s="244"/>
      <c r="JK23" s="71">
        <v>35</v>
      </c>
      <c r="JL23" s="71">
        <v>30</v>
      </c>
      <c r="JM23" s="71">
        <v>13</v>
      </c>
      <c r="JN23" s="71">
        <v>17</v>
      </c>
      <c r="JO23" s="71">
        <v>9</v>
      </c>
      <c r="JP23" s="72">
        <v>104</v>
      </c>
      <c r="JQ23" s="73">
        <v>137</v>
      </c>
      <c r="JR23" s="70">
        <v>0</v>
      </c>
      <c r="JS23" s="71">
        <v>0</v>
      </c>
      <c r="JT23" s="72">
        <v>0</v>
      </c>
      <c r="JU23" s="244"/>
      <c r="JV23" s="71">
        <v>0</v>
      </c>
      <c r="JW23" s="71">
        <v>0</v>
      </c>
      <c r="JX23" s="71">
        <v>0</v>
      </c>
      <c r="JY23" s="71">
        <v>0</v>
      </c>
      <c r="JZ23" s="71">
        <v>0</v>
      </c>
      <c r="KA23" s="72">
        <v>0</v>
      </c>
      <c r="KB23" s="73">
        <v>0</v>
      </c>
      <c r="KC23" s="70">
        <v>64</v>
      </c>
      <c r="KD23" s="71">
        <v>76</v>
      </c>
      <c r="KE23" s="72">
        <v>140</v>
      </c>
      <c r="KF23" s="244"/>
      <c r="KG23" s="71">
        <v>120</v>
      </c>
      <c r="KH23" s="71">
        <v>80</v>
      </c>
      <c r="KI23" s="71">
        <v>59</v>
      </c>
      <c r="KJ23" s="71">
        <v>47</v>
      </c>
      <c r="KK23" s="71">
        <v>25</v>
      </c>
      <c r="KL23" s="72">
        <v>331</v>
      </c>
      <c r="KM23" s="73">
        <v>471</v>
      </c>
    </row>
    <row r="24" spans="2:299" ht="21" customHeight="1" x14ac:dyDescent="0.2">
      <c r="B24" s="126" t="s">
        <v>21</v>
      </c>
      <c r="C24" s="313">
        <v>55</v>
      </c>
      <c r="D24" s="82">
        <v>45</v>
      </c>
      <c r="E24" s="83">
        <v>100</v>
      </c>
      <c r="F24" s="241"/>
      <c r="G24" s="82">
        <v>56</v>
      </c>
      <c r="H24" s="82">
        <v>68</v>
      </c>
      <c r="I24" s="82">
        <v>40</v>
      </c>
      <c r="J24" s="82">
        <v>30</v>
      </c>
      <c r="K24" s="82">
        <v>28</v>
      </c>
      <c r="L24" s="84">
        <v>222</v>
      </c>
      <c r="M24" s="85">
        <v>322</v>
      </c>
      <c r="N24" s="70">
        <v>0</v>
      </c>
      <c r="O24" s="71">
        <v>2</v>
      </c>
      <c r="P24" s="72">
        <v>2</v>
      </c>
      <c r="Q24" s="244"/>
      <c r="R24" s="71">
        <v>0</v>
      </c>
      <c r="S24" s="71">
        <v>1</v>
      </c>
      <c r="T24" s="71">
        <v>0</v>
      </c>
      <c r="U24" s="71">
        <v>0</v>
      </c>
      <c r="V24" s="71">
        <v>1</v>
      </c>
      <c r="W24" s="72">
        <v>2</v>
      </c>
      <c r="X24" s="73">
        <v>4</v>
      </c>
      <c r="Y24" s="70">
        <v>2</v>
      </c>
      <c r="Z24" s="71">
        <v>2</v>
      </c>
      <c r="AA24" s="72">
        <v>4</v>
      </c>
      <c r="AB24" s="244"/>
      <c r="AC24" s="71">
        <v>4</v>
      </c>
      <c r="AD24" s="71">
        <v>5</v>
      </c>
      <c r="AE24" s="71">
        <v>4</v>
      </c>
      <c r="AF24" s="71">
        <v>1</v>
      </c>
      <c r="AG24" s="71">
        <v>0</v>
      </c>
      <c r="AH24" s="72">
        <v>14</v>
      </c>
      <c r="AI24" s="73">
        <v>18</v>
      </c>
      <c r="AJ24" s="70">
        <v>6</v>
      </c>
      <c r="AK24" s="71">
        <v>4</v>
      </c>
      <c r="AL24" s="72">
        <v>10</v>
      </c>
      <c r="AM24" s="244"/>
      <c r="AN24" s="71">
        <v>7</v>
      </c>
      <c r="AO24" s="71">
        <v>6</v>
      </c>
      <c r="AP24" s="71">
        <v>3</v>
      </c>
      <c r="AQ24" s="71">
        <v>7</v>
      </c>
      <c r="AR24" s="71">
        <v>1</v>
      </c>
      <c r="AS24" s="72">
        <v>24</v>
      </c>
      <c r="AT24" s="73">
        <v>34</v>
      </c>
      <c r="AU24" s="70">
        <v>12</v>
      </c>
      <c r="AV24" s="71">
        <v>6</v>
      </c>
      <c r="AW24" s="72">
        <v>18</v>
      </c>
      <c r="AX24" s="244"/>
      <c r="AY24" s="71">
        <v>20</v>
      </c>
      <c r="AZ24" s="71">
        <v>18</v>
      </c>
      <c r="BA24" s="71">
        <v>10</v>
      </c>
      <c r="BB24" s="71">
        <v>5</v>
      </c>
      <c r="BC24" s="71">
        <v>1</v>
      </c>
      <c r="BD24" s="72">
        <v>54</v>
      </c>
      <c r="BE24" s="73">
        <v>72</v>
      </c>
      <c r="BF24" s="70">
        <v>22</v>
      </c>
      <c r="BG24" s="71">
        <v>14</v>
      </c>
      <c r="BH24" s="72">
        <v>36</v>
      </c>
      <c r="BI24" s="244"/>
      <c r="BJ24" s="71">
        <v>15</v>
      </c>
      <c r="BK24" s="71">
        <v>18</v>
      </c>
      <c r="BL24" s="71">
        <v>10</v>
      </c>
      <c r="BM24" s="71">
        <v>9</v>
      </c>
      <c r="BN24" s="71">
        <v>18</v>
      </c>
      <c r="BO24" s="72">
        <v>70</v>
      </c>
      <c r="BP24" s="73">
        <v>106</v>
      </c>
      <c r="BQ24" s="70">
        <v>13</v>
      </c>
      <c r="BR24" s="71">
        <v>17</v>
      </c>
      <c r="BS24" s="72">
        <v>30</v>
      </c>
      <c r="BT24" s="244"/>
      <c r="BU24" s="71">
        <v>10</v>
      </c>
      <c r="BV24" s="71">
        <v>20</v>
      </c>
      <c r="BW24" s="71">
        <v>13</v>
      </c>
      <c r="BX24" s="71">
        <v>8</v>
      </c>
      <c r="BY24" s="71">
        <v>7</v>
      </c>
      <c r="BZ24" s="72">
        <v>58</v>
      </c>
      <c r="CA24" s="73">
        <v>88</v>
      </c>
      <c r="CB24" s="70">
        <v>0</v>
      </c>
      <c r="CC24" s="71">
        <v>0</v>
      </c>
      <c r="CD24" s="72">
        <v>0</v>
      </c>
      <c r="CE24" s="244"/>
      <c r="CF24" s="71">
        <v>0</v>
      </c>
      <c r="CG24" s="71">
        <v>0</v>
      </c>
      <c r="CH24" s="71">
        <v>0</v>
      </c>
      <c r="CI24" s="71">
        <v>0</v>
      </c>
      <c r="CJ24" s="71">
        <v>0</v>
      </c>
      <c r="CK24" s="72">
        <v>0</v>
      </c>
      <c r="CL24" s="73">
        <v>0</v>
      </c>
      <c r="CM24" s="70">
        <v>55</v>
      </c>
      <c r="CN24" s="71">
        <v>45</v>
      </c>
      <c r="CO24" s="72">
        <v>100</v>
      </c>
      <c r="CP24" s="244"/>
      <c r="CQ24" s="71">
        <v>56</v>
      </c>
      <c r="CR24" s="71">
        <v>68</v>
      </c>
      <c r="CS24" s="71">
        <v>40</v>
      </c>
      <c r="CT24" s="71">
        <v>30</v>
      </c>
      <c r="CU24" s="71">
        <v>28</v>
      </c>
      <c r="CV24" s="72">
        <v>222</v>
      </c>
      <c r="CW24" s="73">
        <v>322</v>
      </c>
      <c r="CX24" s="123">
        <v>3</v>
      </c>
      <c r="CY24" s="82">
        <v>4</v>
      </c>
      <c r="CZ24" s="83">
        <v>7</v>
      </c>
      <c r="DA24" s="241"/>
      <c r="DB24" s="82">
        <v>9</v>
      </c>
      <c r="DC24" s="82">
        <v>10</v>
      </c>
      <c r="DD24" s="82">
        <v>10</v>
      </c>
      <c r="DE24" s="82">
        <v>8</v>
      </c>
      <c r="DF24" s="82">
        <v>5</v>
      </c>
      <c r="DG24" s="84">
        <v>42</v>
      </c>
      <c r="DH24" s="85">
        <v>49</v>
      </c>
      <c r="DI24" s="70">
        <v>0</v>
      </c>
      <c r="DJ24" s="71">
        <v>0</v>
      </c>
      <c r="DK24" s="72">
        <v>0</v>
      </c>
      <c r="DL24" s="244"/>
      <c r="DM24" s="71">
        <v>1</v>
      </c>
      <c r="DN24" s="71">
        <v>1</v>
      </c>
      <c r="DO24" s="71">
        <v>0</v>
      </c>
      <c r="DP24" s="71">
        <v>0</v>
      </c>
      <c r="DQ24" s="71">
        <v>0</v>
      </c>
      <c r="DR24" s="72">
        <v>2</v>
      </c>
      <c r="DS24" s="73">
        <v>2</v>
      </c>
      <c r="DT24" s="70">
        <v>0</v>
      </c>
      <c r="DU24" s="71">
        <v>0</v>
      </c>
      <c r="DV24" s="72">
        <v>0</v>
      </c>
      <c r="DW24" s="244"/>
      <c r="DX24" s="71">
        <v>0</v>
      </c>
      <c r="DY24" s="71">
        <v>1</v>
      </c>
      <c r="DZ24" s="71">
        <v>1</v>
      </c>
      <c r="EA24" s="71">
        <v>0</v>
      </c>
      <c r="EB24" s="71">
        <v>0</v>
      </c>
      <c r="EC24" s="72">
        <v>2</v>
      </c>
      <c r="ED24" s="73">
        <v>2</v>
      </c>
      <c r="EE24" s="70">
        <v>0</v>
      </c>
      <c r="EF24" s="71">
        <v>2</v>
      </c>
      <c r="EG24" s="72">
        <v>2</v>
      </c>
      <c r="EH24" s="244"/>
      <c r="EI24" s="71">
        <v>0</v>
      </c>
      <c r="EJ24" s="71">
        <v>0</v>
      </c>
      <c r="EK24" s="71">
        <v>0</v>
      </c>
      <c r="EL24" s="71">
        <v>0</v>
      </c>
      <c r="EM24" s="71">
        <v>0</v>
      </c>
      <c r="EN24" s="72">
        <v>0</v>
      </c>
      <c r="EO24" s="73">
        <v>2</v>
      </c>
      <c r="EP24" s="70">
        <v>0</v>
      </c>
      <c r="EQ24" s="71">
        <v>0</v>
      </c>
      <c r="ER24" s="72">
        <v>0</v>
      </c>
      <c r="ES24" s="244"/>
      <c r="ET24" s="71">
        <v>1</v>
      </c>
      <c r="EU24" s="71">
        <v>1</v>
      </c>
      <c r="EV24" s="71">
        <v>2</v>
      </c>
      <c r="EW24" s="71">
        <v>0</v>
      </c>
      <c r="EX24" s="71">
        <v>0</v>
      </c>
      <c r="EY24" s="72">
        <v>4</v>
      </c>
      <c r="EZ24" s="73">
        <v>4</v>
      </c>
      <c r="FA24" s="70">
        <v>2</v>
      </c>
      <c r="FB24" s="71">
        <v>0</v>
      </c>
      <c r="FC24" s="72">
        <v>2</v>
      </c>
      <c r="FD24" s="244"/>
      <c r="FE24" s="71">
        <v>4</v>
      </c>
      <c r="FF24" s="71">
        <v>2</v>
      </c>
      <c r="FG24" s="71">
        <v>2</v>
      </c>
      <c r="FH24" s="71">
        <v>4</v>
      </c>
      <c r="FI24" s="71">
        <v>2</v>
      </c>
      <c r="FJ24" s="72">
        <v>14</v>
      </c>
      <c r="FK24" s="73">
        <v>16</v>
      </c>
      <c r="FL24" s="70">
        <v>1</v>
      </c>
      <c r="FM24" s="71">
        <v>2</v>
      </c>
      <c r="FN24" s="72">
        <v>3</v>
      </c>
      <c r="FO24" s="244"/>
      <c r="FP24" s="71">
        <v>3</v>
      </c>
      <c r="FQ24" s="71">
        <v>5</v>
      </c>
      <c r="FR24" s="71">
        <v>5</v>
      </c>
      <c r="FS24" s="71">
        <v>4</v>
      </c>
      <c r="FT24" s="71">
        <v>3</v>
      </c>
      <c r="FU24" s="72">
        <v>20</v>
      </c>
      <c r="FV24" s="73">
        <v>23</v>
      </c>
      <c r="FW24" s="70">
        <v>0</v>
      </c>
      <c r="FX24" s="71">
        <v>0</v>
      </c>
      <c r="FY24" s="72">
        <v>0</v>
      </c>
      <c r="FZ24" s="244"/>
      <c r="GA24" s="71">
        <v>0</v>
      </c>
      <c r="GB24" s="71">
        <v>0</v>
      </c>
      <c r="GC24" s="71">
        <v>0</v>
      </c>
      <c r="GD24" s="71">
        <v>0</v>
      </c>
      <c r="GE24" s="71">
        <v>0</v>
      </c>
      <c r="GF24" s="72">
        <v>0</v>
      </c>
      <c r="GG24" s="73">
        <v>0</v>
      </c>
      <c r="GH24" s="70">
        <v>3</v>
      </c>
      <c r="GI24" s="71">
        <v>4</v>
      </c>
      <c r="GJ24" s="72">
        <v>7</v>
      </c>
      <c r="GK24" s="244"/>
      <c r="GL24" s="71">
        <v>9</v>
      </c>
      <c r="GM24" s="71">
        <v>10</v>
      </c>
      <c r="GN24" s="71">
        <v>10</v>
      </c>
      <c r="GO24" s="71">
        <v>8</v>
      </c>
      <c r="GP24" s="71">
        <v>5</v>
      </c>
      <c r="GQ24" s="72">
        <v>42</v>
      </c>
      <c r="GR24" s="73">
        <v>49</v>
      </c>
      <c r="GS24" s="123">
        <v>58</v>
      </c>
      <c r="GT24" s="82">
        <v>49</v>
      </c>
      <c r="GU24" s="83">
        <v>107</v>
      </c>
      <c r="GV24" s="241"/>
      <c r="GW24" s="82">
        <v>65</v>
      </c>
      <c r="GX24" s="82">
        <v>78</v>
      </c>
      <c r="GY24" s="82">
        <v>50</v>
      </c>
      <c r="GZ24" s="82">
        <v>38</v>
      </c>
      <c r="HA24" s="82">
        <v>33</v>
      </c>
      <c r="HB24" s="84">
        <v>264</v>
      </c>
      <c r="HC24" s="85">
        <v>371</v>
      </c>
      <c r="HD24" s="70">
        <v>0</v>
      </c>
      <c r="HE24" s="71">
        <v>2</v>
      </c>
      <c r="HF24" s="72">
        <v>2</v>
      </c>
      <c r="HG24" s="244"/>
      <c r="HH24" s="71">
        <v>1</v>
      </c>
      <c r="HI24" s="71">
        <v>2</v>
      </c>
      <c r="HJ24" s="71">
        <v>0</v>
      </c>
      <c r="HK24" s="71">
        <v>0</v>
      </c>
      <c r="HL24" s="71">
        <v>1</v>
      </c>
      <c r="HM24" s="72">
        <v>4</v>
      </c>
      <c r="HN24" s="73">
        <v>6</v>
      </c>
      <c r="HO24" s="70">
        <v>2</v>
      </c>
      <c r="HP24" s="71">
        <v>2</v>
      </c>
      <c r="HQ24" s="72">
        <v>4</v>
      </c>
      <c r="HR24" s="244"/>
      <c r="HS24" s="71">
        <v>4</v>
      </c>
      <c r="HT24" s="71">
        <v>6</v>
      </c>
      <c r="HU24" s="71">
        <v>5</v>
      </c>
      <c r="HV24" s="71">
        <v>1</v>
      </c>
      <c r="HW24" s="71">
        <v>0</v>
      </c>
      <c r="HX24" s="72">
        <v>16</v>
      </c>
      <c r="HY24" s="73">
        <v>20</v>
      </c>
      <c r="HZ24" s="70">
        <v>6</v>
      </c>
      <c r="IA24" s="71">
        <v>6</v>
      </c>
      <c r="IB24" s="72">
        <v>12</v>
      </c>
      <c r="IC24" s="244"/>
      <c r="ID24" s="71">
        <v>7</v>
      </c>
      <c r="IE24" s="71">
        <v>6</v>
      </c>
      <c r="IF24" s="71">
        <v>3</v>
      </c>
      <c r="IG24" s="71">
        <v>7</v>
      </c>
      <c r="IH24" s="71">
        <v>1</v>
      </c>
      <c r="II24" s="72">
        <v>24</v>
      </c>
      <c r="IJ24" s="73">
        <v>36</v>
      </c>
      <c r="IK24" s="70">
        <v>12</v>
      </c>
      <c r="IL24" s="71">
        <v>6</v>
      </c>
      <c r="IM24" s="72">
        <v>18</v>
      </c>
      <c r="IN24" s="244"/>
      <c r="IO24" s="71">
        <v>21</v>
      </c>
      <c r="IP24" s="71">
        <v>19</v>
      </c>
      <c r="IQ24" s="71">
        <v>12</v>
      </c>
      <c r="IR24" s="71">
        <v>5</v>
      </c>
      <c r="IS24" s="71">
        <v>1</v>
      </c>
      <c r="IT24" s="72">
        <v>58</v>
      </c>
      <c r="IU24" s="73">
        <v>76</v>
      </c>
      <c r="IV24" s="70">
        <v>24</v>
      </c>
      <c r="IW24" s="71">
        <v>14</v>
      </c>
      <c r="IX24" s="72">
        <v>38</v>
      </c>
      <c r="IY24" s="244"/>
      <c r="IZ24" s="71">
        <v>19</v>
      </c>
      <c r="JA24" s="71">
        <v>20</v>
      </c>
      <c r="JB24" s="71">
        <v>12</v>
      </c>
      <c r="JC24" s="71">
        <v>13</v>
      </c>
      <c r="JD24" s="71">
        <v>20</v>
      </c>
      <c r="JE24" s="72">
        <v>84</v>
      </c>
      <c r="JF24" s="73">
        <v>122</v>
      </c>
      <c r="JG24" s="70">
        <v>14</v>
      </c>
      <c r="JH24" s="71">
        <v>19</v>
      </c>
      <c r="JI24" s="72">
        <v>33</v>
      </c>
      <c r="JJ24" s="244"/>
      <c r="JK24" s="71">
        <v>13</v>
      </c>
      <c r="JL24" s="71">
        <v>25</v>
      </c>
      <c r="JM24" s="71">
        <v>18</v>
      </c>
      <c r="JN24" s="71">
        <v>12</v>
      </c>
      <c r="JO24" s="71">
        <v>10</v>
      </c>
      <c r="JP24" s="72">
        <v>78</v>
      </c>
      <c r="JQ24" s="73">
        <v>111</v>
      </c>
      <c r="JR24" s="70">
        <v>0</v>
      </c>
      <c r="JS24" s="71">
        <v>0</v>
      </c>
      <c r="JT24" s="72">
        <v>0</v>
      </c>
      <c r="JU24" s="244"/>
      <c r="JV24" s="71">
        <v>0</v>
      </c>
      <c r="JW24" s="71">
        <v>0</v>
      </c>
      <c r="JX24" s="71">
        <v>0</v>
      </c>
      <c r="JY24" s="71">
        <v>0</v>
      </c>
      <c r="JZ24" s="71">
        <v>0</v>
      </c>
      <c r="KA24" s="72">
        <v>0</v>
      </c>
      <c r="KB24" s="73">
        <v>0</v>
      </c>
      <c r="KC24" s="70">
        <v>58</v>
      </c>
      <c r="KD24" s="71">
        <v>49</v>
      </c>
      <c r="KE24" s="72">
        <v>107</v>
      </c>
      <c r="KF24" s="244"/>
      <c r="KG24" s="71">
        <v>65</v>
      </c>
      <c r="KH24" s="71">
        <v>78</v>
      </c>
      <c r="KI24" s="71">
        <v>50</v>
      </c>
      <c r="KJ24" s="71">
        <v>38</v>
      </c>
      <c r="KK24" s="71">
        <v>33</v>
      </c>
      <c r="KL24" s="72">
        <v>264</v>
      </c>
      <c r="KM24" s="73">
        <v>371</v>
      </c>
    </row>
    <row r="25" spans="2:299" ht="21" customHeight="1" x14ac:dyDescent="0.2">
      <c r="B25" s="126" t="s">
        <v>22</v>
      </c>
      <c r="C25" s="313">
        <v>15</v>
      </c>
      <c r="D25" s="82">
        <v>14</v>
      </c>
      <c r="E25" s="83">
        <v>29</v>
      </c>
      <c r="F25" s="241"/>
      <c r="G25" s="82">
        <v>45</v>
      </c>
      <c r="H25" s="82">
        <v>29</v>
      </c>
      <c r="I25" s="82">
        <v>15</v>
      </c>
      <c r="J25" s="82">
        <v>20</v>
      </c>
      <c r="K25" s="82">
        <v>6</v>
      </c>
      <c r="L25" s="84">
        <v>115</v>
      </c>
      <c r="M25" s="85">
        <v>144</v>
      </c>
      <c r="N25" s="70">
        <v>0</v>
      </c>
      <c r="O25" s="71">
        <v>0</v>
      </c>
      <c r="P25" s="72">
        <v>0</v>
      </c>
      <c r="Q25" s="244"/>
      <c r="R25" s="71">
        <v>0</v>
      </c>
      <c r="S25" s="71">
        <v>0</v>
      </c>
      <c r="T25" s="71">
        <v>0</v>
      </c>
      <c r="U25" s="71">
        <v>0</v>
      </c>
      <c r="V25" s="71">
        <v>0</v>
      </c>
      <c r="W25" s="72">
        <v>0</v>
      </c>
      <c r="X25" s="73">
        <v>0</v>
      </c>
      <c r="Y25" s="70">
        <v>1</v>
      </c>
      <c r="Z25" s="71">
        <v>0</v>
      </c>
      <c r="AA25" s="72">
        <v>1</v>
      </c>
      <c r="AB25" s="244"/>
      <c r="AC25" s="71">
        <v>2</v>
      </c>
      <c r="AD25" s="71">
        <v>1</v>
      </c>
      <c r="AE25" s="71">
        <v>1</v>
      </c>
      <c r="AF25" s="71">
        <v>2</v>
      </c>
      <c r="AG25" s="71">
        <v>0</v>
      </c>
      <c r="AH25" s="72">
        <v>6</v>
      </c>
      <c r="AI25" s="73">
        <v>7</v>
      </c>
      <c r="AJ25" s="70">
        <v>1</v>
      </c>
      <c r="AK25" s="71">
        <v>1</v>
      </c>
      <c r="AL25" s="72">
        <v>2</v>
      </c>
      <c r="AM25" s="244"/>
      <c r="AN25" s="71">
        <v>3</v>
      </c>
      <c r="AO25" s="71">
        <v>3</v>
      </c>
      <c r="AP25" s="71">
        <v>3</v>
      </c>
      <c r="AQ25" s="71">
        <v>2</v>
      </c>
      <c r="AR25" s="71">
        <v>0</v>
      </c>
      <c r="AS25" s="72">
        <v>11</v>
      </c>
      <c r="AT25" s="73">
        <v>13</v>
      </c>
      <c r="AU25" s="70">
        <v>1</v>
      </c>
      <c r="AV25" s="71">
        <v>2</v>
      </c>
      <c r="AW25" s="72">
        <v>3</v>
      </c>
      <c r="AX25" s="244"/>
      <c r="AY25" s="71">
        <v>5</v>
      </c>
      <c r="AZ25" s="71">
        <v>3</v>
      </c>
      <c r="BA25" s="71">
        <v>3</v>
      </c>
      <c r="BB25" s="71">
        <v>5</v>
      </c>
      <c r="BC25" s="71">
        <v>4</v>
      </c>
      <c r="BD25" s="72">
        <v>20</v>
      </c>
      <c r="BE25" s="73">
        <v>23</v>
      </c>
      <c r="BF25" s="70">
        <v>5</v>
      </c>
      <c r="BG25" s="71">
        <v>6</v>
      </c>
      <c r="BH25" s="72">
        <v>11</v>
      </c>
      <c r="BI25" s="244"/>
      <c r="BJ25" s="71">
        <v>16</v>
      </c>
      <c r="BK25" s="71">
        <v>11</v>
      </c>
      <c r="BL25" s="71">
        <v>3</v>
      </c>
      <c r="BM25" s="71">
        <v>6</v>
      </c>
      <c r="BN25" s="71">
        <v>0</v>
      </c>
      <c r="BO25" s="72">
        <v>36</v>
      </c>
      <c r="BP25" s="73">
        <v>47</v>
      </c>
      <c r="BQ25" s="70">
        <v>7</v>
      </c>
      <c r="BR25" s="71">
        <v>5</v>
      </c>
      <c r="BS25" s="72">
        <v>12</v>
      </c>
      <c r="BT25" s="244"/>
      <c r="BU25" s="71">
        <v>19</v>
      </c>
      <c r="BV25" s="71">
        <v>11</v>
      </c>
      <c r="BW25" s="71">
        <v>5</v>
      </c>
      <c r="BX25" s="71">
        <v>5</v>
      </c>
      <c r="BY25" s="71">
        <v>2</v>
      </c>
      <c r="BZ25" s="72">
        <v>42</v>
      </c>
      <c r="CA25" s="73">
        <v>54</v>
      </c>
      <c r="CB25" s="70">
        <v>0</v>
      </c>
      <c r="CC25" s="71">
        <v>0</v>
      </c>
      <c r="CD25" s="72">
        <v>0</v>
      </c>
      <c r="CE25" s="244"/>
      <c r="CF25" s="71">
        <v>0</v>
      </c>
      <c r="CG25" s="71">
        <v>0</v>
      </c>
      <c r="CH25" s="71">
        <v>0</v>
      </c>
      <c r="CI25" s="71">
        <v>0</v>
      </c>
      <c r="CJ25" s="71">
        <v>0</v>
      </c>
      <c r="CK25" s="72">
        <v>0</v>
      </c>
      <c r="CL25" s="73">
        <v>0</v>
      </c>
      <c r="CM25" s="70">
        <v>15</v>
      </c>
      <c r="CN25" s="71">
        <v>14</v>
      </c>
      <c r="CO25" s="72">
        <v>29</v>
      </c>
      <c r="CP25" s="244"/>
      <c r="CQ25" s="71">
        <v>45</v>
      </c>
      <c r="CR25" s="71">
        <v>29</v>
      </c>
      <c r="CS25" s="71">
        <v>15</v>
      </c>
      <c r="CT25" s="71">
        <v>20</v>
      </c>
      <c r="CU25" s="71">
        <v>6</v>
      </c>
      <c r="CV25" s="72">
        <v>115</v>
      </c>
      <c r="CW25" s="73">
        <v>144</v>
      </c>
      <c r="CX25" s="123">
        <v>2</v>
      </c>
      <c r="CY25" s="82">
        <v>4</v>
      </c>
      <c r="CZ25" s="83">
        <v>6</v>
      </c>
      <c r="DA25" s="241"/>
      <c r="DB25" s="82">
        <v>6</v>
      </c>
      <c r="DC25" s="82">
        <v>4</v>
      </c>
      <c r="DD25" s="82">
        <v>3</v>
      </c>
      <c r="DE25" s="82">
        <v>3</v>
      </c>
      <c r="DF25" s="82">
        <v>0</v>
      </c>
      <c r="DG25" s="84">
        <v>16</v>
      </c>
      <c r="DH25" s="85">
        <v>22</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0</v>
      </c>
      <c r="EF25" s="71">
        <v>2</v>
      </c>
      <c r="EG25" s="72">
        <v>2</v>
      </c>
      <c r="EH25" s="244"/>
      <c r="EI25" s="71">
        <v>0</v>
      </c>
      <c r="EJ25" s="71">
        <v>1</v>
      </c>
      <c r="EK25" s="71">
        <v>2</v>
      </c>
      <c r="EL25" s="71">
        <v>0</v>
      </c>
      <c r="EM25" s="71">
        <v>0</v>
      </c>
      <c r="EN25" s="72">
        <v>3</v>
      </c>
      <c r="EO25" s="73">
        <v>5</v>
      </c>
      <c r="EP25" s="70">
        <v>2</v>
      </c>
      <c r="EQ25" s="71">
        <v>0</v>
      </c>
      <c r="ER25" s="72">
        <v>2</v>
      </c>
      <c r="ES25" s="244"/>
      <c r="ET25" s="71">
        <v>0</v>
      </c>
      <c r="EU25" s="71">
        <v>0</v>
      </c>
      <c r="EV25" s="71">
        <v>0</v>
      </c>
      <c r="EW25" s="71">
        <v>0</v>
      </c>
      <c r="EX25" s="71">
        <v>0</v>
      </c>
      <c r="EY25" s="72">
        <v>0</v>
      </c>
      <c r="EZ25" s="73">
        <v>2</v>
      </c>
      <c r="FA25" s="70">
        <v>0</v>
      </c>
      <c r="FB25" s="71">
        <v>0</v>
      </c>
      <c r="FC25" s="72">
        <v>0</v>
      </c>
      <c r="FD25" s="244"/>
      <c r="FE25" s="71">
        <v>2</v>
      </c>
      <c r="FF25" s="71">
        <v>1</v>
      </c>
      <c r="FG25" s="71">
        <v>0</v>
      </c>
      <c r="FH25" s="71">
        <v>0</v>
      </c>
      <c r="FI25" s="71">
        <v>0</v>
      </c>
      <c r="FJ25" s="72">
        <v>3</v>
      </c>
      <c r="FK25" s="73">
        <v>3</v>
      </c>
      <c r="FL25" s="70">
        <v>0</v>
      </c>
      <c r="FM25" s="71">
        <v>2</v>
      </c>
      <c r="FN25" s="72">
        <v>2</v>
      </c>
      <c r="FO25" s="244"/>
      <c r="FP25" s="71">
        <v>4</v>
      </c>
      <c r="FQ25" s="71">
        <v>2</v>
      </c>
      <c r="FR25" s="71">
        <v>1</v>
      </c>
      <c r="FS25" s="71">
        <v>3</v>
      </c>
      <c r="FT25" s="71">
        <v>0</v>
      </c>
      <c r="FU25" s="72">
        <v>10</v>
      </c>
      <c r="FV25" s="73">
        <v>12</v>
      </c>
      <c r="FW25" s="70">
        <v>0</v>
      </c>
      <c r="FX25" s="71">
        <v>0</v>
      </c>
      <c r="FY25" s="72">
        <v>0</v>
      </c>
      <c r="FZ25" s="244"/>
      <c r="GA25" s="71">
        <v>0</v>
      </c>
      <c r="GB25" s="71">
        <v>0</v>
      </c>
      <c r="GC25" s="71">
        <v>0</v>
      </c>
      <c r="GD25" s="71">
        <v>0</v>
      </c>
      <c r="GE25" s="71">
        <v>0</v>
      </c>
      <c r="GF25" s="72">
        <v>0</v>
      </c>
      <c r="GG25" s="73">
        <v>0</v>
      </c>
      <c r="GH25" s="70">
        <v>2</v>
      </c>
      <c r="GI25" s="71">
        <v>4</v>
      </c>
      <c r="GJ25" s="72">
        <v>6</v>
      </c>
      <c r="GK25" s="244"/>
      <c r="GL25" s="71">
        <v>6</v>
      </c>
      <c r="GM25" s="71">
        <v>4</v>
      </c>
      <c r="GN25" s="71">
        <v>3</v>
      </c>
      <c r="GO25" s="71">
        <v>3</v>
      </c>
      <c r="GP25" s="71">
        <v>0</v>
      </c>
      <c r="GQ25" s="72">
        <v>16</v>
      </c>
      <c r="GR25" s="73">
        <v>22</v>
      </c>
      <c r="GS25" s="123">
        <v>17</v>
      </c>
      <c r="GT25" s="82">
        <v>18</v>
      </c>
      <c r="GU25" s="83">
        <v>35</v>
      </c>
      <c r="GV25" s="241"/>
      <c r="GW25" s="82">
        <v>51</v>
      </c>
      <c r="GX25" s="82">
        <v>33</v>
      </c>
      <c r="GY25" s="82">
        <v>18</v>
      </c>
      <c r="GZ25" s="82">
        <v>23</v>
      </c>
      <c r="HA25" s="82">
        <v>6</v>
      </c>
      <c r="HB25" s="84">
        <v>131</v>
      </c>
      <c r="HC25" s="85">
        <v>166</v>
      </c>
      <c r="HD25" s="70">
        <v>0</v>
      </c>
      <c r="HE25" s="71">
        <v>0</v>
      </c>
      <c r="HF25" s="72">
        <v>0</v>
      </c>
      <c r="HG25" s="244"/>
      <c r="HH25" s="71">
        <v>0</v>
      </c>
      <c r="HI25" s="71">
        <v>0</v>
      </c>
      <c r="HJ25" s="71">
        <v>0</v>
      </c>
      <c r="HK25" s="71">
        <v>0</v>
      </c>
      <c r="HL25" s="71">
        <v>0</v>
      </c>
      <c r="HM25" s="72">
        <v>0</v>
      </c>
      <c r="HN25" s="73">
        <v>0</v>
      </c>
      <c r="HO25" s="70">
        <v>1</v>
      </c>
      <c r="HP25" s="71">
        <v>0</v>
      </c>
      <c r="HQ25" s="72">
        <v>1</v>
      </c>
      <c r="HR25" s="244"/>
      <c r="HS25" s="71">
        <v>2</v>
      </c>
      <c r="HT25" s="71">
        <v>1</v>
      </c>
      <c r="HU25" s="71">
        <v>1</v>
      </c>
      <c r="HV25" s="71">
        <v>2</v>
      </c>
      <c r="HW25" s="71">
        <v>0</v>
      </c>
      <c r="HX25" s="72">
        <v>6</v>
      </c>
      <c r="HY25" s="73">
        <v>7</v>
      </c>
      <c r="HZ25" s="70">
        <v>1</v>
      </c>
      <c r="IA25" s="71">
        <v>3</v>
      </c>
      <c r="IB25" s="72">
        <v>4</v>
      </c>
      <c r="IC25" s="244"/>
      <c r="ID25" s="71">
        <v>3</v>
      </c>
      <c r="IE25" s="71">
        <v>4</v>
      </c>
      <c r="IF25" s="71">
        <v>5</v>
      </c>
      <c r="IG25" s="71">
        <v>2</v>
      </c>
      <c r="IH25" s="71">
        <v>0</v>
      </c>
      <c r="II25" s="72">
        <v>14</v>
      </c>
      <c r="IJ25" s="73">
        <v>18</v>
      </c>
      <c r="IK25" s="70">
        <v>3</v>
      </c>
      <c r="IL25" s="71">
        <v>2</v>
      </c>
      <c r="IM25" s="72">
        <v>5</v>
      </c>
      <c r="IN25" s="244"/>
      <c r="IO25" s="71">
        <v>5</v>
      </c>
      <c r="IP25" s="71">
        <v>3</v>
      </c>
      <c r="IQ25" s="71">
        <v>3</v>
      </c>
      <c r="IR25" s="71">
        <v>5</v>
      </c>
      <c r="IS25" s="71">
        <v>4</v>
      </c>
      <c r="IT25" s="72">
        <v>20</v>
      </c>
      <c r="IU25" s="73">
        <v>25</v>
      </c>
      <c r="IV25" s="70">
        <v>5</v>
      </c>
      <c r="IW25" s="71">
        <v>6</v>
      </c>
      <c r="IX25" s="72">
        <v>11</v>
      </c>
      <c r="IY25" s="244"/>
      <c r="IZ25" s="71">
        <v>18</v>
      </c>
      <c r="JA25" s="71">
        <v>12</v>
      </c>
      <c r="JB25" s="71">
        <v>3</v>
      </c>
      <c r="JC25" s="71">
        <v>6</v>
      </c>
      <c r="JD25" s="71">
        <v>0</v>
      </c>
      <c r="JE25" s="72">
        <v>39</v>
      </c>
      <c r="JF25" s="73">
        <v>50</v>
      </c>
      <c r="JG25" s="70">
        <v>7</v>
      </c>
      <c r="JH25" s="71">
        <v>7</v>
      </c>
      <c r="JI25" s="72">
        <v>14</v>
      </c>
      <c r="JJ25" s="244"/>
      <c r="JK25" s="71">
        <v>23</v>
      </c>
      <c r="JL25" s="71">
        <v>13</v>
      </c>
      <c r="JM25" s="71">
        <v>6</v>
      </c>
      <c r="JN25" s="71">
        <v>8</v>
      </c>
      <c r="JO25" s="71">
        <v>2</v>
      </c>
      <c r="JP25" s="72">
        <v>52</v>
      </c>
      <c r="JQ25" s="73">
        <v>66</v>
      </c>
      <c r="JR25" s="70">
        <v>0</v>
      </c>
      <c r="JS25" s="71">
        <v>0</v>
      </c>
      <c r="JT25" s="72">
        <v>0</v>
      </c>
      <c r="JU25" s="244"/>
      <c r="JV25" s="71">
        <v>0</v>
      </c>
      <c r="JW25" s="71">
        <v>0</v>
      </c>
      <c r="JX25" s="71">
        <v>0</v>
      </c>
      <c r="JY25" s="71">
        <v>0</v>
      </c>
      <c r="JZ25" s="71">
        <v>0</v>
      </c>
      <c r="KA25" s="72">
        <v>0</v>
      </c>
      <c r="KB25" s="73">
        <v>0</v>
      </c>
      <c r="KC25" s="70">
        <v>17</v>
      </c>
      <c r="KD25" s="71">
        <v>18</v>
      </c>
      <c r="KE25" s="72">
        <v>35</v>
      </c>
      <c r="KF25" s="244"/>
      <c r="KG25" s="71">
        <v>51</v>
      </c>
      <c r="KH25" s="71">
        <v>33</v>
      </c>
      <c r="KI25" s="71">
        <v>18</v>
      </c>
      <c r="KJ25" s="71">
        <v>23</v>
      </c>
      <c r="KK25" s="71">
        <v>6</v>
      </c>
      <c r="KL25" s="72">
        <v>131</v>
      </c>
      <c r="KM25" s="73">
        <v>166</v>
      </c>
    </row>
    <row r="26" spans="2:299" ht="21" customHeight="1" x14ac:dyDescent="0.2">
      <c r="B26" s="126" t="s">
        <v>23</v>
      </c>
      <c r="C26" s="313">
        <v>33</v>
      </c>
      <c r="D26" s="82">
        <v>27</v>
      </c>
      <c r="E26" s="83">
        <v>60</v>
      </c>
      <c r="F26" s="241"/>
      <c r="G26" s="82">
        <v>55</v>
      </c>
      <c r="H26" s="82">
        <v>38</v>
      </c>
      <c r="I26" s="82">
        <v>19</v>
      </c>
      <c r="J26" s="82">
        <v>19</v>
      </c>
      <c r="K26" s="82">
        <v>7</v>
      </c>
      <c r="L26" s="84">
        <v>138</v>
      </c>
      <c r="M26" s="85">
        <v>198</v>
      </c>
      <c r="N26" s="70">
        <v>0</v>
      </c>
      <c r="O26" s="71">
        <v>0</v>
      </c>
      <c r="P26" s="72">
        <v>0</v>
      </c>
      <c r="Q26" s="244"/>
      <c r="R26" s="71">
        <v>2</v>
      </c>
      <c r="S26" s="71">
        <v>0</v>
      </c>
      <c r="T26" s="71">
        <v>1</v>
      </c>
      <c r="U26" s="71">
        <v>0</v>
      </c>
      <c r="V26" s="71">
        <v>0</v>
      </c>
      <c r="W26" s="72">
        <v>3</v>
      </c>
      <c r="X26" s="73">
        <v>3</v>
      </c>
      <c r="Y26" s="70">
        <v>2</v>
      </c>
      <c r="Z26" s="71">
        <v>1</v>
      </c>
      <c r="AA26" s="72">
        <v>3</v>
      </c>
      <c r="AB26" s="244"/>
      <c r="AC26" s="71">
        <v>2</v>
      </c>
      <c r="AD26" s="71">
        <v>3</v>
      </c>
      <c r="AE26" s="71">
        <v>0</v>
      </c>
      <c r="AF26" s="71">
        <v>2</v>
      </c>
      <c r="AG26" s="71">
        <v>1</v>
      </c>
      <c r="AH26" s="72">
        <v>8</v>
      </c>
      <c r="AI26" s="73">
        <v>11</v>
      </c>
      <c r="AJ26" s="70">
        <v>6</v>
      </c>
      <c r="AK26" s="71">
        <v>1</v>
      </c>
      <c r="AL26" s="72">
        <v>7</v>
      </c>
      <c r="AM26" s="244"/>
      <c r="AN26" s="71">
        <v>7</v>
      </c>
      <c r="AO26" s="71">
        <v>4</v>
      </c>
      <c r="AP26" s="71">
        <v>1</v>
      </c>
      <c r="AQ26" s="71">
        <v>1</v>
      </c>
      <c r="AR26" s="71">
        <v>0</v>
      </c>
      <c r="AS26" s="72">
        <v>13</v>
      </c>
      <c r="AT26" s="73">
        <v>20</v>
      </c>
      <c r="AU26" s="70">
        <v>7</v>
      </c>
      <c r="AV26" s="71">
        <v>12</v>
      </c>
      <c r="AW26" s="72">
        <v>19</v>
      </c>
      <c r="AX26" s="244"/>
      <c r="AY26" s="71">
        <v>14</v>
      </c>
      <c r="AZ26" s="71">
        <v>11</v>
      </c>
      <c r="BA26" s="71">
        <v>5</v>
      </c>
      <c r="BB26" s="71">
        <v>7</v>
      </c>
      <c r="BC26" s="71">
        <v>1</v>
      </c>
      <c r="BD26" s="72">
        <v>38</v>
      </c>
      <c r="BE26" s="73">
        <v>57</v>
      </c>
      <c r="BF26" s="70">
        <v>12</v>
      </c>
      <c r="BG26" s="71">
        <v>11</v>
      </c>
      <c r="BH26" s="72">
        <v>23</v>
      </c>
      <c r="BI26" s="244"/>
      <c r="BJ26" s="71">
        <v>18</v>
      </c>
      <c r="BK26" s="71">
        <v>7</v>
      </c>
      <c r="BL26" s="71">
        <v>5</v>
      </c>
      <c r="BM26" s="71">
        <v>3</v>
      </c>
      <c r="BN26" s="71">
        <v>3</v>
      </c>
      <c r="BO26" s="72">
        <v>36</v>
      </c>
      <c r="BP26" s="73">
        <v>59</v>
      </c>
      <c r="BQ26" s="70">
        <v>6</v>
      </c>
      <c r="BR26" s="71">
        <v>2</v>
      </c>
      <c r="BS26" s="72">
        <v>8</v>
      </c>
      <c r="BT26" s="244"/>
      <c r="BU26" s="71">
        <v>12</v>
      </c>
      <c r="BV26" s="71">
        <v>13</v>
      </c>
      <c r="BW26" s="71">
        <v>7</v>
      </c>
      <c r="BX26" s="71">
        <v>6</v>
      </c>
      <c r="BY26" s="71">
        <v>2</v>
      </c>
      <c r="BZ26" s="72">
        <v>40</v>
      </c>
      <c r="CA26" s="73">
        <v>48</v>
      </c>
      <c r="CB26" s="70">
        <v>0</v>
      </c>
      <c r="CC26" s="71">
        <v>0</v>
      </c>
      <c r="CD26" s="72">
        <v>0</v>
      </c>
      <c r="CE26" s="244"/>
      <c r="CF26" s="71">
        <v>0</v>
      </c>
      <c r="CG26" s="71">
        <v>0</v>
      </c>
      <c r="CH26" s="71">
        <v>0</v>
      </c>
      <c r="CI26" s="71">
        <v>0</v>
      </c>
      <c r="CJ26" s="71">
        <v>0</v>
      </c>
      <c r="CK26" s="72">
        <v>0</v>
      </c>
      <c r="CL26" s="73">
        <v>0</v>
      </c>
      <c r="CM26" s="70">
        <v>33</v>
      </c>
      <c r="CN26" s="71">
        <v>27</v>
      </c>
      <c r="CO26" s="72">
        <v>60</v>
      </c>
      <c r="CP26" s="244"/>
      <c r="CQ26" s="71">
        <v>55</v>
      </c>
      <c r="CR26" s="71">
        <v>38</v>
      </c>
      <c r="CS26" s="71">
        <v>19</v>
      </c>
      <c r="CT26" s="71">
        <v>19</v>
      </c>
      <c r="CU26" s="71">
        <v>7</v>
      </c>
      <c r="CV26" s="72">
        <v>138</v>
      </c>
      <c r="CW26" s="73">
        <v>198</v>
      </c>
      <c r="CX26" s="123">
        <v>3</v>
      </c>
      <c r="CY26" s="82">
        <v>4</v>
      </c>
      <c r="CZ26" s="83">
        <v>7</v>
      </c>
      <c r="DA26" s="241"/>
      <c r="DB26" s="82">
        <v>8</v>
      </c>
      <c r="DC26" s="82">
        <v>5</v>
      </c>
      <c r="DD26" s="82">
        <v>2</v>
      </c>
      <c r="DE26" s="82">
        <v>7</v>
      </c>
      <c r="DF26" s="82">
        <v>4</v>
      </c>
      <c r="DG26" s="84">
        <v>26</v>
      </c>
      <c r="DH26" s="85">
        <v>33</v>
      </c>
      <c r="DI26" s="70">
        <v>0</v>
      </c>
      <c r="DJ26" s="71">
        <v>0</v>
      </c>
      <c r="DK26" s="72">
        <v>0</v>
      </c>
      <c r="DL26" s="244"/>
      <c r="DM26" s="71">
        <v>0</v>
      </c>
      <c r="DN26" s="71">
        <v>0</v>
      </c>
      <c r="DO26" s="71">
        <v>0</v>
      </c>
      <c r="DP26" s="71">
        <v>1</v>
      </c>
      <c r="DQ26" s="71">
        <v>0</v>
      </c>
      <c r="DR26" s="72">
        <v>1</v>
      </c>
      <c r="DS26" s="73">
        <v>1</v>
      </c>
      <c r="DT26" s="70">
        <v>1</v>
      </c>
      <c r="DU26" s="71">
        <v>1</v>
      </c>
      <c r="DV26" s="72">
        <v>2</v>
      </c>
      <c r="DW26" s="244"/>
      <c r="DX26" s="71">
        <v>1</v>
      </c>
      <c r="DY26" s="71">
        <v>1</v>
      </c>
      <c r="DZ26" s="71">
        <v>1</v>
      </c>
      <c r="EA26" s="71">
        <v>1</v>
      </c>
      <c r="EB26" s="71">
        <v>0</v>
      </c>
      <c r="EC26" s="72">
        <v>4</v>
      </c>
      <c r="ED26" s="73">
        <v>6</v>
      </c>
      <c r="EE26" s="70">
        <v>1</v>
      </c>
      <c r="EF26" s="71">
        <v>1</v>
      </c>
      <c r="EG26" s="72">
        <v>2</v>
      </c>
      <c r="EH26" s="244"/>
      <c r="EI26" s="71">
        <v>1</v>
      </c>
      <c r="EJ26" s="71">
        <v>2</v>
      </c>
      <c r="EK26" s="71">
        <v>0</v>
      </c>
      <c r="EL26" s="71">
        <v>1</v>
      </c>
      <c r="EM26" s="71">
        <v>1</v>
      </c>
      <c r="EN26" s="72">
        <v>5</v>
      </c>
      <c r="EO26" s="73">
        <v>7</v>
      </c>
      <c r="EP26" s="70">
        <v>1</v>
      </c>
      <c r="EQ26" s="71">
        <v>1</v>
      </c>
      <c r="ER26" s="72">
        <v>2</v>
      </c>
      <c r="ES26" s="244"/>
      <c r="ET26" s="71">
        <v>3</v>
      </c>
      <c r="EU26" s="71">
        <v>0</v>
      </c>
      <c r="EV26" s="71">
        <v>0</v>
      </c>
      <c r="EW26" s="71">
        <v>0</v>
      </c>
      <c r="EX26" s="71">
        <v>1</v>
      </c>
      <c r="EY26" s="72">
        <v>4</v>
      </c>
      <c r="EZ26" s="73">
        <v>6</v>
      </c>
      <c r="FA26" s="70">
        <v>0</v>
      </c>
      <c r="FB26" s="71">
        <v>1</v>
      </c>
      <c r="FC26" s="72">
        <v>1</v>
      </c>
      <c r="FD26" s="244"/>
      <c r="FE26" s="71">
        <v>3</v>
      </c>
      <c r="FF26" s="71">
        <v>2</v>
      </c>
      <c r="FG26" s="71">
        <v>0</v>
      </c>
      <c r="FH26" s="71">
        <v>3</v>
      </c>
      <c r="FI26" s="71">
        <v>1</v>
      </c>
      <c r="FJ26" s="72">
        <v>9</v>
      </c>
      <c r="FK26" s="73">
        <v>10</v>
      </c>
      <c r="FL26" s="70">
        <v>0</v>
      </c>
      <c r="FM26" s="71">
        <v>0</v>
      </c>
      <c r="FN26" s="72">
        <v>0</v>
      </c>
      <c r="FO26" s="244"/>
      <c r="FP26" s="71">
        <v>0</v>
      </c>
      <c r="FQ26" s="71">
        <v>0</v>
      </c>
      <c r="FR26" s="71">
        <v>1</v>
      </c>
      <c r="FS26" s="71">
        <v>1</v>
      </c>
      <c r="FT26" s="71">
        <v>1</v>
      </c>
      <c r="FU26" s="72">
        <v>3</v>
      </c>
      <c r="FV26" s="73">
        <v>3</v>
      </c>
      <c r="FW26" s="70">
        <v>0</v>
      </c>
      <c r="FX26" s="71">
        <v>0</v>
      </c>
      <c r="FY26" s="72">
        <v>0</v>
      </c>
      <c r="FZ26" s="244"/>
      <c r="GA26" s="71">
        <v>0</v>
      </c>
      <c r="GB26" s="71">
        <v>0</v>
      </c>
      <c r="GC26" s="71">
        <v>0</v>
      </c>
      <c r="GD26" s="71">
        <v>0</v>
      </c>
      <c r="GE26" s="71">
        <v>0</v>
      </c>
      <c r="GF26" s="72">
        <v>0</v>
      </c>
      <c r="GG26" s="73">
        <v>0</v>
      </c>
      <c r="GH26" s="70">
        <v>3</v>
      </c>
      <c r="GI26" s="71">
        <v>4</v>
      </c>
      <c r="GJ26" s="72">
        <v>7</v>
      </c>
      <c r="GK26" s="244"/>
      <c r="GL26" s="71">
        <v>8</v>
      </c>
      <c r="GM26" s="71">
        <v>5</v>
      </c>
      <c r="GN26" s="71">
        <v>2</v>
      </c>
      <c r="GO26" s="71">
        <v>7</v>
      </c>
      <c r="GP26" s="71">
        <v>4</v>
      </c>
      <c r="GQ26" s="72">
        <v>26</v>
      </c>
      <c r="GR26" s="73">
        <v>33</v>
      </c>
      <c r="GS26" s="123">
        <v>36</v>
      </c>
      <c r="GT26" s="82">
        <v>31</v>
      </c>
      <c r="GU26" s="83">
        <v>67</v>
      </c>
      <c r="GV26" s="241"/>
      <c r="GW26" s="82">
        <v>63</v>
      </c>
      <c r="GX26" s="82">
        <v>43</v>
      </c>
      <c r="GY26" s="82">
        <v>21</v>
      </c>
      <c r="GZ26" s="82">
        <v>26</v>
      </c>
      <c r="HA26" s="82">
        <v>11</v>
      </c>
      <c r="HB26" s="84">
        <v>164</v>
      </c>
      <c r="HC26" s="85">
        <v>231</v>
      </c>
      <c r="HD26" s="70">
        <v>0</v>
      </c>
      <c r="HE26" s="71">
        <v>0</v>
      </c>
      <c r="HF26" s="72">
        <v>0</v>
      </c>
      <c r="HG26" s="244"/>
      <c r="HH26" s="71">
        <v>2</v>
      </c>
      <c r="HI26" s="71">
        <v>0</v>
      </c>
      <c r="HJ26" s="71">
        <v>1</v>
      </c>
      <c r="HK26" s="71">
        <v>1</v>
      </c>
      <c r="HL26" s="71">
        <v>0</v>
      </c>
      <c r="HM26" s="72">
        <v>4</v>
      </c>
      <c r="HN26" s="73">
        <v>4</v>
      </c>
      <c r="HO26" s="70">
        <v>3</v>
      </c>
      <c r="HP26" s="71">
        <v>2</v>
      </c>
      <c r="HQ26" s="72">
        <v>5</v>
      </c>
      <c r="HR26" s="244"/>
      <c r="HS26" s="71">
        <v>3</v>
      </c>
      <c r="HT26" s="71">
        <v>4</v>
      </c>
      <c r="HU26" s="71">
        <v>1</v>
      </c>
      <c r="HV26" s="71">
        <v>3</v>
      </c>
      <c r="HW26" s="71">
        <v>1</v>
      </c>
      <c r="HX26" s="72">
        <v>12</v>
      </c>
      <c r="HY26" s="73">
        <v>17</v>
      </c>
      <c r="HZ26" s="70">
        <v>7</v>
      </c>
      <c r="IA26" s="71">
        <v>2</v>
      </c>
      <c r="IB26" s="72">
        <v>9</v>
      </c>
      <c r="IC26" s="244"/>
      <c r="ID26" s="71">
        <v>8</v>
      </c>
      <c r="IE26" s="71">
        <v>6</v>
      </c>
      <c r="IF26" s="71">
        <v>1</v>
      </c>
      <c r="IG26" s="71">
        <v>2</v>
      </c>
      <c r="IH26" s="71">
        <v>1</v>
      </c>
      <c r="II26" s="72">
        <v>18</v>
      </c>
      <c r="IJ26" s="73">
        <v>27</v>
      </c>
      <c r="IK26" s="70">
        <v>8</v>
      </c>
      <c r="IL26" s="71">
        <v>13</v>
      </c>
      <c r="IM26" s="72">
        <v>21</v>
      </c>
      <c r="IN26" s="244"/>
      <c r="IO26" s="71">
        <v>17</v>
      </c>
      <c r="IP26" s="71">
        <v>11</v>
      </c>
      <c r="IQ26" s="71">
        <v>5</v>
      </c>
      <c r="IR26" s="71">
        <v>7</v>
      </c>
      <c r="IS26" s="71">
        <v>2</v>
      </c>
      <c r="IT26" s="72">
        <v>42</v>
      </c>
      <c r="IU26" s="73">
        <v>63</v>
      </c>
      <c r="IV26" s="70">
        <v>12</v>
      </c>
      <c r="IW26" s="71">
        <v>12</v>
      </c>
      <c r="IX26" s="72">
        <v>24</v>
      </c>
      <c r="IY26" s="244"/>
      <c r="IZ26" s="71">
        <v>21</v>
      </c>
      <c r="JA26" s="71">
        <v>9</v>
      </c>
      <c r="JB26" s="71">
        <v>5</v>
      </c>
      <c r="JC26" s="71">
        <v>6</v>
      </c>
      <c r="JD26" s="71">
        <v>4</v>
      </c>
      <c r="JE26" s="72">
        <v>45</v>
      </c>
      <c r="JF26" s="73">
        <v>69</v>
      </c>
      <c r="JG26" s="70">
        <v>6</v>
      </c>
      <c r="JH26" s="71">
        <v>2</v>
      </c>
      <c r="JI26" s="72">
        <v>8</v>
      </c>
      <c r="JJ26" s="244"/>
      <c r="JK26" s="71">
        <v>12</v>
      </c>
      <c r="JL26" s="71">
        <v>13</v>
      </c>
      <c r="JM26" s="71">
        <v>8</v>
      </c>
      <c r="JN26" s="71">
        <v>7</v>
      </c>
      <c r="JO26" s="71">
        <v>3</v>
      </c>
      <c r="JP26" s="72">
        <v>43</v>
      </c>
      <c r="JQ26" s="73">
        <v>51</v>
      </c>
      <c r="JR26" s="70">
        <v>0</v>
      </c>
      <c r="JS26" s="71">
        <v>0</v>
      </c>
      <c r="JT26" s="72">
        <v>0</v>
      </c>
      <c r="JU26" s="244"/>
      <c r="JV26" s="71">
        <v>0</v>
      </c>
      <c r="JW26" s="71">
        <v>0</v>
      </c>
      <c r="JX26" s="71">
        <v>0</v>
      </c>
      <c r="JY26" s="71">
        <v>0</v>
      </c>
      <c r="JZ26" s="71">
        <v>0</v>
      </c>
      <c r="KA26" s="72">
        <v>0</v>
      </c>
      <c r="KB26" s="73">
        <v>0</v>
      </c>
      <c r="KC26" s="70">
        <v>36</v>
      </c>
      <c r="KD26" s="71">
        <v>31</v>
      </c>
      <c r="KE26" s="72">
        <v>67</v>
      </c>
      <c r="KF26" s="244"/>
      <c r="KG26" s="71">
        <v>63</v>
      </c>
      <c r="KH26" s="71">
        <v>43</v>
      </c>
      <c r="KI26" s="71">
        <v>21</v>
      </c>
      <c r="KJ26" s="71">
        <v>26</v>
      </c>
      <c r="KK26" s="71">
        <v>11</v>
      </c>
      <c r="KL26" s="72">
        <v>164</v>
      </c>
      <c r="KM26" s="73">
        <v>231</v>
      </c>
    </row>
    <row r="27" spans="2:299" ht="21" customHeight="1" x14ac:dyDescent="0.2">
      <c r="B27" s="126" t="s">
        <v>24</v>
      </c>
      <c r="C27" s="313">
        <v>38</v>
      </c>
      <c r="D27" s="82">
        <v>22</v>
      </c>
      <c r="E27" s="83">
        <v>60</v>
      </c>
      <c r="F27" s="241"/>
      <c r="G27" s="82">
        <v>40</v>
      </c>
      <c r="H27" s="82">
        <v>33</v>
      </c>
      <c r="I27" s="82">
        <v>17</v>
      </c>
      <c r="J27" s="82">
        <v>12</v>
      </c>
      <c r="K27" s="82">
        <v>7</v>
      </c>
      <c r="L27" s="84">
        <v>109</v>
      </c>
      <c r="M27" s="85">
        <v>169</v>
      </c>
      <c r="N27" s="70">
        <v>1</v>
      </c>
      <c r="O27" s="71">
        <v>0</v>
      </c>
      <c r="P27" s="72">
        <v>1</v>
      </c>
      <c r="Q27" s="244"/>
      <c r="R27" s="71">
        <v>0</v>
      </c>
      <c r="S27" s="71">
        <v>0</v>
      </c>
      <c r="T27" s="71">
        <v>0</v>
      </c>
      <c r="U27" s="71">
        <v>0</v>
      </c>
      <c r="V27" s="71">
        <v>0</v>
      </c>
      <c r="W27" s="72">
        <v>0</v>
      </c>
      <c r="X27" s="73">
        <v>1</v>
      </c>
      <c r="Y27" s="70">
        <v>0</v>
      </c>
      <c r="Z27" s="71">
        <v>1</v>
      </c>
      <c r="AA27" s="72">
        <v>1</v>
      </c>
      <c r="AB27" s="244"/>
      <c r="AC27" s="71">
        <v>2</v>
      </c>
      <c r="AD27" s="71">
        <v>3</v>
      </c>
      <c r="AE27" s="71">
        <v>2</v>
      </c>
      <c r="AF27" s="71">
        <v>0</v>
      </c>
      <c r="AG27" s="71">
        <v>1</v>
      </c>
      <c r="AH27" s="72">
        <v>8</v>
      </c>
      <c r="AI27" s="73">
        <v>9</v>
      </c>
      <c r="AJ27" s="70">
        <v>2</v>
      </c>
      <c r="AK27" s="71">
        <v>1</v>
      </c>
      <c r="AL27" s="72">
        <v>3</v>
      </c>
      <c r="AM27" s="244"/>
      <c r="AN27" s="71">
        <v>2</v>
      </c>
      <c r="AO27" s="71">
        <v>2</v>
      </c>
      <c r="AP27" s="71">
        <v>2</v>
      </c>
      <c r="AQ27" s="71">
        <v>1</v>
      </c>
      <c r="AR27" s="71">
        <v>0</v>
      </c>
      <c r="AS27" s="72">
        <v>7</v>
      </c>
      <c r="AT27" s="73">
        <v>10</v>
      </c>
      <c r="AU27" s="70">
        <v>5</v>
      </c>
      <c r="AV27" s="71">
        <v>4</v>
      </c>
      <c r="AW27" s="72">
        <v>9</v>
      </c>
      <c r="AX27" s="244"/>
      <c r="AY27" s="71">
        <v>7</v>
      </c>
      <c r="AZ27" s="71">
        <v>6</v>
      </c>
      <c r="BA27" s="71">
        <v>2</v>
      </c>
      <c r="BB27" s="71">
        <v>1</v>
      </c>
      <c r="BC27" s="71">
        <v>2</v>
      </c>
      <c r="BD27" s="72">
        <v>18</v>
      </c>
      <c r="BE27" s="73">
        <v>27</v>
      </c>
      <c r="BF27" s="70">
        <v>13</v>
      </c>
      <c r="BG27" s="71">
        <v>8</v>
      </c>
      <c r="BH27" s="72">
        <v>21</v>
      </c>
      <c r="BI27" s="244"/>
      <c r="BJ27" s="71">
        <v>15</v>
      </c>
      <c r="BK27" s="71">
        <v>11</v>
      </c>
      <c r="BL27" s="71">
        <v>4</v>
      </c>
      <c r="BM27" s="71">
        <v>7</v>
      </c>
      <c r="BN27" s="71">
        <v>2</v>
      </c>
      <c r="BO27" s="72">
        <v>39</v>
      </c>
      <c r="BP27" s="73">
        <v>60</v>
      </c>
      <c r="BQ27" s="70">
        <v>17</v>
      </c>
      <c r="BR27" s="71">
        <v>8</v>
      </c>
      <c r="BS27" s="72">
        <v>25</v>
      </c>
      <c r="BT27" s="244"/>
      <c r="BU27" s="71">
        <v>14</v>
      </c>
      <c r="BV27" s="71">
        <v>11</v>
      </c>
      <c r="BW27" s="71">
        <v>7</v>
      </c>
      <c r="BX27" s="71">
        <v>3</v>
      </c>
      <c r="BY27" s="71">
        <v>2</v>
      </c>
      <c r="BZ27" s="72">
        <v>37</v>
      </c>
      <c r="CA27" s="73">
        <v>62</v>
      </c>
      <c r="CB27" s="70">
        <v>0</v>
      </c>
      <c r="CC27" s="71">
        <v>0</v>
      </c>
      <c r="CD27" s="72">
        <v>0</v>
      </c>
      <c r="CE27" s="244"/>
      <c r="CF27" s="71">
        <v>0</v>
      </c>
      <c r="CG27" s="71">
        <v>0</v>
      </c>
      <c r="CH27" s="71">
        <v>0</v>
      </c>
      <c r="CI27" s="71">
        <v>0</v>
      </c>
      <c r="CJ27" s="71">
        <v>0</v>
      </c>
      <c r="CK27" s="72">
        <v>0</v>
      </c>
      <c r="CL27" s="73">
        <v>0</v>
      </c>
      <c r="CM27" s="70">
        <v>38</v>
      </c>
      <c r="CN27" s="71">
        <v>22</v>
      </c>
      <c r="CO27" s="72">
        <v>60</v>
      </c>
      <c r="CP27" s="244"/>
      <c r="CQ27" s="71">
        <v>40</v>
      </c>
      <c r="CR27" s="71">
        <v>33</v>
      </c>
      <c r="CS27" s="71">
        <v>17</v>
      </c>
      <c r="CT27" s="71">
        <v>12</v>
      </c>
      <c r="CU27" s="71">
        <v>7</v>
      </c>
      <c r="CV27" s="72">
        <v>109</v>
      </c>
      <c r="CW27" s="73">
        <v>169</v>
      </c>
      <c r="CX27" s="123">
        <v>4</v>
      </c>
      <c r="CY27" s="82">
        <v>3</v>
      </c>
      <c r="CZ27" s="83">
        <v>7</v>
      </c>
      <c r="DA27" s="241"/>
      <c r="DB27" s="82">
        <v>4</v>
      </c>
      <c r="DC27" s="82">
        <v>2</v>
      </c>
      <c r="DD27" s="82">
        <v>6</v>
      </c>
      <c r="DE27" s="82">
        <v>3</v>
      </c>
      <c r="DF27" s="82">
        <v>2</v>
      </c>
      <c r="DG27" s="84">
        <v>17</v>
      </c>
      <c r="DH27" s="85">
        <v>24</v>
      </c>
      <c r="DI27" s="70">
        <v>0</v>
      </c>
      <c r="DJ27" s="71">
        <v>0</v>
      </c>
      <c r="DK27" s="72">
        <v>0</v>
      </c>
      <c r="DL27" s="244"/>
      <c r="DM27" s="71">
        <v>0</v>
      </c>
      <c r="DN27" s="71">
        <v>0</v>
      </c>
      <c r="DO27" s="71">
        <v>0</v>
      </c>
      <c r="DP27" s="71">
        <v>0</v>
      </c>
      <c r="DQ27" s="71">
        <v>0</v>
      </c>
      <c r="DR27" s="72">
        <v>0</v>
      </c>
      <c r="DS27" s="73">
        <v>0</v>
      </c>
      <c r="DT27" s="70">
        <v>0</v>
      </c>
      <c r="DU27" s="71">
        <v>0</v>
      </c>
      <c r="DV27" s="72">
        <v>0</v>
      </c>
      <c r="DW27" s="244"/>
      <c r="DX27" s="71">
        <v>0</v>
      </c>
      <c r="DY27" s="71">
        <v>0</v>
      </c>
      <c r="DZ27" s="71">
        <v>0</v>
      </c>
      <c r="EA27" s="71">
        <v>0</v>
      </c>
      <c r="EB27" s="71">
        <v>0</v>
      </c>
      <c r="EC27" s="72">
        <v>0</v>
      </c>
      <c r="ED27" s="73">
        <v>0</v>
      </c>
      <c r="EE27" s="70">
        <v>0</v>
      </c>
      <c r="EF27" s="71">
        <v>1</v>
      </c>
      <c r="EG27" s="72">
        <v>1</v>
      </c>
      <c r="EH27" s="244"/>
      <c r="EI27" s="71">
        <v>0</v>
      </c>
      <c r="EJ27" s="71">
        <v>0</v>
      </c>
      <c r="EK27" s="71">
        <v>1</v>
      </c>
      <c r="EL27" s="71">
        <v>0</v>
      </c>
      <c r="EM27" s="71">
        <v>0</v>
      </c>
      <c r="EN27" s="72">
        <v>1</v>
      </c>
      <c r="EO27" s="73">
        <v>2</v>
      </c>
      <c r="EP27" s="70">
        <v>0</v>
      </c>
      <c r="EQ27" s="71">
        <v>0</v>
      </c>
      <c r="ER27" s="72">
        <v>0</v>
      </c>
      <c r="ES27" s="244"/>
      <c r="ET27" s="71">
        <v>1</v>
      </c>
      <c r="EU27" s="71">
        <v>0</v>
      </c>
      <c r="EV27" s="71">
        <v>1</v>
      </c>
      <c r="EW27" s="71">
        <v>1</v>
      </c>
      <c r="EX27" s="71">
        <v>0</v>
      </c>
      <c r="EY27" s="72">
        <v>3</v>
      </c>
      <c r="EZ27" s="73">
        <v>3</v>
      </c>
      <c r="FA27" s="70">
        <v>3</v>
      </c>
      <c r="FB27" s="71">
        <v>2</v>
      </c>
      <c r="FC27" s="72">
        <v>5</v>
      </c>
      <c r="FD27" s="244"/>
      <c r="FE27" s="71">
        <v>0</v>
      </c>
      <c r="FF27" s="71">
        <v>1</v>
      </c>
      <c r="FG27" s="71">
        <v>2</v>
      </c>
      <c r="FH27" s="71">
        <v>1</v>
      </c>
      <c r="FI27" s="71">
        <v>0</v>
      </c>
      <c r="FJ27" s="72">
        <v>4</v>
      </c>
      <c r="FK27" s="73">
        <v>9</v>
      </c>
      <c r="FL27" s="70">
        <v>1</v>
      </c>
      <c r="FM27" s="71">
        <v>0</v>
      </c>
      <c r="FN27" s="72">
        <v>1</v>
      </c>
      <c r="FO27" s="244"/>
      <c r="FP27" s="71">
        <v>3</v>
      </c>
      <c r="FQ27" s="71">
        <v>1</v>
      </c>
      <c r="FR27" s="71">
        <v>2</v>
      </c>
      <c r="FS27" s="71">
        <v>1</v>
      </c>
      <c r="FT27" s="71">
        <v>2</v>
      </c>
      <c r="FU27" s="72">
        <v>9</v>
      </c>
      <c r="FV27" s="73">
        <v>10</v>
      </c>
      <c r="FW27" s="70">
        <v>0</v>
      </c>
      <c r="FX27" s="71">
        <v>0</v>
      </c>
      <c r="FY27" s="72">
        <v>0</v>
      </c>
      <c r="FZ27" s="244"/>
      <c r="GA27" s="71">
        <v>0</v>
      </c>
      <c r="GB27" s="71">
        <v>0</v>
      </c>
      <c r="GC27" s="71">
        <v>0</v>
      </c>
      <c r="GD27" s="71">
        <v>0</v>
      </c>
      <c r="GE27" s="71">
        <v>0</v>
      </c>
      <c r="GF27" s="72">
        <v>0</v>
      </c>
      <c r="GG27" s="73">
        <v>0</v>
      </c>
      <c r="GH27" s="70">
        <v>4</v>
      </c>
      <c r="GI27" s="71">
        <v>3</v>
      </c>
      <c r="GJ27" s="72">
        <v>7</v>
      </c>
      <c r="GK27" s="244"/>
      <c r="GL27" s="71">
        <v>4</v>
      </c>
      <c r="GM27" s="71">
        <v>2</v>
      </c>
      <c r="GN27" s="71">
        <v>6</v>
      </c>
      <c r="GO27" s="71">
        <v>3</v>
      </c>
      <c r="GP27" s="71">
        <v>2</v>
      </c>
      <c r="GQ27" s="72">
        <v>17</v>
      </c>
      <c r="GR27" s="73">
        <v>24</v>
      </c>
      <c r="GS27" s="123">
        <v>42</v>
      </c>
      <c r="GT27" s="82">
        <v>25</v>
      </c>
      <c r="GU27" s="83">
        <v>67</v>
      </c>
      <c r="GV27" s="241"/>
      <c r="GW27" s="82">
        <v>44</v>
      </c>
      <c r="GX27" s="82">
        <v>35</v>
      </c>
      <c r="GY27" s="82">
        <v>23</v>
      </c>
      <c r="GZ27" s="82">
        <v>15</v>
      </c>
      <c r="HA27" s="82">
        <v>9</v>
      </c>
      <c r="HB27" s="84">
        <v>126</v>
      </c>
      <c r="HC27" s="85">
        <v>193</v>
      </c>
      <c r="HD27" s="70">
        <v>1</v>
      </c>
      <c r="HE27" s="71">
        <v>0</v>
      </c>
      <c r="HF27" s="72">
        <v>1</v>
      </c>
      <c r="HG27" s="244"/>
      <c r="HH27" s="71">
        <v>0</v>
      </c>
      <c r="HI27" s="71">
        <v>0</v>
      </c>
      <c r="HJ27" s="71">
        <v>0</v>
      </c>
      <c r="HK27" s="71">
        <v>0</v>
      </c>
      <c r="HL27" s="71">
        <v>0</v>
      </c>
      <c r="HM27" s="72">
        <v>0</v>
      </c>
      <c r="HN27" s="73">
        <v>1</v>
      </c>
      <c r="HO27" s="70">
        <v>0</v>
      </c>
      <c r="HP27" s="71">
        <v>1</v>
      </c>
      <c r="HQ27" s="72">
        <v>1</v>
      </c>
      <c r="HR27" s="244"/>
      <c r="HS27" s="71">
        <v>2</v>
      </c>
      <c r="HT27" s="71">
        <v>3</v>
      </c>
      <c r="HU27" s="71">
        <v>2</v>
      </c>
      <c r="HV27" s="71">
        <v>0</v>
      </c>
      <c r="HW27" s="71">
        <v>1</v>
      </c>
      <c r="HX27" s="72">
        <v>8</v>
      </c>
      <c r="HY27" s="73">
        <v>9</v>
      </c>
      <c r="HZ27" s="70">
        <v>2</v>
      </c>
      <c r="IA27" s="71">
        <v>2</v>
      </c>
      <c r="IB27" s="72">
        <v>4</v>
      </c>
      <c r="IC27" s="244"/>
      <c r="ID27" s="71">
        <v>2</v>
      </c>
      <c r="IE27" s="71">
        <v>2</v>
      </c>
      <c r="IF27" s="71">
        <v>3</v>
      </c>
      <c r="IG27" s="71">
        <v>1</v>
      </c>
      <c r="IH27" s="71">
        <v>0</v>
      </c>
      <c r="II27" s="72">
        <v>8</v>
      </c>
      <c r="IJ27" s="73">
        <v>12</v>
      </c>
      <c r="IK27" s="70">
        <v>5</v>
      </c>
      <c r="IL27" s="71">
        <v>4</v>
      </c>
      <c r="IM27" s="72">
        <v>9</v>
      </c>
      <c r="IN27" s="244"/>
      <c r="IO27" s="71">
        <v>8</v>
      </c>
      <c r="IP27" s="71">
        <v>6</v>
      </c>
      <c r="IQ27" s="71">
        <v>3</v>
      </c>
      <c r="IR27" s="71">
        <v>2</v>
      </c>
      <c r="IS27" s="71">
        <v>2</v>
      </c>
      <c r="IT27" s="72">
        <v>21</v>
      </c>
      <c r="IU27" s="73">
        <v>30</v>
      </c>
      <c r="IV27" s="70">
        <v>16</v>
      </c>
      <c r="IW27" s="71">
        <v>10</v>
      </c>
      <c r="IX27" s="72">
        <v>26</v>
      </c>
      <c r="IY27" s="244"/>
      <c r="IZ27" s="71">
        <v>15</v>
      </c>
      <c r="JA27" s="71">
        <v>12</v>
      </c>
      <c r="JB27" s="71">
        <v>6</v>
      </c>
      <c r="JC27" s="71">
        <v>8</v>
      </c>
      <c r="JD27" s="71">
        <v>2</v>
      </c>
      <c r="JE27" s="72">
        <v>43</v>
      </c>
      <c r="JF27" s="73">
        <v>69</v>
      </c>
      <c r="JG27" s="70">
        <v>18</v>
      </c>
      <c r="JH27" s="71">
        <v>8</v>
      </c>
      <c r="JI27" s="72">
        <v>26</v>
      </c>
      <c r="JJ27" s="244"/>
      <c r="JK27" s="71">
        <v>17</v>
      </c>
      <c r="JL27" s="71">
        <v>12</v>
      </c>
      <c r="JM27" s="71">
        <v>9</v>
      </c>
      <c r="JN27" s="71">
        <v>4</v>
      </c>
      <c r="JO27" s="71">
        <v>4</v>
      </c>
      <c r="JP27" s="72">
        <v>46</v>
      </c>
      <c r="JQ27" s="73">
        <v>72</v>
      </c>
      <c r="JR27" s="70">
        <v>0</v>
      </c>
      <c r="JS27" s="71">
        <v>0</v>
      </c>
      <c r="JT27" s="72">
        <v>0</v>
      </c>
      <c r="JU27" s="244"/>
      <c r="JV27" s="71">
        <v>0</v>
      </c>
      <c r="JW27" s="71">
        <v>0</v>
      </c>
      <c r="JX27" s="71">
        <v>0</v>
      </c>
      <c r="JY27" s="71">
        <v>0</v>
      </c>
      <c r="JZ27" s="71">
        <v>0</v>
      </c>
      <c r="KA27" s="72">
        <v>0</v>
      </c>
      <c r="KB27" s="73">
        <v>0</v>
      </c>
      <c r="KC27" s="70">
        <v>42</v>
      </c>
      <c r="KD27" s="71">
        <v>25</v>
      </c>
      <c r="KE27" s="72">
        <v>67</v>
      </c>
      <c r="KF27" s="244"/>
      <c r="KG27" s="71">
        <v>44</v>
      </c>
      <c r="KH27" s="71">
        <v>35</v>
      </c>
      <c r="KI27" s="71">
        <v>23</v>
      </c>
      <c r="KJ27" s="71">
        <v>15</v>
      </c>
      <c r="KK27" s="71">
        <v>9</v>
      </c>
      <c r="KL27" s="72">
        <v>126</v>
      </c>
      <c r="KM27" s="73">
        <v>193</v>
      </c>
    </row>
    <row r="28" spans="2:299" ht="21" customHeight="1" x14ac:dyDescent="0.2">
      <c r="B28" s="126" t="s">
        <v>25</v>
      </c>
      <c r="C28" s="313">
        <v>20</v>
      </c>
      <c r="D28" s="82">
        <v>21</v>
      </c>
      <c r="E28" s="83">
        <v>41</v>
      </c>
      <c r="F28" s="241"/>
      <c r="G28" s="82">
        <v>28</v>
      </c>
      <c r="H28" s="82">
        <v>11</v>
      </c>
      <c r="I28" s="82">
        <v>16</v>
      </c>
      <c r="J28" s="82">
        <v>13</v>
      </c>
      <c r="K28" s="82">
        <v>7</v>
      </c>
      <c r="L28" s="84">
        <v>75</v>
      </c>
      <c r="M28" s="85">
        <v>116</v>
      </c>
      <c r="N28" s="70">
        <v>1</v>
      </c>
      <c r="O28" s="71">
        <v>1</v>
      </c>
      <c r="P28" s="72">
        <v>2</v>
      </c>
      <c r="Q28" s="244"/>
      <c r="R28" s="71">
        <v>2</v>
      </c>
      <c r="S28" s="71">
        <v>0</v>
      </c>
      <c r="T28" s="71">
        <v>0</v>
      </c>
      <c r="U28" s="71">
        <v>0</v>
      </c>
      <c r="V28" s="71">
        <v>0</v>
      </c>
      <c r="W28" s="72">
        <v>2</v>
      </c>
      <c r="X28" s="73">
        <v>4</v>
      </c>
      <c r="Y28" s="70">
        <v>2</v>
      </c>
      <c r="Z28" s="71">
        <v>3</v>
      </c>
      <c r="AA28" s="72">
        <v>5</v>
      </c>
      <c r="AB28" s="244"/>
      <c r="AC28" s="71">
        <v>4</v>
      </c>
      <c r="AD28" s="71">
        <v>0</v>
      </c>
      <c r="AE28" s="71">
        <v>0</v>
      </c>
      <c r="AF28" s="71">
        <v>1</v>
      </c>
      <c r="AG28" s="71">
        <v>0</v>
      </c>
      <c r="AH28" s="72">
        <v>5</v>
      </c>
      <c r="AI28" s="73">
        <v>10</v>
      </c>
      <c r="AJ28" s="70">
        <v>2</v>
      </c>
      <c r="AK28" s="71">
        <v>3</v>
      </c>
      <c r="AL28" s="72">
        <v>5</v>
      </c>
      <c r="AM28" s="244"/>
      <c r="AN28" s="71">
        <v>2</v>
      </c>
      <c r="AO28" s="71">
        <v>2</v>
      </c>
      <c r="AP28" s="71">
        <v>1</v>
      </c>
      <c r="AQ28" s="71">
        <v>3</v>
      </c>
      <c r="AR28" s="71">
        <v>1</v>
      </c>
      <c r="AS28" s="72">
        <v>9</v>
      </c>
      <c r="AT28" s="73">
        <v>14</v>
      </c>
      <c r="AU28" s="70">
        <v>4</v>
      </c>
      <c r="AV28" s="71">
        <v>6</v>
      </c>
      <c r="AW28" s="72">
        <v>10</v>
      </c>
      <c r="AX28" s="244"/>
      <c r="AY28" s="71">
        <v>3</v>
      </c>
      <c r="AZ28" s="71">
        <v>2</v>
      </c>
      <c r="BA28" s="71">
        <v>5</v>
      </c>
      <c r="BB28" s="71">
        <v>1</v>
      </c>
      <c r="BC28" s="71">
        <v>2</v>
      </c>
      <c r="BD28" s="72">
        <v>13</v>
      </c>
      <c r="BE28" s="73">
        <v>23</v>
      </c>
      <c r="BF28" s="70">
        <v>4</v>
      </c>
      <c r="BG28" s="71">
        <v>5</v>
      </c>
      <c r="BH28" s="72">
        <v>9</v>
      </c>
      <c r="BI28" s="244"/>
      <c r="BJ28" s="71">
        <v>9</v>
      </c>
      <c r="BK28" s="71">
        <v>4</v>
      </c>
      <c r="BL28" s="71">
        <v>6</v>
      </c>
      <c r="BM28" s="71">
        <v>3</v>
      </c>
      <c r="BN28" s="71">
        <v>3</v>
      </c>
      <c r="BO28" s="72">
        <v>25</v>
      </c>
      <c r="BP28" s="73">
        <v>34</v>
      </c>
      <c r="BQ28" s="70">
        <v>7</v>
      </c>
      <c r="BR28" s="71">
        <v>3</v>
      </c>
      <c r="BS28" s="72">
        <v>10</v>
      </c>
      <c r="BT28" s="244"/>
      <c r="BU28" s="71">
        <v>8</v>
      </c>
      <c r="BV28" s="71">
        <v>3</v>
      </c>
      <c r="BW28" s="71">
        <v>4</v>
      </c>
      <c r="BX28" s="71">
        <v>5</v>
      </c>
      <c r="BY28" s="71">
        <v>1</v>
      </c>
      <c r="BZ28" s="72">
        <v>21</v>
      </c>
      <c r="CA28" s="73">
        <v>31</v>
      </c>
      <c r="CB28" s="70">
        <v>0</v>
      </c>
      <c r="CC28" s="71">
        <v>0</v>
      </c>
      <c r="CD28" s="72">
        <v>0</v>
      </c>
      <c r="CE28" s="244"/>
      <c r="CF28" s="71">
        <v>0</v>
      </c>
      <c r="CG28" s="71">
        <v>0</v>
      </c>
      <c r="CH28" s="71">
        <v>0</v>
      </c>
      <c r="CI28" s="71">
        <v>0</v>
      </c>
      <c r="CJ28" s="71">
        <v>0</v>
      </c>
      <c r="CK28" s="72">
        <v>0</v>
      </c>
      <c r="CL28" s="73">
        <v>0</v>
      </c>
      <c r="CM28" s="70">
        <v>20</v>
      </c>
      <c r="CN28" s="71">
        <v>21</v>
      </c>
      <c r="CO28" s="72">
        <v>41</v>
      </c>
      <c r="CP28" s="244"/>
      <c r="CQ28" s="71">
        <v>28</v>
      </c>
      <c r="CR28" s="71">
        <v>11</v>
      </c>
      <c r="CS28" s="71">
        <v>16</v>
      </c>
      <c r="CT28" s="71">
        <v>13</v>
      </c>
      <c r="CU28" s="71">
        <v>7</v>
      </c>
      <c r="CV28" s="72">
        <v>75</v>
      </c>
      <c r="CW28" s="73">
        <v>116</v>
      </c>
      <c r="CX28" s="123">
        <v>3</v>
      </c>
      <c r="CY28" s="82">
        <v>4</v>
      </c>
      <c r="CZ28" s="83">
        <v>7</v>
      </c>
      <c r="DA28" s="241"/>
      <c r="DB28" s="82">
        <v>3</v>
      </c>
      <c r="DC28" s="82">
        <v>3</v>
      </c>
      <c r="DD28" s="82">
        <v>0</v>
      </c>
      <c r="DE28" s="82">
        <v>0</v>
      </c>
      <c r="DF28" s="82">
        <v>0</v>
      </c>
      <c r="DG28" s="84">
        <v>6</v>
      </c>
      <c r="DH28" s="85">
        <v>13</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0</v>
      </c>
      <c r="DZ28" s="71">
        <v>0</v>
      </c>
      <c r="EA28" s="71">
        <v>0</v>
      </c>
      <c r="EB28" s="71">
        <v>0</v>
      </c>
      <c r="EC28" s="72">
        <v>0</v>
      </c>
      <c r="ED28" s="73">
        <v>0</v>
      </c>
      <c r="EE28" s="70">
        <v>0</v>
      </c>
      <c r="EF28" s="71">
        <v>0</v>
      </c>
      <c r="EG28" s="72">
        <v>0</v>
      </c>
      <c r="EH28" s="244"/>
      <c r="EI28" s="71">
        <v>0</v>
      </c>
      <c r="EJ28" s="71">
        <v>1</v>
      </c>
      <c r="EK28" s="71">
        <v>0</v>
      </c>
      <c r="EL28" s="71">
        <v>0</v>
      </c>
      <c r="EM28" s="71">
        <v>0</v>
      </c>
      <c r="EN28" s="72">
        <v>1</v>
      </c>
      <c r="EO28" s="73">
        <v>1</v>
      </c>
      <c r="EP28" s="70">
        <v>0</v>
      </c>
      <c r="EQ28" s="71">
        <v>3</v>
      </c>
      <c r="ER28" s="72">
        <v>3</v>
      </c>
      <c r="ES28" s="244"/>
      <c r="ET28" s="71">
        <v>0</v>
      </c>
      <c r="EU28" s="71">
        <v>1</v>
      </c>
      <c r="EV28" s="71">
        <v>0</v>
      </c>
      <c r="EW28" s="71">
        <v>0</v>
      </c>
      <c r="EX28" s="71">
        <v>0</v>
      </c>
      <c r="EY28" s="72">
        <v>1</v>
      </c>
      <c r="EZ28" s="73">
        <v>4</v>
      </c>
      <c r="FA28" s="70">
        <v>1</v>
      </c>
      <c r="FB28" s="71">
        <v>1</v>
      </c>
      <c r="FC28" s="72">
        <v>2</v>
      </c>
      <c r="FD28" s="244"/>
      <c r="FE28" s="71">
        <v>1</v>
      </c>
      <c r="FF28" s="71">
        <v>0</v>
      </c>
      <c r="FG28" s="71">
        <v>0</v>
      </c>
      <c r="FH28" s="71">
        <v>0</v>
      </c>
      <c r="FI28" s="71">
        <v>0</v>
      </c>
      <c r="FJ28" s="72">
        <v>1</v>
      </c>
      <c r="FK28" s="73">
        <v>3</v>
      </c>
      <c r="FL28" s="70">
        <v>2</v>
      </c>
      <c r="FM28" s="71">
        <v>0</v>
      </c>
      <c r="FN28" s="72">
        <v>2</v>
      </c>
      <c r="FO28" s="244"/>
      <c r="FP28" s="71">
        <v>2</v>
      </c>
      <c r="FQ28" s="71">
        <v>1</v>
      </c>
      <c r="FR28" s="71">
        <v>0</v>
      </c>
      <c r="FS28" s="71">
        <v>0</v>
      </c>
      <c r="FT28" s="71">
        <v>0</v>
      </c>
      <c r="FU28" s="72">
        <v>3</v>
      </c>
      <c r="FV28" s="73">
        <v>5</v>
      </c>
      <c r="FW28" s="70">
        <v>0</v>
      </c>
      <c r="FX28" s="71">
        <v>0</v>
      </c>
      <c r="FY28" s="72">
        <v>0</v>
      </c>
      <c r="FZ28" s="244"/>
      <c r="GA28" s="71">
        <v>0</v>
      </c>
      <c r="GB28" s="71">
        <v>0</v>
      </c>
      <c r="GC28" s="71">
        <v>0</v>
      </c>
      <c r="GD28" s="71">
        <v>0</v>
      </c>
      <c r="GE28" s="71">
        <v>0</v>
      </c>
      <c r="GF28" s="72">
        <v>0</v>
      </c>
      <c r="GG28" s="73">
        <v>0</v>
      </c>
      <c r="GH28" s="70">
        <v>3</v>
      </c>
      <c r="GI28" s="71">
        <v>4</v>
      </c>
      <c r="GJ28" s="72">
        <v>7</v>
      </c>
      <c r="GK28" s="244"/>
      <c r="GL28" s="71">
        <v>3</v>
      </c>
      <c r="GM28" s="71">
        <v>3</v>
      </c>
      <c r="GN28" s="71">
        <v>0</v>
      </c>
      <c r="GO28" s="71">
        <v>0</v>
      </c>
      <c r="GP28" s="71">
        <v>0</v>
      </c>
      <c r="GQ28" s="72">
        <v>6</v>
      </c>
      <c r="GR28" s="73">
        <v>13</v>
      </c>
      <c r="GS28" s="123">
        <v>23</v>
      </c>
      <c r="GT28" s="82">
        <v>25</v>
      </c>
      <c r="GU28" s="83">
        <v>48</v>
      </c>
      <c r="GV28" s="241"/>
      <c r="GW28" s="82">
        <v>31</v>
      </c>
      <c r="GX28" s="82">
        <v>14</v>
      </c>
      <c r="GY28" s="82">
        <v>16</v>
      </c>
      <c r="GZ28" s="82">
        <v>13</v>
      </c>
      <c r="HA28" s="82">
        <v>7</v>
      </c>
      <c r="HB28" s="84">
        <v>81</v>
      </c>
      <c r="HC28" s="85">
        <v>129</v>
      </c>
      <c r="HD28" s="70">
        <v>1</v>
      </c>
      <c r="HE28" s="71">
        <v>1</v>
      </c>
      <c r="HF28" s="72">
        <v>2</v>
      </c>
      <c r="HG28" s="244"/>
      <c r="HH28" s="71">
        <v>2</v>
      </c>
      <c r="HI28" s="71">
        <v>0</v>
      </c>
      <c r="HJ28" s="71">
        <v>0</v>
      </c>
      <c r="HK28" s="71">
        <v>0</v>
      </c>
      <c r="HL28" s="71">
        <v>0</v>
      </c>
      <c r="HM28" s="72">
        <v>2</v>
      </c>
      <c r="HN28" s="73">
        <v>4</v>
      </c>
      <c r="HO28" s="70">
        <v>2</v>
      </c>
      <c r="HP28" s="71">
        <v>3</v>
      </c>
      <c r="HQ28" s="72">
        <v>5</v>
      </c>
      <c r="HR28" s="244"/>
      <c r="HS28" s="71">
        <v>4</v>
      </c>
      <c r="HT28" s="71">
        <v>0</v>
      </c>
      <c r="HU28" s="71">
        <v>0</v>
      </c>
      <c r="HV28" s="71">
        <v>1</v>
      </c>
      <c r="HW28" s="71">
        <v>0</v>
      </c>
      <c r="HX28" s="72">
        <v>5</v>
      </c>
      <c r="HY28" s="73">
        <v>10</v>
      </c>
      <c r="HZ28" s="70">
        <v>2</v>
      </c>
      <c r="IA28" s="71">
        <v>3</v>
      </c>
      <c r="IB28" s="72">
        <v>5</v>
      </c>
      <c r="IC28" s="244"/>
      <c r="ID28" s="71">
        <v>2</v>
      </c>
      <c r="IE28" s="71">
        <v>3</v>
      </c>
      <c r="IF28" s="71">
        <v>1</v>
      </c>
      <c r="IG28" s="71">
        <v>3</v>
      </c>
      <c r="IH28" s="71">
        <v>1</v>
      </c>
      <c r="II28" s="72">
        <v>10</v>
      </c>
      <c r="IJ28" s="73">
        <v>15</v>
      </c>
      <c r="IK28" s="70">
        <v>4</v>
      </c>
      <c r="IL28" s="71">
        <v>9</v>
      </c>
      <c r="IM28" s="72">
        <v>13</v>
      </c>
      <c r="IN28" s="244"/>
      <c r="IO28" s="71">
        <v>3</v>
      </c>
      <c r="IP28" s="71">
        <v>3</v>
      </c>
      <c r="IQ28" s="71">
        <v>5</v>
      </c>
      <c r="IR28" s="71">
        <v>1</v>
      </c>
      <c r="IS28" s="71">
        <v>2</v>
      </c>
      <c r="IT28" s="72">
        <v>14</v>
      </c>
      <c r="IU28" s="73">
        <v>27</v>
      </c>
      <c r="IV28" s="70">
        <v>5</v>
      </c>
      <c r="IW28" s="71">
        <v>6</v>
      </c>
      <c r="IX28" s="72">
        <v>11</v>
      </c>
      <c r="IY28" s="244"/>
      <c r="IZ28" s="71">
        <v>10</v>
      </c>
      <c r="JA28" s="71">
        <v>4</v>
      </c>
      <c r="JB28" s="71">
        <v>6</v>
      </c>
      <c r="JC28" s="71">
        <v>3</v>
      </c>
      <c r="JD28" s="71">
        <v>3</v>
      </c>
      <c r="JE28" s="72">
        <v>26</v>
      </c>
      <c r="JF28" s="73">
        <v>37</v>
      </c>
      <c r="JG28" s="70">
        <v>9</v>
      </c>
      <c r="JH28" s="71">
        <v>3</v>
      </c>
      <c r="JI28" s="72">
        <v>12</v>
      </c>
      <c r="JJ28" s="244"/>
      <c r="JK28" s="71">
        <v>10</v>
      </c>
      <c r="JL28" s="71">
        <v>4</v>
      </c>
      <c r="JM28" s="71">
        <v>4</v>
      </c>
      <c r="JN28" s="71">
        <v>5</v>
      </c>
      <c r="JO28" s="71">
        <v>1</v>
      </c>
      <c r="JP28" s="72">
        <v>24</v>
      </c>
      <c r="JQ28" s="73">
        <v>36</v>
      </c>
      <c r="JR28" s="70">
        <v>0</v>
      </c>
      <c r="JS28" s="71">
        <v>0</v>
      </c>
      <c r="JT28" s="72">
        <v>0</v>
      </c>
      <c r="JU28" s="244"/>
      <c r="JV28" s="71">
        <v>0</v>
      </c>
      <c r="JW28" s="71">
        <v>0</v>
      </c>
      <c r="JX28" s="71">
        <v>0</v>
      </c>
      <c r="JY28" s="71">
        <v>0</v>
      </c>
      <c r="JZ28" s="71">
        <v>0</v>
      </c>
      <c r="KA28" s="72">
        <v>0</v>
      </c>
      <c r="KB28" s="73">
        <v>0</v>
      </c>
      <c r="KC28" s="70">
        <v>23</v>
      </c>
      <c r="KD28" s="71">
        <v>25</v>
      </c>
      <c r="KE28" s="72">
        <v>48</v>
      </c>
      <c r="KF28" s="244"/>
      <c r="KG28" s="71">
        <v>31</v>
      </c>
      <c r="KH28" s="71">
        <v>14</v>
      </c>
      <c r="KI28" s="71">
        <v>16</v>
      </c>
      <c r="KJ28" s="71">
        <v>13</v>
      </c>
      <c r="KK28" s="71">
        <v>7</v>
      </c>
      <c r="KL28" s="72">
        <v>81</v>
      </c>
      <c r="KM28" s="73">
        <v>129</v>
      </c>
    </row>
    <row r="29" spans="2:299" ht="21" customHeight="1" x14ac:dyDescent="0.2">
      <c r="B29" s="126" t="s">
        <v>26</v>
      </c>
      <c r="C29" s="313">
        <v>20</v>
      </c>
      <c r="D29" s="82">
        <v>11</v>
      </c>
      <c r="E29" s="83">
        <v>31</v>
      </c>
      <c r="F29" s="241"/>
      <c r="G29" s="82">
        <v>26</v>
      </c>
      <c r="H29" s="82">
        <v>26</v>
      </c>
      <c r="I29" s="82">
        <v>20</v>
      </c>
      <c r="J29" s="82">
        <v>11</v>
      </c>
      <c r="K29" s="82">
        <v>3</v>
      </c>
      <c r="L29" s="84">
        <v>86</v>
      </c>
      <c r="M29" s="85">
        <v>117</v>
      </c>
      <c r="N29" s="70">
        <v>0</v>
      </c>
      <c r="O29" s="71">
        <v>0</v>
      </c>
      <c r="P29" s="72">
        <v>0</v>
      </c>
      <c r="Q29" s="244"/>
      <c r="R29" s="71">
        <v>1</v>
      </c>
      <c r="S29" s="71">
        <v>0</v>
      </c>
      <c r="T29" s="71">
        <v>0</v>
      </c>
      <c r="U29" s="71">
        <v>0</v>
      </c>
      <c r="V29" s="71">
        <v>0</v>
      </c>
      <c r="W29" s="72">
        <v>1</v>
      </c>
      <c r="X29" s="73">
        <v>1</v>
      </c>
      <c r="Y29" s="70">
        <v>1</v>
      </c>
      <c r="Z29" s="71">
        <v>0</v>
      </c>
      <c r="AA29" s="72">
        <v>1</v>
      </c>
      <c r="AB29" s="244"/>
      <c r="AC29" s="71">
        <v>0</v>
      </c>
      <c r="AD29" s="71">
        <v>2</v>
      </c>
      <c r="AE29" s="71">
        <v>0</v>
      </c>
      <c r="AF29" s="71">
        <v>1</v>
      </c>
      <c r="AG29" s="71">
        <v>0</v>
      </c>
      <c r="AH29" s="72">
        <v>3</v>
      </c>
      <c r="AI29" s="73">
        <v>4</v>
      </c>
      <c r="AJ29" s="70">
        <v>1</v>
      </c>
      <c r="AK29" s="71">
        <v>1</v>
      </c>
      <c r="AL29" s="72">
        <v>2</v>
      </c>
      <c r="AM29" s="244"/>
      <c r="AN29" s="71">
        <v>5</v>
      </c>
      <c r="AO29" s="71">
        <v>2</v>
      </c>
      <c r="AP29" s="71">
        <v>2</v>
      </c>
      <c r="AQ29" s="71">
        <v>1</v>
      </c>
      <c r="AR29" s="71">
        <v>0</v>
      </c>
      <c r="AS29" s="72">
        <v>10</v>
      </c>
      <c r="AT29" s="73">
        <v>12</v>
      </c>
      <c r="AU29" s="70">
        <v>1</v>
      </c>
      <c r="AV29" s="71">
        <v>2</v>
      </c>
      <c r="AW29" s="72">
        <v>3</v>
      </c>
      <c r="AX29" s="244"/>
      <c r="AY29" s="71">
        <v>9</v>
      </c>
      <c r="AZ29" s="71">
        <v>8</v>
      </c>
      <c r="BA29" s="71">
        <v>5</v>
      </c>
      <c r="BB29" s="71">
        <v>2</v>
      </c>
      <c r="BC29" s="71">
        <v>0</v>
      </c>
      <c r="BD29" s="72">
        <v>24</v>
      </c>
      <c r="BE29" s="73">
        <v>27</v>
      </c>
      <c r="BF29" s="70">
        <v>6</v>
      </c>
      <c r="BG29" s="71">
        <v>5</v>
      </c>
      <c r="BH29" s="72">
        <v>11</v>
      </c>
      <c r="BI29" s="244"/>
      <c r="BJ29" s="71">
        <v>6</v>
      </c>
      <c r="BK29" s="71">
        <v>7</v>
      </c>
      <c r="BL29" s="71">
        <v>8</v>
      </c>
      <c r="BM29" s="71">
        <v>3</v>
      </c>
      <c r="BN29" s="71">
        <v>2</v>
      </c>
      <c r="BO29" s="72">
        <v>26</v>
      </c>
      <c r="BP29" s="73">
        <v>37</v>
      </c>
      <c r="BQ29" s="70">
        <v>11</v>
      </c>
      <c r="BR29" s="71">
        <v>3</v>
      </c>
      <c r="BS29" s="72">
        <v>14</v>
      </c>
      <c r="BT29" s="244"/>
      <c r="BU29" s="71">
        <v>5</v>
      </c>
      <c r="BV29" s="71">
        <v>7</v>
      </c>
      <c r="BW29" s="71">
        <v>5</v>
      </c>
      <c r="BX29" s="71">
        <v>4</v>
      </c>
      <c r="BY29" s="71">
        <v>1</v>
      </c>
      <c r="BZ29" s="72">
        <v>22</v>
      </c>
      <c r="CA29" s="73">
        <v>36</v>
      </c>
      <c r="CB29" s="70">
        <v>0</v>
      </c>
      <c r="CC29" s="71">
        <v>0</v>
      </c>
      <c r="CD29" s="72">
        <v>0</v>
      </c>
      <c r="CE29" s="244"/>
      <c r="CF29" s="71">
        <v>0</v>
      </c>
      <c r="CG29" s="71">
        <v>0</v>
      </c>
      <c r="CH29" s="71">
        <v>0</v>
      </c>
      <c r="CI29" s="71">
        <v>0</v>
      </c>
      <c r="CJ29" s="71">
        <v>0</v>
      </c>
      <c r="CK29" s="72">
        <v>0</v>
      </c>
      <c r="CL29" s="73">
        <v>0</v>
      </c>
      <c r="CM29" s="70">
        <v>20</v>
      </c>
      <c r="CN29" s="71">
        <v>11</v>
      </c>
      <c r="CO29" s="72">
        <v>31</v>
      </c>
      <c r="CP29" s="244"/>
      <c r="CQ29" s="71">
        <v>26</v>
      </c>
      <c r="CR29" s="71">
        <v>26</v>
      </c>
      <c r="CS29" s="71">
        <v>20</v>
      </c>
      <c r="CT29" s="71">
        <v>11</v>
      </c>
      <c r="CU29" s="71">
        <v>3</v>
      </c>
      <c r="CV29" s="72">
        <v>86</v>
      </c>
      <c r="CW29" s="73">
        <v>117</v>
      </c>
      <c r="CX29" s="123">
        <v>2</v>
      </c>
      <c r="CY29" s="82">
        <v>2</v>
      </c>
      <c r="CZ29" s="83">
        <v>4</v>
      </c>
      <c r="DA29" s="241"/>
      <c r="DB29" s="82">
        <v>4</v>
      </c>
      <c r="DC29" s="82">
        <v>5</v>
      </c>
      <c r="DD29" s="82">
        <v>3</v>
      </c>
      <c r="DE29" s="82">
        <v>0</v>
      </c>
      <c r="DF29" s="82">
        <v>0</v>
      </c>
      <c r="DG29" s="84">
        <v>12</v>
      </c>
      <c r="DH29" s="85">
        <v>16</v>
      </c>
      <c r="DI29" s="70">
        <v>0</v>
      </c>
      <c r="DJ29" s="71">
        <v>0</v>
      </c>
      <c r="DK29" s="72">
        <v>0</v>
      </c>
      <c r="DL29" s="244"/>
      <c r="DM29" s="71">
        <v>0</v>
      </c>
      <c r="DN29" s="71">
        <v>0</v>
      </c>
      <c r="DO29" s="71">
        <v>0</v>
      </c>
      <c r="DP29" s="71">
        <v>0</v>
      </c>
      <c r="DQ29" s="71">
        <v>0</v>
      </c>
      <c r="DR29" s="72">
        <v>0</v>
      </c>
      <c r="DS29" s="73">
        <v>0</v>
      </c>
      <c r="DT29" s="70">
        <v>1</v>
      </c>
      <c r="DU29" s="71">
        <v>0</v>
      </c>
      <c r="DV29" s="72">
        <v>1</v>
      </c>
      <c r="DW29" s="244"/>
      <c r="DX29" s="71">
        <v>0</v>
      </c>
      <c r="DY29" s="71">
        <v>0</v>
      </c>
      <c r="DZ29" s="71">
        <v>0</v>
      </c>
      <c r="EA29" s="71">
        <v>0</v>
      </c>
      <c r="EB29" s="71">
        <v>0</v>
      </c>
      <c r="EC29" s="72">
        <v>0</v>
      </c>
      <c r="ED29" s="73">
        <v>1</v>
      </c>
      <c r="EE29" s="70">
        <v>0</v>
      </c>
      <c r="EF29" s="71">
        <v>0</v>
      </c>
      <c r="EG29" s="72">
        <v>0</v>
      </c>
      <c r="EH29" s="244"/>
      <c r="EI29" s="71">
        <v>0</v>
      </c>
      <c r="EJ29" s="71">
        <v>0</v>
      </c>
      <c r="EK29" s="71">
        <v>0</v>
      </c>
      <c r="EL29" s="71">
        <v>0</v>
      </c>
      <c r="EM29" s="71">
        <v>0</v>
      </c>
      <c r="EN29" s="72">
        <v>0</v>
      </c>
      <c r="EO29" s="73">
        <v>0</v>
      </c>
      <c r="EP29" s="70">
        <v>0</v>
      </c>
      <c r="EQ29" s="71">
        <v>0</v>
      </c>
      <c r="ER29" s="72">
        <v>0</v>
      </c>
      <c r="ES29" s="244"/>
      <c r="ET29" s="71">
        <v>1</v>
      </c>
      <c r="EU29" s="71">
        <v>0</v>
      </c>
      <c r="EV29" s="71">
        <v>1</v>
      </c>
      <c r="EW29" s="71">
        <v>0</v>
      </c>
      <c r="EX29" s="71">
        <v>0</v>
      </c>
      <c r="EY29" s="72">
        <v>2</v>
      </c>
      <c r="EZ29" s="73">
        <v>2</v>
      </c>
      <c r="FA29" s="70">
        <v>0</v>
      </c>
      <c r="FB29" s="71">
        <v>1</v>
      </c>
      <c r="FC29" s="72">
        <v>1</v>
      </c>
      <c r="FD29" s="244"/>
      <c r="FE29" s="71">
        <v>2</v>
      </c>
      <c r="FF29" s="71">
        <v>2</v>
      </c>
      <c r="FG29" s="71">
        <v>0</v>
      </c>
      <c r="FH29" s="71">
        <v>0</v>
      </c>
      <c r="FI29" s="71">
        <v>0</v>
      </c>
      <c r="FJ29" s="72">
        <v>4</v>
      </c>
      <c r="FK29" s="73">
        <v>5</v>
      </c>
      <c r="FL29" s="70">
        <v>1</v>
      </c>
      <c r="FM29" s="71">
        <v>1</v>
      </c>
      <c r="FN29" s="72">
        <v>2</v>
      </c>
      <c r="FO29" s="244"/>
      <c r="FP29" s="71">
        <v>1</v>
      </c>
      <c r="FQ29" s="71">
        <v>3</v>
      </c>
      <c r="FR29" s="71">
        <v>2</v>
      </c>
      <c r="FS29" s="71">
        <v>0</v>
      </c>
      <c r="FT29" s="71">
        <v>0</v>
      </c>
      <c r="FU29" s="72">
        <v>6</v>
      </c>
      <c r="FV29" s="73">
        <v>8</v>
      </c>
      <c r="FW29" s="70">
        <v>0</v>
      </c>
      <c r="FX29" s="71">
        <v>0</v>
      </c>
      <c r="FY29" s="72">
        <v>0</v>
      </c>
      <c r="FZ29" s="244"/>
      <c r="GA29" s="71">
        <v>0</v>
      </c>
      <c r="GB29" s="71">
        <v>0</v>
      </c>
      <c r="GC29" s="71">
        <v>0</v>
      </c>
      <c r="GD29" s="71">
        <v>0</v>
      </c>
      <c r="GE29" s="71">
        <v>0</v>
      </c>
      <c r="GF29" s="72">
        <v>0</v>
      </c>
      <c r="GG29" s="73">
        <v>0</v>
      </c>
      <c r="GH29" s="70">
        <v>2</v>
      </c>
      <c r="GI29" s="71">
        <v>2</v>
      </c>
      <c r="GJ29" s="72">
        <v>4</v>
      </c>
      <c r="GK29" s="244"/>
      <c r="GL29" s="71">
        <v>4</v>
      </c>
      <c r="GM29" s="71">
        <v>5</v>
      </c>
      <c r="GN29" s="71">
        <v>3</v>
      </c>
      <c r="GO29" s="71">
        <v>0</v>
      </c>
      <c r="GP29" s="71">
        <v>0</v>
      </c>
      <c r="GQ29" s="72">
        <v>12</v>
      </c>
      <c r="GR29" s="73">
        <v>16</v>
      </c>
      <c r="GS29" s="123">
        <v>22</v>
      </c>
      <c r="GT29" s="82">
        <v>13</v>
      </c>
      <c r="GU29" s="83">
        <v>35</v>
      </c>
      <c r="GV29" s="241"/>
      <c r="GW29" s="82">
        <v>30</v>
      </c>
      <c r="GX29" s="82">
        <v>31</v>
      </c>
      <c r="GY29" s="82">
        <v>23</v>
      </c>
      <c r="GZ29" s="82">
        <v>11</v>
      </c>
      <c r="HA29" s="82">
        <v>3</v>
      </c>
      <c r="HB29" s="84">
        <v>98</v>
      </c>
      <c r="HC29" s="85">
        <v>133</v>
      </c>
      <c r="HD29" s="70">
        <v>0</v>
      </c>
      <c r="HE29" s="71">
        <v>0</v>
      </c>
      <c r="HF29" s="72">
        <v>0</v>
      </c>
      <c r="HG29" s="244"/>
      <c r="HH29" s="71">
        <v>1</v>
      </c>
      <c r="HI29" s="71">
        <v>0</v>
      </c>
      <c r="HJ29" s="71">
        <v>0</v>
      </c>
      <c r="HK29" s="71">
        <v>0</v>
      </c>
      <c r="HL29" s="71">
        <v>0</v>
      </c>
      <c r="HM29" s="72">
        <v>1</v>
      </c>
      <c r="HN29" s="73">
        <v>1</v>
      </c>
      <c r="HO29" s="70">
        <v>2</v>
      </c>
      <c r="HP29" s="71">
        <v>0</v>
      </c>
      <c r="HQ29" s="72">
        <v>2</v>
      </c>
      <c r="HR29" s="244"/>
      <c r="HS29" s="71">
        <v>0</v>
      </c>
      <c r="HT29" s="71">
        <v>2</v>
      </c>
      <c r="HU29" s="71">
        <v>0</v>
      </c>
      <c r="HV29" s="71">
        <v>1</v>
      </c>
      <c r="HW29" s="71">
        <v>0</v>
      </c>
      <c r="HX29" s="72">
        <v>3</v>
      </c>
      <c r="HY29" s="73">
        <v>5</v>
      </c>
      <c r="HZ29" s="70">
        <v>1</v>
      </c>
      <c r="IA29" s="71">
        <v>1</v>
      </c>
      <c r="IB29" s="72">
        <v>2</v>
      </c>
      <c r="IC29" s="244"/>
      <c r="ID29" s="71">
        <v>5</v>
      </c>
      <c r="IE29" s="71">
        <v>2</v>
      </c>
      <c r="IF29" s="71">
        <v>2</v>
      </c>
      <c r="IG29" s="71">
        <v>1</v>
      </c>
      <c r="IH29" s="71">
        <v>0</v>
      </c>
      <c r="II29" s="72">
        <v>10</v>
      </c>
      <c r="IJ29" s="73">
        <v>12</v>
      </c>
      <c r="IK29" s="70">
        <v>1</v>
      </c>
      <c r="IL29" s="71">
        <v>2</v>
      </c>
      <c r="IM29" s="72">
        <v>3</v>
      </c>
      <c r="IN29" s="244"/>
      <c r="IO29" s="71">
        <v>10</v>
      </c>
      <c r="IP29" s="71">
        <v>8</v>
      </c>
      <c r="IQ29" s="71">
        <v>6</v>
      </c>
      <c r="IR29" s="71">
        <v>2</v>
      </c>
      <c r="IS29" s="71">
        <v>0</v>
      </c>
      <c r="IT29" s="72">
        <v>26</v>
      </c>
      <c r="IU29" s="73">
        <v>29</v>
      </c>
      <c r="IV29" s="70">
        <v>6</v>
      </c>
      <c r="IW29" s="71">
        <v>6</v>
      </c>
      <c r="IX29" s="72">
        <v>12</v>
      </c>
      <c r="IY29" s="244"/>
      <c r="IZ29" s="71">
        <v>8</v>
      </c>
      <c r="JA29" s="71">
        <v>9</v>
      </c>
      <c r="JB29" s="71">
        <v>8</v>
      </c>
      <c r="JC29" s="71">
        <v>3</v>
      </c>
      <c r="JD29" s="71">
        <v>2</v>
      </c>
      <c r="JE29" s="72">
        <v>30</v>
      </c>
      <c r="JF29" s="73">
        <v>42</v>
      </c>
      <c r="JG29" s="70">
        <v>12</v>
      </c>
      <c r="JH29" s="71">
        <v>4</v>
      </c>
      <c r="JI29" s="72">
        <v>16</v>
      </c>
      <c r="JJ29" s="244"/>
      <c r="JK29" s="71">
        <v>6</v>
      </c>
      <c r="JL29" s="71">
        <v>10</v>
      </c>
      <c r="JM29" s="71">
        <v>7</v>
      </c>
      <c r="JN29" s="71">
        <v>4</v>
      </c>
      <c r="JO29" s="71">
        <v>1</v>
      </c>
      <c r="JP29" s="72">
        <v>28</v>
      </c>
      <c r="JQ29" s="73">
        <v>44</v>
      </c>
      <c r="JR29" s="70">
        <v>0</v>
      </c>
      <c r="JS29" s="71">
        <v>0</v>
      </c>
      <c r="JT29" s="72">
        <v>0</v>
      </c>
      <c r="JU29" s="244"/>
      <c r="JV29" s="71">
        <v>0</v>
      </c>
      <c r="JW29" s="71">
        <v>0</v>
      </c>
      <c r="JX29" s="71">
        <v>0</v>
      </c>
      <c r="JY29" s="71">
        <v>0</v>
      </c>
      <c r="JZ29" s="71">
        <v>0</v>
      </c>
      <c r="KA29" s="72">
        <v>0</v>
      </c>
      <c r="KB29" s="73">
        <v>0</v>
      </c>
      <c r="KC29" s="70">
        <v>22</v>
      </c>
      <c r="KD29" s="71">
        <v>13</v>
      </c>
      <c r="KE29" s="72">
        <v>35</v>
      </c>
      <c r="KF29" s="244"/>
      <c r="KG29" s="71">
        <v>30</v>
      </c>
      <c r="KH29" s="71">
        <v>31</v>
      </c>
      <c r="KI29" s="71">
        <v>23</v>
      </c>
      <c r="KJ29" s="71">
        <v>11</v>
      </c>
      <c r="KK29" s="71">
        <v>3</v>
      </c>
      <c r="KL29" s="72">
        <v>98</v>
      </c>
      <c r="KM29" s="73">
        <v>133</v>
      </c>
    </row>
    <row r="30" spans="2:299" ht="21" customHeight="1" x14ac:dyDescent="0.2">
      <c r="B30" s="126" t="s">
        <v>27</v>
      </c>
      <c r="C30" s="313">
        <v>17</v>
      </c>
      <c r="D30" s="82">
        <v>26</v>
      </c>
      <c r="E30" s="83">
        <v>43</v>
      </c>
      <c r="F30" s="241"/>
      <c r="G30" s="82">
        <v>17</v>
      </c>
      <c r="H30" s="82">
        <v>20</v>
      </c>
      <c r="I30" s="82">
        <v>19</v>
      </c>
      <c r="J30" s="82">
        <v>14</v>
      </c>
      <c r="K30" s="82">
        <v>5</v>
      </c>
      <c r="L30" s="84">
        <v>75</v>
      </c>
      <c r="M30" s="85">
        <v>118</v>
      </c>
      <c r="N30" s="70">
        <v>0</v>
      </c>
      <c r="O30" s="71">
        <v>0</v>
      </c>
      <c r="P30" s="72">
        <v>0</v>
      </c>
      <c r="Q30" s="244"/>
      <c r="R30" s="71">
        <v>0</v>
      </c>
      <c r="S30" s="71">
        <v>1</v>
      </c>
      <c r="T30" s="71">
        <v>0</v>
      </c>
      <c r="U30" s="71">
        <v>0</v>
      </c>
      <c r="V30" s="71">
        <v>0</v>
      </c>
      <c r="W30" s="72">
        <v>1</v>
      </c>
      <c r="X30" s="73">
        <v>1</v>
      </c>
      <c r="Y30" s="70">
        <v>0</v>
      </c>
      <c r="Z30" s="71">
        <v>2</v>
      </c>
      <c r="AA30" s="72">
        <v>2</v>
      </c>
      <c r="AB30" s="244"/>
      <c r="AC30" s="71">
        <v>0</v>
      </c>
      <c r="AD30" s="71">
        <v>1</v>
      </c>
      <c r="AE30" s="71">
        <v>0</v>
      </c>
      <c r="AF30" s="71">
        <v>0</v>
      </c>
      <c r="AG30" s="71">
        <v>0</v>
      </c>
      <c r="AH30" s="72">
        <v>1</v>
      </c>
      <c r="AI30" s="73">
        <v>3</v>
      </c>
      <c r="AJ30" s="70">
        <v>2</v>
      </c>
      <c r="AK30" s="71">
        <v>2</v>
      </c>
      <c r="AL30" s="72">
        <v>4</v>
      </c>
      <c r="AM30" s="244"/>
      <c r="AN30" s="71">
        <v>0</v>
      </c>
      <c r="AO30" s="71">
        <v>0</v>
      </c>
      <c r="AP30" s="71">
        <v>3</v>
      </c>
      <c r="AQ30" s="71">
        <v>1</v>
      </c>
      <c r="AR30" s="71">
        <v>1</v>
      </c>
      <c r="AS30" s="72">
        <v>5</v>
      </c>
      <c r="AT30" s="73">
        <v>9</v>
      </c>
      <c r="AU30" s="70">
        <v>6</v>
      </c>
      <c r="AV30" s="71">
        <v>4</v>
      </c>
      <c r="AW30" s="72">
        <v>10</v>
      </c>
      <c r="AX30" s="244"/>
      <c r="AY30" s="71">
        <v>6</v>
      </c>
      <c r="AZ30" s="71">
        <v>4</v>
      </c>
      <c r="BA30" s="71">
        <v>5</v>
      </c>
      <c r="BB30" s="71">
        <v>3</v>
      </c>
      <c r="BC30" s="71">
        <v>1</v>
      </c>
      <c r="BD30" s="72">
        <v>19</v>
      </c>
      <c r="BE30" s="73">
        <v>29</v>
      </c>
      <c r="BF30" s="70">
        <v>4</v>
      </c>
      <c r="BG30" s="71">
        <v>8</v>
      </c>
      <c r="BH30" s="72">
        <v>12</v>
      </c>
      <c r="BI30" s="244"/>
      <c r="BJ30" s="71">
        <v>3</v>
      </c>
      <c r="BK30" s="71">
        <v>5</v>
      </c>
      <c r="BL30" s="71">
        <v>8</v>
      </c>
      <c r="BM30" s="71">
        <v>3</v>
      </c>
      <c r="BN30" s="71">
        <v>1</v>
      </c>
      <c r="BO30" s="72">
        <v>20</v>
      </c>
      <c r="BP30" s="73">
        <v>32</v>
      </c>
      <c r="BQ30" s="70">
        <v>5</v>
      </c>
      <c r="BR30" s="71">
        <v>10</v>
      </c>
      <c r="BS30" s="72">
        <v>15</v>
      </c>
      <c r="BT30" s="244"/>
      <c r="BU30" s="71">
        <v>8</v>
      </c>
      <c r="BV30" s="71">
        <v>9</v>
      </c>
      <c r="BW30" s="71">
        <v>3</v>
      </c>
      <c r="BX30" s="71">
        <v>7</v>
      </c>
      <c r="BY30" s="71">
        <v>2</v>
      </c>
      <c r="BZ30" s="72">
        <v>29</v>
      </c>
      <c r="CA30" s="73">
        <v>44</v>
      </c>
      <c r="CB30" s="70">
        <v>0</v>
      </c>
      <c r="CC30" s="71">
        <v>0</v>
      </c>
      <c r="CD30" s="72">
        <v>0</v>
      </c>
      <c r="CE30" s="244"/>
      <c r="CF30" s="71">
        <v>0</v>
      </c>
      <c r="CG30" s="71">
        <v>0</v>
      </c>
      <c r="CH30" s="71">
        <v>0</v>
      </c>
      <c r="CI30" s="71">
        <v>0</v>
      </c>
      <c r="CJ30" s="71">
        <v>0</v>
      </c>
      <c r="CK30" s="72">
        <v>0</v>
      </c>
      <c r="CL30" s="73">
        <v>0</v>
      </c>
      <c r="CM30" s="70">
        <v>17</v>
      </c>
      <c r="CN30" s="71">
        <v>26</v>
      </c>
      <c r="CO30" s="72">
        <v>43</v>
      </c>
      <c r="CP30" s="244"/>
      <c r="CQ30" s="71">
        <v>17</v>
      </c>
      <c r="CR30" s="71">
        <v>20</v>
      </c>
      <c r="CS30" s="71">
        <v>19</v>
      </c>
      <c r="CT30" s="71">
        <v>14</v>
      </c>
      <c r="CU30" s="71">
        <v>5</v>
      </c>
      <c r="CV30" s="72">
        <v>75</v>
      </c>
      <c r="CW30" s="73">
        <v>118</v>
      </c>
      <c r="CX30" s="123">
        <v>3</v>
      </c>
      <c r="CY30" s="82">
        <v>4</v>
      </c>
      <c r="CZ30" s="83">
        <v>7</v>
      </c>
      <c r="DA30" s="241"/>
      <c r="DB30" s="82">
        <v>4</v>
      </c>
      <c r="DC30" s="82">
        <v>2</v>
      </c>
      <c r="DD30" s="82">
        <v>2</v>
      </c>
      <c r="DE30" s="82">
        <v>4</v>
      </c>
      <c r="DF30" s="82">
        <v>0</v>
      </c>
      <c r="DG30" s="84">
        <v>12</v>
      </c>
      <c r="DH30" s="85">
        <v>19</v>
      </c>
      <c r="DI30" s="70">
        <v>0</v>
      </c>
      <c r="DJ30" s="71">
        <v>1</v>
      </c>
      <c r="DK30" s="72">
        <v>1</v>
      </c>
      <c r="DL30" s="244"/>
      <c r="DM30" s="71">
        <v>0</v>
      </c>
      <c r="DN30" s="71">
        <v>0</v>
      </c>
      <c r="DO30" s="71">
        <v>0</v>
      </c>
      <c r="DP30" s="71">
        <v>0</v>
      </c>
      <c r="DQ30" s="71">
        <v>0</v>
      </c>
      <c r="DR30" s="72">
        <v>0</v>
      </c>
      <c r="DS30" s="73">
        <v>1</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1</v>
      </c>
      <c r="EU30" s="71">
        <v>0</v>
      </c>
      <c r="EV30" s="71">
        <v>0</v>
      </c>
      <c r="EW30" s="71">
        <v>0</v>
      </c>
      <c r="EX30" s="71">
        <v>0</v>
      </c>
      <c r="EY30" s="72">
        <v>1</v>
      </c>
      <c r="EZ30" s="73">
        <v>1</v>
      </c>
      <c r="FA30" s="70">
        <v>1</v>
      </c>
      <c r="FB30" s="71">
        <v>0</v>
      </c>
      <c r="FC30" s="72">
        <v>1</v>
      </c>
      <c r="FD30" s="244"/>
      <c r="FE30" s="71">
        <v>2</v>
      </c>
      <c r="FF30" s="71">
        <v>2</v>
      </c>
      <c r="FG30" s="71">
        <v>0</v>
      </c>
      <c r="FH30" s="71">
        <v>0</v>
      </c>
      <c r="FI30" s="71">
        <v>0</v>
      </c>
      <c r="FJ30" s="72">
        <v>4</v>
      </c>
      <c r="FK30" s="73">
        <v>5</v>
      </c>
      <c r="FL30" s="70">
        <v>2</v>
      </c>
      <c r="FM30" s="71">
        <v>3</v>
      </c>
      <c r="FN30" s="72">
        <v>5</v>
      </c>
      <c r="FO30" s="244"/>
      <c r="FP30" s="71">
        <v>1</v>
      </c>
      <c r="FQ30" s="71">
        <v>0</v>
      </c>
      <c r="FR30" s="71">
        <v>2</v>
      </c>
      <c r="FS30" s="71">
        <v>4</v>
      </c>
      <c r="FT30" s="71">
        <v>0</v>
      </c>
      <c r="FU30" s="72">
        <v>7</v>
      </c>
      <c r="FV30" s="73">
        <v>12</v>
      </c>
      <c r="FW30" s="70">
        <v>0</v>
      </c>
      <c r="FX30" s="71">
        <v>0</v>
      </c>
      <c r="FY30" s="72">
        <v>0</v>
      </c>
      <c r="FZ30" s="244"/>
      <c r="GA30" s="71">
        <v>0</v>
      </c>
      <c r="GB30" s="71">
        <v>0</v>
      </c>
      <c r="GC30" s="71">
        <v>0</v>
      </c>
      <c r="GD30" s="71">
        <v>0</v>
      </c>
      <c r="GE30" s="71">
        <v>0</v>
      </c>
      <c r="GF30" s="72">
        <v>0</v>
      </c>
      <c r="GG30" s="73">
        <v>0</v>
      </c>
      <c r="GH30" s="70">
        <v>3</v>
      </c>
      <c r="GI30" s="71">
        <v>4</v>
      </c>
      <c r="GJ30" s="72">
        <v>7</v>
      </c>
      <c r="GK30" s="244"/>
      <c r="GL30" s="71">
        <v>4</v>
      </c>
      <c r="GM30" s="71">
        <v>2</v>
      </c>
      <c r="GN30" s="71">
        <v>2</v>
      </c>
      <c r="GO30" s="71">
        <v>4</v>
      </c>
      <c r="GP30" s="71">
        <v>0</v>
      </c>
      <c r="GQ30" s="72">
        <v>12</v>
      </c>
      <c r="GR30" s="73">
        <v>19</v>
      </c>
      <c r="GS30" s="123">
        <v>20</v>
      </c>
      <c r="GT30" s="82">
        <v>30</v>
      </c>
      <c r="GU30" s="83">
        <v>50</v>
      </c>
      <c r="GV30" s="241"/>
      <c r="GW30" s="82">
        <v>21</v>
      </c>
      <c r="GX30" s="82">
        <v>22</v>
      </c>
      <c r="GY30" s="82">
        <v>21</v>
      </c>
      <c r="GZ30" s="82">
        <v>18</v>
      </c>
      <c r="HA30" s="82">
        <v>5</v>
      </c>
      <c r="HB30" s="84">
        <v>87</v>
      </c>
      <c r="HC30" s="85">
        <v>137</v>
      </c>
      <c r="HD30" s="70">
        <v>0</v>
      </c>
      <c r="HE30" s="71">
        <v>1</v>
      </c>
      <c r="HF30" s="72">
        <v>1</v>
      </c>
      <c r="HG30" s="244"/>
      <c r="HH30" s="71">
        <v>0</v>
      </c>
      <c r="HI30" s="71">
        <v>1</v>
      </c>
      <c r="HJ30" s="71">
        <v>0</v>
      </c>
      <c r="HK30" s="71">
        <v>0</v>
      </c>
      <c r="HL30" s="71">
        <v>0</v>
      </c>
      <c r="HM30" s="72">
        <v>1</v>
      </c>
      <c r="HN30" s="73">
        <v>2</v>
      </c>
      <c r="HO30" s="70">
        <v>0</v>
      </c>
      <c r="HP30" s="71">
        <v>2</v>
      </c>
      <c r="HQ30" s="72">
        <v>2</v>
      </c>
      <c r="HR30" s="244"/>
      <c r="HS30" s="71">
        <v>0</v>
      </c>
      <c r="HT30" s="71">
        <v>1</v>
      </c>
      <c r="HU30" s="71">
        <v>0</v>
      </c>
      <c r="HV30" s="71">
        <v>0</v>
      </c>
      <c r="HW30" s="71">
        <v>0</v>
      </c>
      <c r="HX30" s="72">
        <v>1</v>
      </c>
      <c r="HY30" s="73">
        <v>3</v>
      </c>
      <c r="HZ30" s="70">
        <v>2</v>
      </c>
      <c r="IA30" s="71">
        <v>2</v>
      </c>
      <c r="IB30" s="72">
        <v>4</v>
      </c>
      <c r="IC30" s="244"/>
      <c r="ID30" s="71">
        <v>0</v>
      </c>
      <c r="IE30" s="71">
        <v>0</v>
      </c>
      <c r="IF30" s="71">
        <v>3</v>
      </c>
      <c r="IG30" s="71">
        <v>1</v>
      </c>
      <c r="IH30" s="71">
        <v>1</v>
      </c>
      <c r="II30" s="72">
        <v>5</v>
      </c>
      <c r="IJ30" s="73">
        <v>9</v>
      </c>
      <c r="IK30" s="70">
        <v>6</v>
      </c>
      <c r="IL30" s="71">
        <v>4</v>
      </c>
      <c r="IM30" s="72">
        <v>10</v>
      </c>
      <c r="IN30" s="244"/>
      <c r="IO30" s="71">
        <v>7</v>
      </c>
      <c r="IP30" s="71">
        <v>4</v>
      </c>
      <c r="IQ30" s="71">
        <v>5</v>
      </c>
      <c r="IR30" s="71">
        <v>3</v>
      </c>
      <c r="IS30" s="71">
        <v>1</v>
      </c>
      <c r="IT30" s="72">
        <v>20</v>
      </c>
      <c r="IU30" s="73">
        <v>30</v>
      </c>
      <c r="IV30" s="70">
        <v>5</v>
      </c>
      <c r="IW30" s="71">
        <v>8</v>
      </c>
      <c r="IX30" s="72">
        <v>13</v>
      </c>
      <c r="IY30" s="244"/>
      <c r="IZ30" s="71">
        <v>5</v>
      </c>
      <c r="JA30" s="71">
        <v>7</v>
      </c>
      <c r="JB30" s="71">
        <v>8</v>
      </c>
      <c r="JC30" s="71">
        <v>3</v>
      </c>
      <c r="JD30" s="71">
        <v>1</v>
      </c>
      <c r="JE30" s="72">
        <v>24</v>
      </c>
      <c r="JF30" s="73">
        <v>37</v>
      </c>
      <c r="JG30" s="70">
        <v>7</v>
      </c>
      <c r="JH30" s="71">
        <v>13</v>
      </c>
      <c r="JI30" s="72">
        <v>20</v>
      </c>
      <c r="JJ30" s="244"/>
      <c r="JK30" s="71">
        <v>9</v>
      </c>
      <c r="JL30" s="71">
        <v>9</v>
      </c>
      <c r="JM30" s="71">
        <v>5</v>
      </c>
      <c r="JN30" s="71">
        <v>11</v>
      </c>
      <c r="JO30" s="71">
        <v>2</v>
      </c>
      <c r="JP30" s="72">
        <v>36</v>
      </c>
      <c r="JQ30" s="73">
        <v>56</v>
      </c>
      <c r="JR30" s="70">
        <v>0</v>
      </c>
      <c r="JS30" s="71">
        <v>0</v>
      </c>
      <c r="JT30" s="72">
        <v>0</v>
      </c>
      <c r="JU30" s="244"/>
      <c r="JV30" s="71">
        <v>0</v>
      </c>
      <c r="JW30" s="71">
        <v>0</v>
      </c>
      <c r="JX30" s="71">
        <v>0</v>
      </c>
      <c r="JY30" s="71">
        <v>0</v>
      </c>
      <c r="JZ30" s="71">
        <v>0</v>
      </c>
      <c r="KA30" s="72">
        <v>0</v>
      </c>
      <c r="KB30" s="73">
        <v>0</v>
      </c>
      <c r="KC30" s="70">
        <v>20</v>
      </c>
      <c r="KD30" s="71">
        <v>30</v>
      </c>
      <c r="KE30" s="72">
        <v>50</v>
      </c>
      <c r="KF30" s="244"/>
      <c r="KG30" s="71">
        <v>21</v>
      </c>
      <c r="KH30" s="71">
        <v>22</v>
      </c>
      <c r="KI30" s="71">
        <v>21</v>
      </c>
      <c r="KJ30" s="71">
        <v>18</v>
      </c>
      <c r="KK30" s="71">
        <v>5</v>
      </c>
      <c r="KL30" s="72">
        <v>87</v>
      </c>
      <c r="KM30" s="73">
        <v>137</v>
      </c>
    </row>
    <row r="31" spans="2:299" ht="21" customHeight="1" x14ac:dyDescent="0.2">
      <c r="B31" s="126" t="s">
        <v>28</v>
      </c>
      <c r="C31" s="313">
        <v>1</v>
      </c>
      <c r="D31" s="82">
        <v>2</v>
      </c>
      <c r="E31" s="83">
        <v>3</v>
      </c>
      <c r="F31" s="241"/>
      <c r="G31" s="82">
        <v>9</v>
      </c>
      <c r="H31" s="82">
        <v>9</v>
      </c>
      <c r="I31" s="82">
        <v>1</v>
      </c>
      <c r="J31" s="82">
        <v>1</v>
      </c>
      <c r="K31" s="82">
        <v>1</v>
      </c>
      <c r="L31" s="84">
        <v>21</v>
      </c>
      <c r="M31" s="85">
        <v>24</v>
      </c>
      <c r="N31" s="70">
        <v>0</v>
      </c>
      <c r="O31" s="71">
        <v>0</v>
      </c>
      <c r="P31" s="72">
        <v>0</v>
      </c>
      <c r="Q31" s="244"/>
      <c r="R31" s="71">
        <v>0</v>
      </c>
      <c r="S31" s="71">
        <v>0</v>
      </c>
      <c r="T31" s="71">
        <v>0</v>
      </c>
      <c r="U31" s="71">
        <v>0</v>
      </c>
      <c r="V31" s="71">
        <v>0</v>
      </c>
      <c r="W31" s="72">
        <v>0</v>
      </c>
      <c r="X31" s="73">
        <v>0</v>
      </c>
      <c r="Y31" s="70">
        <v>0</v>
      </c>
      <c r="Z31" s="71">
        <v>0</v>
      </c>
      <c r="AA31" s="72">
        <v>0</v>
      </c>
      <c r="AB31" s="244"/>
      <c r="AC31" s="71">
        <v>2</v>
      </c>
      <c r="AD31" s="71">
        <v>0</v>
      </c>
      <c r="AE31" s="71">
        <v>0</v>
      </c>
      <c r="AF31" s="71">
        <v>0</v>
      </c>
      <c r="AG31" s="71">
        <v>0</v>
      </c>
      <c r="AH31" s="72">
        <v>2</v>
      </c>
      <c r="AI31" s="73">
        <v>2</v>
      </c>
      <c r="AJ31" s="70">
        <v>0</v>
      </c>
      <c r="AK31" s="71">
        <v>0</v>
      </c>
      <c r="AL31" s="72">
        <v>0</v>
      </c>
      <c r="AM31" s="244"/>
      <c r="AN31" s="71">
        <v>1</v>
      </c>
      <c r="AO31" s="71">
        <v>1</v>
      </c>
      <c r="AP31" s="71">
        <v>0</v>
      </c>
      <c r="AQ31" s="71">
        <v>0</v>
      </c>
      <c r="AR31" s="71">
        <v>0</v>
      </c>
      <c r="AS31" s="72">
        <v>2</v>
      </c>
      <c r="AT31" s="73">
        <v>2</v>
      </c>
      <c r="AU31" s="70">
        <v>1</v>
      </c>
      <c r="AV31" s="71">
        <v>0</v>
      </c>
      <c r="AW31" s="72">
        <v>1</v>
      </c>
      <c r="AX31" s="244"/>
      <c r="AY31" s="71">
        <v>2</v>
      </c>
      <c r="AZ31" s="71">
        <v>3</v>
      </c>
      <c r="BA31" s="71">
        <v>0</v>
      </c>
      <c r="BB31" s="71">
        <v>0</v>
      </c>
      <c r="BC31" s="71">
        <v>1</v>
      </c>
      <c r="BD31" s="72">
        <v>6</v>
      </c>
      <c r="BE31" s="73">
        <v>7</v>
      </c>
      <c r="BF31" s="70">
        <v>0</v>
      </c>
      <c r="BG31" s="71">
        <v>2</v>
      </c>
      <c r="BH31" s="72">
        <v>2</v>
      </c>
      <c r="BI31" s="244"/>
      <c r="BJ31" s="71">
        <v>2</v>
      </c>
      <c r="BK31" s="71">
        <v>3</v>
      </c>
      <c r="BL31" s="71">
        <v>1</v>
      </c>
      <c r="BM31" s="71">
        <v>0</v>
      </c>
      <c r="BN31" s="71">
        <v>0</v>
      </c>
      <c r="BO31" s="72">
        <v>6</v>
      </c>
      <c r="BP31" s="73">
        <v>8</v>
      </c>
      <c r="BQ31" s="70">
        <v>0</v>
      </c>
      <c r="BR31" s="71">
        <v>0</v>
      </c>
      <c r="BS31" s="72">
        <v>0</v>
      </c>
      <c r="BT31" s="244"/>
      <c r="BU31" s="71">
        <v>2</v>
      </c>
      <c r="BV31" s="71">
        <v>2</v>
      </c>
      <c r="BW31" s="71">
        <v>0</v>
      </c>
      <c r="BX31" s="71">
        <v>1</v>
      </c>
      <c r="BY31" s="71">
        <v>0</v>
      </c>
      <c r="BZ31" s="72">
        <v>5</v>
      </c>
      <c r="CA31" s="73">
        <v>5</v>
      </c>
      <c r="CB31" s="70">
        <v>0</v>
      </c>
      <c r="CC31" s="71">
        <v>0</v>
      </c>
      <c r="CD31" s="72">
        <v>0</v>
      </c>
      <c r="CE31" s="244"/>
      <c r="CF31" s="71">
        <v>0</v>
      </c>
      <c r="CG31" s="71">
        <v>0</v>
      </c>
      <c r="CH31" s="71">
        <v>0</v>
      </c>
      <c r="CI31" s="71">
        <v>0</v>
      </c>
      <c r="CJ31" s="71">
        <v>0</v>
      </c>
      <c r="CK31" s="72">
        <v>0</v>
      </c>
      <c r="CL31" s="73">
        <v>0</v>
      </c>
      <c r="CM31" s="70">
        <v>1</v>
      </c>
      <c r="CN31" s="71">
        <v>2</v>
      </c>
      <c r="CO31" s="72">
        <v>3</v>
      </c>
      <c r="CP31" s="244"/>
      <c r="CQ31" s="71">
        <v>9</v>
      </c>
      <c r="CR31" s="71">
        <v>9</v>
      </c>
      <c r="CS31" s="71">
        <v>1</v>
      </c>
      <c r="CT31" s="71">
        <v>1</v>
      </c>
      <c r="CU31" s="71">
        <v>1</v>
      </c>
      <c r="CV31" s="72">
        <v>21</v>
      </c>
      <c r="CW31" s="73">
        <v>24</v>
      </c>
      <c r="CX31" s="123">
        <v>0</v>
      </c>
      <c r="CY31" s="82">
        <v>2</v>
      </c>
      <c r="CZ31" s="83">
        <v>2</v>
      </c>
      <c r="DA31" s="241"/>
      <c r="DB31" s="82">
        <v>3</v>
      </c>
      <c r="DC31" s="82">
        <v>1</v>
      </c>
      <c r="DD31" s="82">
        <v>0</v>
      </c>
      <c r="DE31" s="82">
        <v>1</v>
      </c>
      <c r="DF31" s="82">
        <v>2</v>
      </c>
      <c r="DG31" s="84">
        <v>7</v>
      </c>
      <c r="DH31" s="85">
        <v>9</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0</v>
      </c>
      <c r="EU31" s="71">
        <v>0</v>
      </c>
      <c r="EV31" s="71">
        <v>0</v>
      </c>
      <c r="EW31" s="71">
        <v>0</v>
      </c>
      <c r="EX31" s="71">
        <v>0</v>
      </c>
      <c r="EY31" s="72">
        <v>0</v>
      </c>
      <c r="EZ31" s="73">
        <v>0</v>
      </c>
      <c r="FA31" s="70">
        <v>0</v>
      </c>
      <c r="FB31" s="71">
        <v>0</v>
      </c>
      <c r="FC31" s="72">
        <v>0</v>
      </c>
      <c r="FD31" s="244"/>
      <c r="FE31" s="71">
        <v>1</v>
      </c>
      <c r="FF31" s="71">
        <v>1</v>
      </c>
      <c r="FG31" s="71">
        <v>0</v>
      </c>
      <c r="FH31" s="71">
        <v>0</v>
      </c>
      <c r="FI31" s="71">
        <v>2</v>
      </c>
      <c r="FJ31" s="72">
        <v>4</v>
      </c>
      <c r="FK31" s="73">
        <v>4</v>
      </c>
      <c r="FL31" s="70">
        <v>0</v>
      </c>
      <c r="FM31" s="71">
        <v>1</v>
      </c>
      <c r="FN31" s="72">
        <v>1</v>
      </c>
      <c r="FO31" s="244"/>
      <c r="FP31" s="71">
        <v>2</v>
      </c>
      <c r="FQ31" s="71">
        <v>0</v>
      </c>
      <c r="FR31" s="71">
        <v>0</v>
      </c>
      <c r="FS31" s="71">
        <v>1</v>
      </c>
      <c r="FT31" s="71">
        <v>0</v>
      </c>
      <c r="FU31" s="72">
        <v>3</v>
      </c>
      <c r="FV31" s="73">
        <v>4</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2</v>
      </c>
      <c r="GQ31" s="72">
        <v>7</v>
      </c>
      <c r="GR31" s="73">
        <v>9</v>
      </c>
      <c r="GS31" s="123">
        <v>1</v>
      </c>
      <c r="GT31" s="82">
        <v>4</v>
      </c>
      <c r="GU31" s="83">
        <v>5</v>
      </c>
      <c r="GV31" s="241"/>
      <c r="GW31" s="82">
        <v>12</v>
      </c>
      <c r="GX31" s="82">
        <v>10</v>
      </c>
      <c r="GY31" s="82">
        <v>1</v>
      </c>
      <c r="GZ31" s="82">
        <v>2</v>
      </c>
      <c r="HA31" s="82">
        <v>3</v>
      </c>
      <c r="HB31" s="84">
        <v>28</v>
      </c>
      <c r="HC31" s="85">
        <v>33</v>
      </c>
      <c r="HD31" s="70">
        <v>0</v>
      </c>
      <c r="HE31" s="71">
        <v>0</v>
      </c>
      <c r="HF31" s="72">
        <v>0</v>
      </c>
      <c r="HG31" s="244"/>
      <c r="HH31" s="71">
        <v>0</v>
      </c>
      <c r="HI31" s="71">
        <v>0</v>
      </c>
      <c r="HJ31" s="71">
        <v>0</v>
      </c>
      <c r="HK31" s="71">
        <v>0</v>
      </c>
      <c r="HL31" s="71">
        <v>0</v>
      </c>
      <c r="HM31" s="72">
        <v>0</v>
      </c>
      <c r="HN31" s="73">
        <v>0</v>
      </c>
      <c r="HO31" s="70">
        <v>0</v>
      </c>
      <c r="HP31" s="71">
        <v>0</v>
      </c>
      <c r="HQ31" s="72">
        <v>0</v>
      </c>
      <c r="HR31" s="244"/>
      <c r="HS31" s="71">
        <v>2</v>
      </c>
      <c r="HT31" s="71">
        <v>0</v>
      </c>
      <c r="HU31" s="71">
        <v>0</v>
      </c>
      <c r="HV31" s="71">
        <v>0</v>
      </c>
      <c r="HW31" s="71">
        <v>0</v>
      </c>
      <c r="HX31" s="72">
        <v>2</v>
      </c>
      <c r="HY31" s="73">
        <v>2</v>
      </c>
      <c r="HZ31" s="70">
        <v>0</v>
      </c>
      <c r="IA31" s="71">
        <v>1</v>
      </c>
      <c r="IB31" s="72">
        <v>1</v>
      </c>
      <c r="IC31" s="244"/>
      <c r="ID31" s="71">
        <v>1</v>
      </c>
      <c r="IE31" s="71">
        <v>1</v>
      </c>
      <c r="IF31" s="71">
        <v>0</v>
      </c>
      <c r="IG31" s="71">
        <v>0</v>
      </c>
      <c r="IH31" s="71">
        <v>0</v>
      </c>
      <c r="II31" s="72">
        <v>2</v>
      </c>
      <c r="IJ31" s="73">
        <v>3</v>
      </c>
      <c r="IK31" s="70">
        <v>1</v>
      </c>
      <c r="IL31" s="71">
        <v>0</v>
      </c>
      <c r="IM31" s="72">
        <v>1</v>
      </c>
      <c r="IN31" s="244"/>
      <c r="IO31" s="71">
        <v>2</v>
      </c>
      <c r="IP31" s="71">
        <v>3</v>
      </c>
      <c r="IQ31" s="71">
        <v>0</v>
      </c>
      <c r="IR31" s="71">
        <v>0</v>
      </c>
      <c r="IS31" s="71">
        <v>1</v>
      </c>
      <c r="IT31" s="72">
        <v>6</v>
      </c>
      <c r="IU31" s="73">
        <v>7</v>
      </c>
      <c r="IV31" s="70">
        <v>0</v>
      </c>
      <c r="IW31" s="71">
        <v>2</v>
      </c>
      <c r="IX31" s="72">
        <v>2</v>
      </c>
      <c r="IY31" s="244"/>
      <c r="IZ31" s="71">
        <v>3</v>
      </c>
      <c r="JA31" s="71">
        <v>4</v>
      </c>
      <c r="JB31" s="71">
        <v>1</v>
      </c>
      <c r="JC31" s="71">
        <v>0</v>
      </c>
      <c r="JD31" s="71">
        <v>2</v>
      </c>
      <c r="JE31" s="72">
        <v>10</v>
      </c>
      <c r="JF31" s="73">
        <v>12</v>
      </c>
      <c r="JG31" s="70">
        <v>0</v>
      </c>
      <c r="JH31" s="71">
        <v>1</v>
      </c>
      <c r="JI31" s="72">
        <v>1</v>
      </c>
      <c r="JJ31" s="244"/>
      <c r="JK31" s="71">
        <v>4</v>
      </c>
      <c r="JL31" s="71">
        <v>2</v>
      </c>
      <c r="JM31" s="71">
        <v>0</v>
      </c>
      <c r="JN31" s="71">
        <v>2</v>
      </c>
      <c r="JO31" s="71">
        <v>0</v>
      </c>
      <c r="JP31" s="72">
        <v>8</v>
      </c>
      <c r="JQ31" s="73">
        <v>9</v>
      </c>
      <c r="JR31" s="70">
        <v>0</v>
      </c>
      <c r="JS31" s="71">
        <v>0</v>
      </c>
      <c r="JT31" s="72">
        <v>0</v>
      </c>
      <c r="JU31" s="244"/>
      <c r="JV31" s="71">
        <v>0</v>
      </c>
      <c r="JW31" s="71">
        <v>0</v>
      </c>
      <c r="JX31" s="71">
        <v>0</v>
      </c>
      <c r="JY31" s="71">
        <v>0</v>
      </c>
      <c r="JZ31" s="71">
        <v>0</v>
      </c>
      <c r="KA31" s="72">
        <v>0</v>
      </c>
      <c r="KB31" s="73">
        <v>0</v>
      </c>
      <c r="KC31" s="70">
        <v>1</v>
      </c>
      <c r="KD31" s="71">
        <v>4</v>
      </c>
      <c r="KE31" s="72">
        <v>5</v>
      </c>
      <c r="KF31" s="244"/>
      <c r="KG31" s="71">
        <v>12</v>
      </c>
      <c r="KH31" s="71">
        <v>10</v>
      </c>
      <c r="KI31" s="71">
        <v>1</v>
      </c>
      <c r="KJ31" s="71">
        <v>2</v>
      </c>
      <c r="KK31" s="71">
        <v>3</v>
      </c>
      <c r="KL31" s="72">
        <v>28</v>
      </c>
      <c r="KM31" s="73">
        <v>33</v>
      </c>
    </row>
    <row r="32" spans="2:299" ht="21" customHeight="1" x14ac:dyDescent="0.2">
      <c r="B32" s="126" t="s">
        <v>29</v>
      </c>
      <c r="C32" s="313">
        <v>4</v>
      </c>
      <c r="D32" s="82">
        <v>3</v>
      </c>
      <c r="E32" s="83">
        <v>7</v>
      </c>
      <c r="F32" s="241"/>
      <c r="G32" s="82">
        <v>2</v>
      </c>
      <c r="H32" s="82">
        <v>8</v>
      </c>
      <c r="I32" s="82">
        <v>3</v>
      </c>
      <c r="J32" s="82">
        <v>5</v>
      </c>
      <c r="K32" s="82">
        <v>1</v>
      </c>
      <c r="L32" s="84">
        <v>19</v>
      </c>
      <c r="M32" s="85">
        <v>26</v>
      </c>
      <c r="N32" s="70">
        <v>0</v>
      </c>
      <c r="O32" s="71">
        <v>0</v>
      </c>
      <c r="P32" s="72">
        <v>0</v>
      </c>
      <c r="Q32" s="244"/>
      <c r="R32" s="71">
        <v>0</v>
      </c>
      <c r="S32" s="71">
        <v>0</v>
      </c>
      <c r="T32" s="71">
        <v>0</v>
      </c>
      <c r="U32" s="71">
        <v>0</v>
      </c>
      <c r="V32" s="71">
        <v>0</v>
      </c>
      <c r="W32" s="72">
        <v>0</v>
      </c>
      <c r="X32" s="73">
        <v>0</v>
      </c>
      <c r="Y32" s="70">
        <v>0</v>
      </c>
      <c r="Z32" s="71">
        <v>0</v>
      </c>
      <c r="AA32" s="72">
        <v>0</v>
      </c>
      <c r="AB32" s="244"/>
      <c r="AC32" s="71">
        <v>0</v>
      </c>
      <c r="AD32" s="71">
        <v>1</v>
      </c>
      <c r="AE32" s="71">
        <v>0</v>
      </c>
      <c r="AF32" s="71">
        <v>0</v>
      </c>
      <c r="AG32" s="71">
        <v>0</v>
      </c>
      <c r="AH32" s="72">
        <v>1</v>
      </c>
      <c r="AI32" s="73">
        <v>1</v>
      </c>
      <c r="AJ32" s="70">
        <v>1</v>
      </c>
      <c r="AK32" s="71">
        <v>0</v>
      </c>
      <c r="AL32" s="72">
        <v>1</v>
      </c>
      <c r="AM32" s="244"/>
      <c r="AN32" s="71">
        <v>0</v>
      </c>
      <c r="AO32" s="71">
        <v>0</v>
      </c>
      <c r="AP32" s="71">
        <v>0</v>
      </c>
      <c r="AQ32" s="71">
        <v>1</v>
      </c>
      <c r="AR32" s="71">
        <v>1</v>
      </c>
      <c r="AS32" s="72">
        <v>2</v>
      </c>
      <c r="AT32" s="73">
        <v>3</v>
      </c>
      <c r="AU32" s="70">
        <v>1</v>
      </c>
      <c r="AV32" s="71">
        <v>2</v>
      </c>
      <c r="AW32" s="72">
        <v>3</v>
      </c>
      <c r="AX32" s="244"/>
      <c r="AY32" s="71">
        <v>1</v>
      </c>
      <c r="AZ32" s="71">
        <v>1</v>
      </c>
      <c r="BA32" s="71">
        <v>0</v>
      </c>
      <c r="BB32" s="71">
        <v>1</v>
      </c>
      <c r="BC32" s="71">
        <v>0</v>
      </c>
      <c r="BD32" s="72">
        <v>3</v>
      </c>
      <c r="BE32" s="73">
        <v>6</v>
      </c>
      <c r="BF32" s="70">
        <v>0</v>
      </c>
      <c r="BG32" s="71">
        <v>1</v>
      </c>
      <c r="BH32" s="72">
        <v>1</v>
      </c>
      <c r="BI32" s="244"/>
      <c r="BJ32" s="71">
        <v>1</v>
      </c>
      <c r="BK32" s="71">
        <v>3</v>
      </c>
      <c r="BL32" s="71">
        <v>1</v>
      </c>
      <c r="BM32" s="71">
        <v>1</v>
      </c>
      <c r="BN32" s="71">
        <v>0</v>
      </c>
      <c r="BO32" s="72">
        <v>6</v>
      </c>
      <c r="BP32" s="73">
        <v>7</v>
      </c>
      <c r="BQ32" s="70">
        <v>2</v>
      </c>
      <c r="BR32" s="71">
        <v>0</v>
      </c>
      <c r="BS32" s="72">
        <v>2</v>
      </c>
      <c r="BT32" s="244"/>
      <c r="BU32" s="71">
        <v>0</v>
      </c>
      <c r="BV32" s="71">
        <v>3</v>
      </c>
      <c r="BW32" s="71">
        <v>2</v>
      </c>
      <c r="BX32" s="71">
        <v>2</v>
      </c>
      <c r="BY32" s="71">
        <v>0</v>
      </c>
      <c r="BZ32" s="72">
        <v>7</v>
      </c>
      <c r="CA32" s="73">
        <v>9</v>
      </c>
      <c r="CB32" s="70">
        <v>0</v>
      </c>
      <c r="CC32" s="71">
        <v>0</v>
      </c>
      <c r="CD32" s="72">
        <v>0</v>
      </c>
      <c r="CE32" s="244"/>
      <c r="CF32" s="71">
        <v>0</v>
      </c>
      <c r="CG32" s="71">
        <v>0</v>
      </c>
      <c r="CH32" s="71">
        <v>0</v>
      </c>
      <c r="CI32" s="71">
        <v>0</v>
      </c>
      <c r="CJ32" s="71">
        <v>0</v>
      </c>
      <c r="CK32" s="72">
        <v>0</v>
      </c>
      <c r="CL32" s="73">
        <v>0</v>
      </c>
      <c r="CM32" s="70">
        <v>4</v>
      </c>
      <c r="CN32" s="71">
        <v>3</v>
      </c>
      <c r="CO32" s="72">
        <v>7</v>
      </c>
      <c r="CP32" s="244"/>
      <c r="CQ32" s="71">
        <v>2</v>
      </c>
      <c r="CR32" s="71">
        <v>8</v>
      </c>
      <c r="CS32" s="71">
        <v>3</v>
      </c>
      <c r="CT32" s="71">
        <v>5</v>
      </c>
      <c r="CU32" s="71">
        <v>1</v>
      </c>
      <c r="CV32" s="72">
        <v>19</v>
      </c>
      <c r="CW32" s="73">
        <v>26</v>
      </c>
      <c r="CX32" s="123">
        <v>1</v>
      </c>
      <c r="CY32" s="82">
        <v>0</v>
      </c>
      <c r="CZ32" s="83">
        <v>1</v>
      </c>
      <c r="DA32" s="241"/>
      <c r="DB32" s="82">
        <v>1</v>
      </c>
      <c r="DC32" s="82">
        <v>2</v>
      </c>
      <c r="DD32" s="82">
        <v>0</v>
      </c>
      <c r="DE32" s="82">
        <v>0</v>
      </c>
      <c r="DF32" s="82">
        <v>0</v>
      </c>
      <c r="DG32" s="84">
        <v>3</v>
      </c>
      <c r="DH32" s="85">
        <v>4</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1</v>
      </c>
      <c r="DZ32" s="71">
        <v>0</v>
      </c>
      <c r="EA32" s="71">
        <v>0</v>
      </c>
      <c r="EB32" s="71">
        <v>0</v>
      </c>
      <c r="EC32" s="72">
        <v>1</v>
      </c>
      <c r="ED32" s="73">
        <v>1</v>
      </c>
      <c r="EE32" s="70">
        <v>0</v>
      </c>
      <c r="EF32" s="71">
        <v>0</v>
      </c>
      <c r="EG32" s="72">
        <v>0</v>
      </c>
      <c r="EH32" s="244"/>
      <c r="EI32" s="71">
        <v>0</v>
      </c>
      <c r="EJ32" s="71">
        <v>0</v>
      </c>
      <c r="EK32" s="71">
        <v>0</v>
      </c>
      <c r="EL32" s="71">
        <v>0</v>
      </c>
      <c r="EM32" s="71">
        <v>0</v>
      </c>
      <c r="EN32" s="72">
        <v>0</v>
      </c>
      <c r="EO32" s="73">
        <v>0</v>
      </c>
      <c r="EP32" s="70">
        <v>1</v>
      </c>
      <c r="EQ32" s="71">
        <v>0</v>
      </c>
      <c r="ER32" s="72">
        <v>1</v>
      </c>
      <c r="ES32" s="244"/>
      <c r="ET32" s="71">
        <v>0</v>
      </c>
      <c r="EU32" s="71">
        <v>0</v>
      </c>
      <c r="EV32" s="71">
        <v>0</v>
      </c>
      <c r="EW32" s="71">
        <v>0</v>
      </c>
      <c r="EX32" s="71">
        <v>0</v>
      </c>
      <c r="EY32" s="72">
        <v>0</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1</v>
      </c>
      <c r="GI32" s="71">
        <v>0</v>
      </c>
      <c r="GJ32" s="72">
        <v>1</v>
      </c>
      <c r="GK32" s="244"/>
      <c r="GL32" s="71">
        <v>1</v>
      </c>
      <c r="GM32" s="71">
        <v>2</v>
      </c>
      <c r="GN32" s="71">
        <v>0</v>
      </c>
      <c r="GO32" s="71">
        <v>0</v>
      </c>
      <c r="GP32" s="71">
        <v>0</v>
      </c>
      <c r="GQ32" s="72">
        <v>3</v>
      </c>
      <c r="GR32" s="73">
        <v>4</v>
      </c>
      <c r="GS32" s="123">
        <v>5</v>
      </c>
      <c r="GT32" s="82">
        <v>3</v>
      </c>
      <c r="GU32" s="83">
        <v>8</v>
      </c>
      <c r="GV32" s="241"/>
      <c r="GW32" s="82">
        <v>3</v>
      </c>
      <c r="GX32" s="82">
        <v>10</v>
      </c>
      <c r="GY32" s="82">
        <v>3</v>
      </c>
      <c r="GZ32" s="82">
        <v>5</v>
      </c>
      <c r="HA32" s="82">
        <v>1</v>
      </c>
      <c r="HB32" s="84">
        <v>22</v>
      </c>
      <c r="HC32" s="85">
        <v>30</v>
      </c>
      <c r="HD32" s="70">
        <v>0</v>
      </c>
      <c r="HE32" s="71">
        <v>0</v>
      </c>
      <c r="HF32" s="72">
        <v>0</v>
      </c>
      <c r="HG32" s="244"/>
      <c r="HH32" s="71">
        <v>0</v>
      </c>
      <c r="HI32" s="71">
        <v>0</v>
      </c>
      <c r="HJ32" s="71">
        <v>0</v>
      </c>
      <c r="HK32" s="71">
        <v>0</v>
      </c>
      <c r="HL32" s="71">
        <v>0</v>
      </c>
      <c r="HM32" s="72">
        <v>0</v>
      </c>
      <c r="HN32" s="73">
        <v>0</v>
      </c>
      <c r="HO32" s="70">
        <v>0</v>
      </c>
      <c r="HP32" s="71">
        <v>0</v>
      </c>
      <c r="HQ32" s="72">
        <v>0</v>
      </c>
      <c r="HR32" s="244"/>
      <c r="HS32" s="71">
        <v>0</v>
      </c>
      <c r="HT32" s="71">
        <v>2</v>
      </c>
      <c r="HU32" s="71">
        <v>0</v>
      </c>
      <c r="HV32" s="71">
        <v>0</v>
      </c>
      <c r="HW32" s="71">
        <v>0</v>
      </c>
      <c r="HX32" s="72">
        <v>2</v>
      </c>
      <c r="HY32" s="73">
        <v>2</v>
      </c>
      <c r="HZ32" s="70">
        <v>1</v>
      </c>
      <c r="IA32" s="71">
        <v>0</v>
      </c>
      <c r="IB32" s="72">
        <v>1</v>
      </c>
      <c r="IC32" s="244"/>
      <c r="ID32" s="71">
        <v>0</v>
      </c>
      <c r="IE32" s="71">
        <v>0</v>
      </c>
      <c r="IF32" s="71">
        <v>0</v>
      </c>
      <c r="IG32" s="71">
        <v>1</v>
      </c>
      <c r="IH32" s="71">
        <v>1</v>
      </c>
      <c r="II32" s="72">
        <v>2</v>
      </c>
      <c r="IJ32" s="73">
        <v>3</v>
      </c>
      <c r="IK32" s="70">
        <v>2</v>
      </c>
      <c r="IL32" s="71">
        <v>2</v>
      </c>
      <c r="IM32" s="72">
        <v>4</v>
      </c>
      <c r="IN32" s="244"/>
      <c r="IO32" s="71">
        <v>1</v>
      </c>
      <c r="IP32" s="71">
        <v>1</v>
      </c>
      <c r="IQ32" s="71">
        <v>0</v>
      </c>
      <c r="IR32" s="71">
        <v>1</v>
      </c>
      <c r="IS32" s="71">
        <v>0</v>
      </c>
      <c r="IT32" s="72">
        <v>3</v>
      </c>
      <c r="IU32" s="73">
        <v>7</v>
      </c>
      <c r="IV32" s="70">
        <v>0</v>
      </c>
      <c r="IW32" s="71">
        <v>1</v>
      </c>
      <c r="IX32" s="72">
        <v>1</v>
      </c>
      <c r="IY32" s="244"/>
      <c r="IZ32" s="71">
        <v>2</v>
      </c>
      <c r="JA32" s="71">
        <v>3</v>
      </c>
      <c r="JB32" s="71">
        <v>1</v>
      </c>
      <c r="JC32" s="71">
        <v>1</v>
      </c>
      <c r="JD32" s="71">
        <v>0</v>
      </c>
      <c r="JE32" s="72">
        <v>7</v>
      </c>
      <c r="JF32" s="73">
        <v>8</v>
      </c>
      <c r="JG32" s="70">
        <v>2</v>
      </c>
      <c r="JH32" s="71">
        <v>0</v>
      </c>
      <c r="JI32" s="72">
        <v>2</v>
      </c>
      <c r="JJ32" s="244"/>
      <c r="JK32" s="71">
        <v>0</v>
      </c>
      <c r="JL32" s="71">
        <v>4</v>
      </c>
      <c r="JM32" s="71">
        <v>2</v>
      </c>
      <c r="JN32" s="71">
        <v>2</v>
      </c>
      <c r="JO32" s="71">
        <v>0</v>
      </c>
      <c r="JP32" s="72">
        <v>8</v>
      </c>
      <c r="JQ32" s="73">
        <v>10</v>
      </c>
      <c r="JR32" s="70">
        <v>0</v>
      </c>
      <c r="JS32" s="71">
        <v>0</v>
      </c>
      <c r="JT32" s="72">
        <v>0</v>
      </c>
      <c r="JU32" s="244"/>
      <c r="JV32" s="71">
        <v>0</v>
      </c>
      <c r="JW32" s="71">
        <v>0</v>
      </c>
      <c r="JX32" s="71">
        <v>0</v>
      </c>
      <c r="JY32" s="71">
        <v>0</v>
      </c>
      <c r="JZ32" s="71">
        <v>0</v>
      </c>
      <c r="KA32" s="72">
        <v>0</v>
      </c>
      <c r="KB32" s="73">
        <v>0</v>
      </c>
      <c r="KC32" s="70">
        <v>5</v>
      </c>
      <c r="KD32" s="71">
        <v>3</v>
      </c>
      <c r="KE32" s="72">
        <v>8</v>
      </c>
      <c r="KF32" s="244"/>
      <c r="KG32" s="71">
        <v>3</v>
      </c>
      <c r="KH32" s="71">
        <v>10</v>
      </c>
      <c r="KI32" s="71">
        <v>3</v>
      </c>
      <c r="KJ32" s="71">
        <v>5</v>
      </c>
      <c r="KK32" s="71">
        <v>1</v>
      </c>
      <c r="KL32" s="72">
        <v>22</v>
      </c>
      <c r="KM32" s="73">
        <v>30</v>
      </c>
    </row>
    <row r="33" spans="2:299" ht="21" customHeight="1" x14ac:dyDescent="0.2">
      <c r="B33" s="126" t="s">
        <v>30</v>
      </c>
      <c r="C33" s="313">
        <v>3</v>
      </c>
      <c r="D33" s="82">
        <v>4</v>
      </c>
      <c r="E33" s="83">
        <v>7</v>
      </c>
      <c r="F33" s="241"/>
      <c r="G33" s="82">
        <v>5</v>
      </c>
      <c r="H33" s="82">
        <v>1</v>
      </c>
      <c r="I33" s="82">
        <v>2</v>
      </c>
      <c r="J33" s="82">
        <v>7</v>
      </c>
      <c r="K33" s="82">
        <v>1</v>
      </c>
      <c r="L33" s="84">
        <v>16</v>
      </c>
      <c r="M33" s="85">
        <v>23</v>
      </c>
      <c r="N33" s="70">
        <v>0</v>
      </c>
      <c r="O33" s="71">
        <v>0</v>
      </c>
      <c r="P33" s="72">
        <v>0</v>
      </c>
      <c r="Q33" s="244"/>
      <c r="R33" s="71">
        <v>0</v>
      </c>
      <c r="S33" s="71">
        <v>0</v>
      </c>
      <c r="T33" s="71">
        <v>0</v>
      </c>
      <c r="U33" s="71">
        <v>0</v>
      </c>
      <c r="V33" s="71">
        <v>0</v>
      </c>
      <c r="W33" s="72">
        <v>0</v>
      </c>
      <c r="X33" s="73">
        <v>0</v>
      </c>
      <c r="Y33" s="70">
        <v>1</v>
      </c>
      <c r="Z33" s="71">
        <v>1</v>
      </c>
      <c r="AA33" s="72">
        <v>2</v>
      </c>
      <c r="AB33" s="244"/>
      <c r="AC33" s="71">
        <v>0</v>
      </c>
      <c r="AD33" s="71">
        <v>0</v>
      </c>
      <c r="AE33" s="71">
        <v>0</v>
      </c>
      <c r="AF33" s="71">
        <v>0</v>
      </c>
      <c r="AG33" s="71">
        <v>1</v>
      </c>
      <c r="AH33" s="72">
        <v>1</v>
      </c>
      <c r="AI33" s="73">
        <v>3</v>
      </c>
      <c r="AJ33" s="70">
        <v>0</v>
      </c>
      <c r="AK33" s="71">
        <v>0</v>
      </c>
      <c r="AL33" s="72">
        <v>0</v>
      </c>
      <c r="AM33" s="244"/>
      <c r="AN33" s="71">
        <v>0</v>
      </c>
      <c r="AO33" s="71">
        <v>0</v>
      </c>
      <c r="AP33" s="71">
        <v>0</v>
      </c>
      <c r="AQ33" s="71">
        <v>0</v>
      </c>
      <c r="AR33" s="71">
        <v>0</v>
      </c>
      <c r="AS33" s="72">
        <v>0</v>
      </c>
      <c r="AT33" s="73">
        <v>0</v>
      </c>
      <c r="AU33" s="70">
        <v>0</v>
      </c>
      <c r="AV33" s="71">
        <v>1</v>
      </c>
      <c r="AW33" s="72">
        <v>1</v>
      </c>
      <c r="AX33" s="244"/>
      <c r="AY33" s="71">
        <v>1</v>
      </c>
      <c r="AZ33" s="71">
        <v>0</v>
      </c>
      <c r="BA33" s="71">
        <v>0</v>
      </c>
      <c r="BB33" s="71">
        <v>1</v>
      </c>
      <c r="BC33" s="71">
        <v>0</v>
      </c>
      <c r="BD33" s="72">
        <v>2</v>
      </c>
      <c r="BE33" s="73">
        <v>3</v>
      </c>
      <c r="BF33" s="70">
        <v>1</v>
      </c>
      <c r="BG33" s="71">
        <v>1</v>
      </c>
      <c r="BH33" s="72">
        <v>2</v>
      </c>
      <c r="BI33" s="244"/>
      <c r="BJ33" s="71">
        <v>2</v>
      </c>
      <c r="BK33" s="71">
        <v>0</v>
      </c>
      <c r="BL33" s="71">
        <v>0</v>
      </c>
      <c r="BM33" s="71">
        <v>1</v>
      </c>
      <c r="BN33" s="71">
        <v>0</v>
      </c>
      <c r="BO33" s="72">
        <v>3</v>
      </c>
      <c r="BP33" s="73">
        <v>5</v>
      </c>
      <c r="BQ33" s="70">
        <v>1</v>
      </c>
      <c r="BR33" s="71">
        <v>1</v>
      </c>
      <c r="BS33" s="72">
        <v>2</v>
      </c>
      <c r="BT33" s="244"/>
      <c r="BU33" s="71">
        <v>2</v>
      </c>
      <c r="BV33" s="71">
        <v>1</v>
      </c>
      <c r="BW33" s="71">
        <v>2</v>
      </c>
      <c r="BX33" s="71">
        <v>5</v>
      </c>
      <c r="BY33" s="71">
        <v>0</v>
      </c>
      <c r="BZ33" s="72">
        <v>10</v>
      </c>
      <c r="CA33" s="73">
        <v>12</v>
      </c>
      <c r="CB33" s="70">
        <v>0</v>
      </c>
      <c r="CC33" s="71">
        <v>0</v>
      </c>
      <c r="CD33" s="72">
        <v>0</v>
      </c>
      <c r="CE33" s="244"/>
      <c r="CF33" s="71">
        <v>0</v>
      </c>
      <c r="CG33" s="71">
        <v>0</v>
      </c>
      <c r="CH33" s="71">
        <v>0</v>
      </c>
      <c r="CI33" s="71">
        <v>0</v>
      </c>
      <c r="CJ33" s="71">
        <v>0</v>
      </c>
      <c r="CK33" s="72">
        <v>0</v>
      </c>
      <c r="CL33" s="73">
        <v>0</v>
      </c>
      <c r="CM33" s="70">
        <v>3</v>
      </c>
      <c r="CN33" s="71">
        <v>4</v>
      </c>
      <c r="CO33" s="72">
        <v>7</v>
      </c>
      <c r="CP33" s="244"/>
      <c r="CQ33" s="71">
        <v>5</v>
      </c>
      <c r="CR33" s="71">
        <v>1</v>
      </c>
      <c r="CS33" s="71">
        <v>2</v>
      </c>
      <c r="CT33" s="71">
        <v>7</v>
      </c>
      <c r="CU33" s="71">
        <v>1</v>
      </c>
      <c r="CV33" s="72">
        <v>16</v>
      </c>
      <c r="CW33" s="73">
        <v>23</v>
      </c>
      <c r="CX33" s="123">
        <v>2</v>
      </c>
      <c r="CY33" s="82">
        <v>1</v>
      </c>
      <c r="CZ33" s="83">
        <v>3</v>
      </c>
      <c r="DA33" s="241"/>
      <c r="DB33" s="82">
        <v>1</v>
      </c>
      <c r="DC33" s="82">
        <v>0</v>
      </c>
      <c r="DD33" s="82">
        <v>3</v>
      </c>
      <c r="DE33" s="82">
        <v>1</v>
      </c>
      <c r="DF33" s="82">
        <v>0</v>
      </c>
      <c r="DG33" s="84">
        <v>5</v>
      </c>
      <c r="DH33" s="85">
        <v>8</v>
      </c>
      <c r="DI33" s="70">
        <v>0</v>
      </c>
      <c r="DJ33" s="71">
        <v>0</v>
      </c>
      <c r="DK33" s="72">
        <v>0</v>
      </c>
      <c r="DL33" s="244"/>
      <c r="DM33" s="71">
        <v>0</v>
      </c>
      <c r="DN33" s="71">
        <v>0</v>
      </c>
      <c r="DO33" s="71">
        <v>0</v>
      </c>
      <c r="DP33" s="71">
        <v>0</v>
      </c>
      <c r="DQ33" s="71">
        <v>0</v>
      </c>
      <c r="DR33" s="72">
        <v>0</v>
      </c>
      <c r="DS33" s="73">
        <v>0</v>
      </c>
      <c r="DT33" s="70">
        <v>1</v>
      </c>
      <c r="DU33" s="71">
        <v>0</v>
      </c>
      <c r="DV33" s="72">
        <v>1</v>
      </c>
      <c r="DW33" s="244"/>
      <c r="DX33" s="71">
        <v>0</v>
      </c>
      <c r="DY33" s="71">
        <v>0</v>
      </c>
      <c r="DZ33" s="71">
        <v>0</v>
      </c>
      <c r="EA33" s="71">
        <v>0</v>
      </c>
      <c r="EB33" s="71">
        <v>0</v>
      </c>
      <c r="EC33" s="72">
        <v>0</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1</v>
      </c>
      <c r="FC33" s="72">
        <v>1</v>
      </c>
      <c r="FD33" s="244"/>
      <c r="FE33" s="71">
        <v>0</v>
      </c>
      <c r="FF33" s="71">
        <v>0</v>
      </c>
      <c r="FG33" s="71">
        <v>1</v>
      </c>
      <c r="FH33" s="71">
        <v>1</v>
      </c>
      <c r="FI33" s="71">
        <v>0</v>
      </c>
      <c r="FJ33" s="72">
        <v>2</v>
      </c>
      <c r="FK33" s="73">
        <v>3</v>
      </c>
      <c r="FL33" s="70">
        <v>0</v>
      </c>
      <c r="FM33" s="71">
        <v>0</v>
      </c>
      <c r="FN33" s="72">
        <v>0</v>
      </c>
      <c r="FO33" s="244"/>
      <c r="FP33" s="71">
        <v>0</v>
      </c>
      <c r="FQ33" s="71">
        <v>0</v>
      </c>
      <c r="FR33" s="71">
        <v>2</v>
      </c>
      <c r="FS33" s="71">
        <v>0</v>
      </c>
      <c r="FT33" s="71">
        <v>0</v>
      </c>
      <c r="FU33" s="72">
        <v>2</v>
      </c>
      <c r="FV33" s="73">
        <v>2</v>
      </c>
      <c r="FW33" s="70">
        <v>0</v>
      </c>
      <c r="FX33" s="71">
        <v>0</v>
      </c>
      <c r="FY33" s="72">
        <v>0</v>
      </c>
      <c r="FZ33" s="244"/>
      <c r="GA33" s="71">
        <v>0</v>
      </c>
      <c r="GB33" s="71">
        <v>0</v>
      </c>
      <c r="GC33" s="71">
        <v>0</v>
      </c>
      <c r="GD33" s="71">
        <v>0</v>
      </c>
      <c r="GE33" s="71">
        <v>0</v>
      </c>
      <c r="GF33" s="72">
        <v>0</v>
      </c>
      <c r="GG33" s="73">
        <v>0</v>
      </c>
      <c r="GH33" s="70">
        <v>2</v>
      </c>
      <c r="GI33" s="71">
        <v>1</v>
      </c>
      <c r="GJ33" s="72">
        <v>3</v>
      </c>
      <c r="GK33" s="244"/>
      <c r="GL33" s="71">
        <v>1</v>
      </c>
      <c r="GM33" s="71">
        <v>0</v>
      </c>
      <c r="GN33" s="71">
        <v>3</v>
      </c>
      <c r="GO33" s="71">
        <v>1</v>
      </c>
      <c r="GP33" s="71">
        <v>0</v>
      </c>
      <c r="GQ33" s="72">
        <v>5</v>
      </c>
      <c r="GR33" s="73">
        <v>8</v>
      </c>
      <c r="GS33" s="123">
        <v>5</v>
      </c>
      <c r="GT33" s="82">
        <v>5</v>
      </c>
      <c r="GU33" s="83">
        <v>10</v>
      </c>
      <c r="GV33" s="241"/>
      <c r="GW33" s="82">
        <v>6</v>
      </c>
      <c r="GX33" s="82">
        <v>1</v>
      </c>
      <c r="GY33" s="82">
        <v>5</v>
      </c>
      <c r="GZ33" s="82">
        <v>8</v>
      </c>
      <c r="HA33" s="82">
        <v>1</v>
      </c>
      <c r="HB33" s="84">
        <v>21</v>
      </c>
      <c r="HC33" s="85">
        <v>31</v>
      </c>
      <c r="HD33" s="70">
        <v>0</v>
      </c>
      <c r="HE33" s="71">
        <v>0</v>
      </c>
      <c r="HF33" s="72">
        <v>0</v>
      </c>
      <c r="HG33" s="244"/>
      <c r="HH33" s="71">
        <v>0</v>
      </c>
      <c r="HI33" s="71">
        <v>0</v>
      </c>
      <c r="HJ33" s="71">
        <v>0</v>
      </c>
      <c r="HK33" s="71">
        <v>0</v>
      </c>
      <c r="HL33" s="71">
        <v>0</v>
      </c>
      <c r="HM33" s="72">
        <v>0</v>
      </c>
      <c r="HN33" s="73">
        <v>0</v>
      </c>
      <c r="HO33" s="70">
        <v>2</v>
      </c>
      <c r="HP33" s="71">
        <v>1</v>
      </c>
      <c r="HQ33" s="72">
        <v>3</v>
      </c>
      <c r="HR33" s="244"/>
      <c r="HS33" s="71">
        <v>0</v>
      </c>
      <c r="HT33" s="71">
        <v>0</v>
      </c>
      <c r="HU33" s="71">
        <v>0</v>
      </c>
      <c r="HV33" s="71">
        <v>0</v>
      </c>
      <c r="HW33" s="71">
        <v>1</v>
      </c>
      <c r="HX33" s="72">
        <v>1</v>
      </c>
      <c r="HY33" s="73">
        <v>4</v>
      </c>
      <c r="HZ33" s="70">
        <v>0</v>
      </c>
      <c r="IA33" s="71">
        <v>0</v>
      </c>
      <c r="IB33" s="72">
        <v>0</v>
      </c>
      <c r="IC33" s="244"/>
      <c r="ID33" s="71">
        <v>0</v>
      </c>
      <c r="IE33" s="71">
        <v>0</v>
      </c>
      <c r="IF33" s="71">
        <v>0</v>
      </c>
      <c r="IG33" s="71">
        <v>0</v>
      </c>
      <c r="IH33" s="71">
        <v>0</v>
      </c>
      <c r="II33" s="72">
        <v>0</v>
      </c>
      <c r="IJ33" s="73">
        <v>0</v>
      </c>
      <c r="IK33" s="70">
        <v>1</v>
      </c>
      <c r="IL33" s="71">
        <v>1</v>
      </c>
      <c r="IM33" s="72">
        <v>2</v>
      </c>
      <c r="IN33" s="244"/>
      <c r="IO33" s="71">
        <v>2</v>
      </c>
      <c r="IP33" s="71">
        <v>0</v>
      </c>
      <c r="IQ33" s="71">
        <v>0</v>
      </c>
      <c r="IR33" s="71">
        <v>1</v>
      </c>
      <c r="IS33" s="71">
        <v>0</v>
      </c>
      <c r="IT33" s="72">
        <v>3</v>
      </c>
      <c r="IU33" s="73">
        <v>5</v>
      </c>
      <c r="IV33" s="70">
        <v>1</v>
      </c>
      <c r="IW33" s="71">
        <v>2</v>
      </c>
      <c r="IX33" s="72">
        <v>3</v>
      </c>
      <c r="IY33" s="244"/>
      <c r="IZ33" s="71">
        <v>2</v>
      </c>
      <c r="JA33" s="71">
        <v>0</v>
      </c>
      <c r="JB33" s="71">
        <v>1</v>
      </c>
      <c r="JC33" s="71">
        <v>2</v>
      </c>
      <c r="JD33" s="71">
        <v>0</v>
      </c>
      <c r="JE33" s="72">
        <v>5</v>
      </c>
      <c r="JF33" s="73">
        <v>8</v>
      </c>
      <c r="JG33" s="70">
        <v>1</v>
      </c>
      <c r="JH33" s="71">
        <v>1</v>
      </c>
      <c r="JI33" s="72">
        <v>2</v>
      </c>
      <c r="JJ33" s="244"/>
      <c r="JK33" s="71">
        <v>2</v>
      </c>
      <c r="JL33" s="71">
        <v>1</v>
      </c>
      <c r="JM33" s="71">
        <v>4</v>
      </c>
      <c r="JN33" s="71">
        <v>5</v>
      </c>
      <c r="JO33" s="71">
        <v>0</v>
      </c>
      <c r="JP33" s="72">
        <v>12</v>
      </c>
      <c r="JQ33" s="73">
        <v>14</v>
      </c>
      <c r="JR33" s="70">
        <v>0</v>
      </c>
      <c r="JS33" s="71">
        <v>0</v>
      </c>
      <c r="JT33" s="72">
        <v>0</v>
      </c>
      <c r="JU33" s="244"/>
      <c r="JV33" s="71">
        <v>0</v>
      </c>
      <c r="JW33" s="71">
        <v>0</v>
      </c>
      <c r="JX33" s="71">
        <v>0</v>
      </c>
      <c r="JY33" s="71">
        <v>0</v>
      </c>
      <c r="JZ33" s="71">
        <v>0</v>
      </c>
      <c r="KA33" s="72">
        <v>0</v>
      </c>
      <c r="KB33" s="73">
        <v>0</v>
      </c>
      <c r="KC33" s="70">
        <v>5</v>
      </c>
      <c r="KD33" s="71">
        <v>5</v>
      </c>
      <c r="KE33" s="72">
        <v>10</v>
      </c>
      <c r="KF33" s="244"/>
      <c r="KG33" s="71">
        <v>6</v>
      </c>
      <c r="KH33" s="71">
        <v>1</v>
      </c>
      <c r="KI33" s="71">
        <v>5</v>
      </c>
      <c r="KJ33" s="71">
        <v>8</v>
      </c>
      <c r="KK33" s="71">
        <v>1</v>
      </c>
      <c r="KL33" s="72">
        <v>21</v>
      </c>
      <c r="KM33" s="73">
        <v>31</v>
      </c>
    </row>
    <row r="34" spans="2:299" ht="21" customHeight="1" x14ac:dyDescent="0.2">
      <c r="B34" s="126" t="s">
        <v>31</v>
      </c>
      <c r="C34" s="313">
        <v>5</v>
      </c>
      <c r="D34" s="82">
        <v>5</v>
      </c>
      <c r="E34" s="83">
        <v>10</v>
      </c>
      <c r="F34" s="241"/>
      <c r="G34" s="82">
        <v>6</v>
      </c>
      <c r="H34" s="82">
        <v>7</v>
      </c>
      <c r="I34" s="82">
        <v>9</v>
      </c>
      <c r="J34" s="82">
        <v>4</v>
      </c>
      <c r="K34" s="82">
        <v>0</v>
      </c>
      <c r="L34" s="84">
        <v>26</v>
      </c>
      <c r="M34" s="85">
        <v>36</v>
      </c>
      <c r="N34" s="70">
        <v>0</v>
      </c>
      <c r="O34" s="71">
        <v>0</v>
      </c>
      <c r="P34" s="72">
        <v>0</v>
      </c>
      <c r="Q34" s="244"/>
      <c r="R34" s="71">
        <v>0</v>
      </c>
      <c r="S34" s="71">
        <v>0</v>
      </c>
      <c r="T34" s="71">
        <v>0</v>
      </c>
      <c r="U34" s="71">
        <v>0</v>
      </c>
      <c r="V34" s="71">
        <v>0</v>
      </c>
      <c r="W34" s="72">
        <v>0</v>
      </c>
      <c r="X34" s="73">
        <v>0</v>
      </c>
      <c r="Y34" s="70">
        <v>0</v>
      </c>
      <c r="Z34" s="71">
        <v>0</v>
      </c>
      <c r="AA34" s="72">
        <v>0</v>
      </c>
      <c r="AB34" s="244"/>
      <c r="AC34" s="71">
        <v>0</v>
      </c>
      <c r="AD34" s="71">
        <v>1</v>
      </c>
      <c r="AE34" s="71">
        <v>0</v>
      </c>
      <c r="AF34" s="71">
        <v>1</v>
      </c>
      <c r="AG34" s="71">
        <v>0</v>
      </c>
      <c r="AH34" s="72">
        <v>2</v>
      </c>
      <c r="AI34" s="73">
        <v>2</v>
      </c>
      <c r="AJ34" s="70">
        <v>0</v>
      </c>
      <c r="AK34" s="71">
        <v>1</v>
      </c>
      <c r="AL34" s="72">
        <v>1</v>
      </c>
      <c r="AM34" s="244"/>
      <c r="AN34" s="71">
        <v>1</v>
      </c>
      <c r="AO34" s="71">
        <v>0</v>
      </c>
      <c r="AP34" s="71">
        <v>1</v>
      </c>
      <c r="AQ34" s="71">
        <v>1</v>
      </c>
      <c r="AR34" s="71">
        <v>0</v>
      </c>
      <c r="AS34" s="72">
        <v>3</v>
      </c>
      <c r="AT34" s="73">
        <v>4</v>
      </c>
      <c r="AU34" s="70">
        <v>0</v>
      </c>
      <c r="AV34" s="71">
        <v>1</v>
      </c>
      <c r="AW34" s="72">
        <v>1</v>
      </c>
      <c r="AX34" s="244"/>
      <c r="AY34" s="71">
        <v>1</v>
      </c>
      <c r="AZ34" s="71">
        <v>1</v>
      </c>
      <c r="BA34" s="71">
        <v>0</v>
      </c>
      <c r="BB34" s="71">
        <v>1</v>
      </c>
      <c r="BC34" s="71">
        <v>0</v>
      </c>
      <c r="BD34" s="72">
        <v>3</v>
      </c>
      <c r="BE34" s="73">
        <v>4</v>
      </c>
      <c r="BF34" s="70">
        <v>1</v>
      </c>
      <c r="BG34" s="71">
        <v>1</v>
      </c>
      <c r="BH34" s="72">
        <v>2</v>
      </c>
      <c r="BI34" s="244"/>
      <c r="BJ34" s="71">
        <v>2</v>
      </c>
      <c r="BK34" s="71">
        <v>2</v>
      </c>
      <c r="BL34" s="71">
        <v>1</v>
      </c>
      <c r="BM34" s="71">
        <v>1</v>
      </c>
      <c r="BN34" s="71">
        <v>0</v>
      </c>
      <c r="BO34" s="72">
        <v>6</v>
      </c>
      <c r="BP34" s="73">
        <v>8</v>
      </c>
      <c r="BQ34" s="70">
        <v>4</v>
      </c>
      <c r="BR34" s="71">
        <v>2</v>
      </c>
      <c r="BS34" s="72">
        <v>6</v>
      </c>
      <c r="BT34" s="244"/>
      <c r="BU34" s="71">
        <v>2</v>
      </c>
      <c r="BV34" s="71">
        <v>3</v>
      </c>
      <c r="BW34" s="71">
        <v>7</v>
      </c>
      <c r="BX34" s="71">
        <v>0</v>
      </c>
      <c r="BY34" s="71">
        <v>0</v>
      </c>
      <c r="BZ34" s="72">
        <v>12</v>
      </c>
      <c r="CA34" s="73">
        <v>18</v>
      </c>
      <c r="CB34" s="70">
        <v>0</v>
      </c>
      <c r="CC34" s="71">
        <v>0</v>
      </c>
      <c r="CD34" s="72">
        <v>0</v>
      </c>
      <c r="CE34" s="244"/>
      <c r="CF34" s="71">
        <v>0</v>
      </c>
      <c r="CG34" s="71">
        <v>0</v>
      </c>
      <c r="CH34" s="71">
        <v>0</v>
      </c>
      <c r="CI34" s="71">
        <v>0</v>
      </c>
      <c r="CJ34" s="71">
        <v>0</v>
      </c>
      <c r="CK34" s="72">
        <v>0</v>
      </c>
      <c r="CL34" s="73">
        <v>0</v>
      </c>
      <c r="CM34" s="70">
        <v>5</v>
      </c>
      <c r="CN34" s="71">
        <v>5</v>
      </c>
      <c r="CO34" s="72">
        <v>10</v>
      </c>
      <c r="CP34" s="244"/>
      <c r="CQ34" s="71">
        <v>6</v>
      </c>
      <c r="CR34" s="71">
        <v>7</v>
      </c>
      <c r="CS34" s="71">
        <v>9</v>
      </c>
      <c r="CT34" s="71">
        <v>4</v>
      </c>
      <c r="CU34" s="71">
        <v>0</v>
      </c>
      <c r="CV34" s="72">
        <v>26</v>
      </c>
      <c r="CW34" s="73">
        <v>36</v>
      </c>
      <c r="CX34" s="123">
        <v>3</v>
      </c>
      <c r="CY34" s="82">
        <v>1</v>
      </c>
      <c r="CZ34" s="83">
        <v>4</v>
      </c>
      <c r="DA34" s="241"/>
      <c r="DB34" s="82">
        <v>1</v>
      </c>
      <c r="DC34" s="82">
        <v>3</v>
      </c>
      <c r="DD34" s="82">
        <v>1</v>
      </c>
      <c r="DE34" s="82">
        <v>1</v>
      </c>
      <c r="DF34" s="82">
        <v>1</v>
      </c>
      <c r="DG34" s="84">
        <v>7</v>
      </c>
      <c r="DH34" s="85">
        <v>11</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1</v>
      </c>
      <c r="EJ34" s="71">
        <v>0</v>
      </c>
      <c r="EK34" s="71">
        <v>0</v>
      </c>
      <c r="EL34" s="71">
        <v>0</v>
      </c>
      <c r="EM34" s="71">
        <v>0</v>
      </c>
      <c r="EN34" s="72">
        <v>1</v>
      </c>
      <c r="EO34" s="73">
        <v>1</v>
      </c>
      <c r="EP34" s="70">
        <v>1</v>
      </c>
      <c r="EQ34" s="71">
        <v>1</v>
      </c>
      <c r="ER34" s="72">
        <v>2</v>
      </c>
      <c r="ES34" s="244"/>
      <c r="ET34" s="71">
        <v>0</v>
      </c>
      <c r="EU34" s="71">
        <v>1</v>
      </c>
      <c r="EV34" s="71">
        <v>1</v>
      </c>
      <c r="EW34" s="71">
        <v>0</v>
      </c>
      <c r="EX34" s="71">
        <v>0</v>
      </c>
      <c r="EY34" s="72">
        <v>2</v>
      </c>
      <c r="EZ34" s="73">
        <v>4</v>
      </c>
      <c r="FA34" s="70">
        <v>2</v>
      </c>
      <c r="FB34" s="71">
        <v>0</v>
      </c>
      <c r="FC34" s="72">
        <v>2</v>
      </c>
      <c r="FD34" s="244"/>
      <c r="FE34" s="71">
        <v>0</v>
      </c>
      <c r="FF34" s="71">
        <v>1</v>
      </c>
      <c r="FG34" s="71">
        <v>0</v>
      </c>
      <c r="FH34" s="71">
        <v>0</v>
      </c>
      <c r="FI34" s="71">
        <v>0</v>
      </c>
      <c r="FJ34" s="72">
        <v>1</v>
      </c>
      <c r="FK34" s="73">
        <v>3</v>
      </c>
      <c r="FL34" s="70">
        <v>0</v>
      </c>
      <c r="FM34" s="71">
        <v>0</v>
      </c>
      <c r="FN34" s="72">
        <v>0</v>
      </c>
      <c r="FO34" s="244"/>
      <c r="FP34" s="71">
        <v>0</v>
      </c>
      <c r="FQ34" s="71">
        <v>1</v>
      </c>
      <c r="FR34" s="71">
        <v>0</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3</v>
      </c>
      <c r="GI34" s="71">
        <v>1</v>
      </c>
      <c r="GJ34" s="72">
        <v>4</v>
      </c>
      <c r="GK34" s="244"/>
      <c r="GL34" s="71">
        <v>1</v>
      </c>
      <c r="GM34" s="71">
        <v>3</v>
      </c>
      <c r="GN34" s="71">
        <v>1</v>
      </c>
      <c r="GO34" s="71">
        <v>1</v>
      </c>
      <c r="GP34" s="71">
        <v>1</v>
      </c>
      <c r="GQ34" s="72">
        <v>7</v>
      </c>
      <c r="GR34" s="73">
        <v>11</v>
      </c>
      <c r="GS34" s="123">
        <v>8</v>
      </c>
      <c r="GT34" s="82">
        <v>6</v>
      </c>
      <c r="GU34" s="83">
        <v>14</v>
      </c>
      <c r="GV34" s="241"/>
      <c r="GW34" s="82">
        <v>7</v>
      </c>
      <c r="GX34" s="82">
        <v>10</v>
      </c>
      <c r="GY34" s="82">
        <v>10</v>
      </c>
      <c r="GZ34" s="82">
        <v>5</v>
      </c>
      <c r="HA34" s="82">
        <v>1</v>
      </c>
      <c r="HB34" s="84">
        <v>33</v>
      </c>
      <c r="HC34" s="85">
        <v>47</v>
      </c>
      <c r="HD34" s="70">
        <v>0</v>
      </c>
      <c r="HE34" s="71">
        <v>0</v>
      </c>
      <c r="HF34" s="72">
        <v>0</v>
      </c>
      <c r="HG34" s="244"/>
      <c r="HH34" s="71">
        <v>0</v>
      </c>
      <c r="HI34" s="71">
        <v>0</v>
      </c>
      <c r="HJ34" s="71">
        <v>0</v>
      </c>
      <c r="HK34" s="71">
        <v>0</v>
      </c>
      <c r="HL34" s="71">
        <v>0</v>
      </c>
      <c r="HM34" s="72">
        <v>0</v>
      </c>
      <c r="HN34" s="73">
        <v>0</v>
      </c>
      <c r="HO34" s="70">
        <v>0</v>
      </c>
      <c r="HP34" s="71">
        <v>0</v>
      </c>
      <c r="HQ34" s="72">
        <v>0</v>
      </c>
      <c r="HR34" s="244"/>
      <c r="HS34" s="71">
        <v>0</v>
      </c>
      <c r="HT34" s="71">
        <v>1</v>
      </c>
      <c r="HU34" s="71">
        <v>0</v>
      </c>
      <c r="HV34" s="71">
        <v>1</v>
      </c>
      <c r="HW34" s="71">
        <v>0</v>
      </c>
      <c r="HX34" s="72">
        <v>2</v>
      </c>
      <c r="HY34" s="73">
        <v>2</v>
      </c>
      <c r="HZ34" s="70">
        <v>0</v>
      </c>
      <c r="IA34" s="71">
        <v>1</v>
      </c>
      <c r="IB34" s="72">
        <v>1</v>
      </c>
      <c r="IC34" s="244"/>
      <c r="ID34" s="71">
        <v>2</v>
      </c>
      <c r="IE34" s="71">
        <v>0</v>
      </c>
      <c r="IF34" s="71">
        <v>1</v>
      </c>
      <c r="IG34" s="71">
        <v>1</v>
      </c>
      <c r="IH34" s="71">
        <v>0</v>
      </c>
      <c r="II34" s="72">
        <v>4</v>
      </c>
      <c r="IJ34" s="73">
        <v>5</v>
      </c>
      <c r="IK34" s="70">
        <v>1</v>
      </c>
      <c r="IL34" s="71">
        <v>2</v>
      </c>
      <c r="IM34" s="72">
        <v>3</v>
      </c>
      <c r="IN34" s="244"/>
      <c r="IO34" s="71">
        <v>1</v>
      </c>
      <c r="IP34" s="71">
        <v>2</v>
      </c>
      <c r="IQ34" s="71">
        <v>1</v>
      </c>
      <c r="IR34" s="71">
        <v>1</v>
      </c>
      <c r="IS34" s="71">
        <v>0</v>
      </c>
      <c r="IT34" s="72">
        <v>5</v>
      </c>
      <c r="IU34" s="73">
        <v>8</v>
      </c>
      <c r="IV34" s="70">
        <v>3</v>
      </c>
      <c r="IW34" s="71">
        <v>1</v>
      </c>
      <c r="IX34" s="72">
        <v>4</v>
      </c>
      <c r="IY34" s="244"/>
      <c r="IZ34" s="71">
        <v>2</v>
      </c>
      <c r="JA34" s="71">
        <v>3</v>
      </c>
      <c r="JB34" s="71">
        <v>1</v>
      </c>
      <c r="JC34" s="71">
        <v>1</v>
      </c>
      <c r="JD34" s="71">
        <v>0</v>
      </c>
      <c r="JE34" s="72">
        <v>7</v>
      </c>
      <c r="JF34" s="73">
        <v>11</v>
      </c>
      <c r="JG34" s="70">
        <v>4</v>
      </c>
      <c r="JH34" s="71">
        <v>2</v>
      </c>
      <c r="JI34" s="72">
        <v>6</v>
      </c>
      <c r="JJ34" s="244"/>
      <c r="JK34" s="71">
        <v>2</v>
      </c>
      <c r="JL34" s="71">
        <v>4</v>
      </c>
      <c r="JM34" s="71">
        <v>7</v>
      </c>
      <c r="JN34" s="71">
        <v>1</v>
      </c>
      <c r="JO34" s="71">
        <v>1</v>
      </c>
      <c r="JP34" s="72">
        <v>15</v>
      </c>
      <c r="JQ34" s="73">
        <v>21</v>
      </c>
      <c r="JR34" s="70">
        <v>0</v>
      </c>
      <c r="JS34" s="71">
        <v>0</v>
      </c>
      <c r="JT34" s="72">
        <v>0</v>
      </c>
      <c r="JU34" s="244"/>
      <c r="JV34" s="71">
        <v>0</v>
      </c>
      <c r="JW34" s="71">
        <v>0</v>
      </c>
      <c r="JX34" s="71">
        <v>0</v>
      </c>
      <c r="JY34" s="71">
        <v>0</v>
      </c>
      <c r="JZ34" s="71">
        <v>0</v>
      </c>
      <c r="KA34" s="72">
        <v>0</v>
      </c>
      <c r="KB34" s="73">
        <v>0</v>
      </c>
      <c r="KC34" s="70">
        <v>8</v>
      </c>
      <c r="KD34" s="71">
        <v>6</v>
      </c>
      <c r="KE34" s="72">
        <v>14</v>
      </c>
      <c r="KF34" s="244"/>
      <c r="KG34" s="71">
        <v>7</v>
      </c>
      <c r="KH34" s="71">
        <v>10</v>
      </c>
      <c r="KI34" s="71">
        <v>10</v>
      </c>
      <c r="KJ34" s="71">
        <v>5</v>
      </c>
      <c r="KK34" s="71">
        <v>1</v>
      </c>
      <c r="KL34" s="72">
        <v>33</v>
      </c>
      <c r="KM34" s="73">
        <v>47</v>
      </c>
    </row>
    <row r="35" spans="2:299" ht="21" customHeight="1" x14ac:dyDescent="0.2">
      <c r="B35" s="126" t="s">
        <v>32</v>
      </c>
      <c r="C35" s="313">
        <v>1</v>
      </c>
      <c r="D35" s="82">
        <v>5</v>
      </c>
      <c r="E35" s="83">
        <v>6</v>
      </c>
      <c r="F35" s="241"/>
      <c r="G35" s="82">
        <v>9</v>
      </c>
      <c r="H35" s="82">
        <v>12</v>
      </c>
      <c r="I35" s="82">
        <v>7</v>
      </c>
      <c r="J35" s="82">
        <v>5</v>
      </c>
      <c r="K35" s="82">
        <v>0</v>
      </c>
      <c r="L35" s="84">
        <v>33</v>
      </c>
      <c r="M35" s="85">
        <v>39</v>
      </c>
      <c r="N35" s="70">
        <v>0</v>
      </c>
      <c r="O35" s="71">
        <v>0</v>
      </c>
      <c r="P35" s="72">
        <v>0</v>
      </c>
      <c r="Q35" s="244"/>
      <c r="R35" s="71">
        <v>0</v>
      </c>
      <c r="S35" s="71">
        <v>0</v>
      </c>
      <c r="T35" s="71">
        <v>0</v>
      </c>
      <c r="U35" s="71">
        <v>0</v>
      </c>
      <c r="V35" s="71">
        <v>0</v>
      </c>
      <c r="W35" s="72">
        <v>0</v>
      </c>
      <c r="X35" s="73">
        <v>0</v>
      </c>
      <c r="Y35" s="70">
        <v>0</v>
      </c>
      <c r="Z35" s="71">
        <v>0</v>
      </c>
      <c r="AA35" s="72">
        <v>0</v>
      </c>
      <c r="AB35" s="244"/>
      <c r="AC35" s="71">
        <v>0</v>
      </c>
      <c r="AD35" s="71">
        <v>0</v>
      </c>
      <c r="AE35" s="71">
        <v>0</v>
      </c>
      <c r="AF35" s="71">
        <v>0</v>
      </c>
      <c r="AG35" s="71">
        <v>0</v>
      </c>
      <c r="AH35" s="72">
        <v>0</v>
      </c>
      <c r="AI35" s="73">
        <v>0</v>
      </c>
      <c r="AJ35" s="70">
        <v>0</v>
      </c>
      <c r="AK35" s="71">
        <v>0</v>
      </c>
      <c r="AL35" s="72">
        <v>0</v>
      </c>
      <c r="AM35" s="244"/>
      <c r="AN35" s="71">
        <v>0</v>
      </c>
      <c r="AO35" s="71">
        <v>3</v>
      </c>
      <c r="AP35" s="71">
        <v>0</v>
      </c>
      <c r="AQ35" s="71">
        <v>0</v>
      </c>
      <c r="AR35" s="71">
        <v>0</v>
      </c>
      <c r="AS35" s="72">
        <v>3</v>
      </c>
      <c r="AT35" s="73">
        <v>3</v>
      </c>
      <c r="AU35" s="70">
        <v>0</v>
      </c>
      <c r="AV35" s="71">
        <v>2</v>
      </c>
      <c r="AW35" s="72">
        <v>2</v>
      </c>
      <c r="AX35" s="244"/>
      <c r="AY35" s="71">
        <v>1</v>
      </c>
      <c r="AZ35" s="71">
        <v>0</v>
      </c>
      <c r="BA35" s="71">
        <v>3</v>
      </c>
      <c r="BB35" s="71">
        <v>1</v>
      </c>
      <c r="BC35" s="71">
        <v>0</v>
      </c>
      <c r="BD35" s="72">
        <v>5</v>
      </c>
      <c r="BE35" s="73">
        <v>7</v>
      </c>
      <c r="BF35" s="70">
        <v>0</v>
      </c>
      <c r="BG35" s="71">
        <v>1</v>
      </c>
      <c r="BH35" s="72">
        <v>1</v>
      </c>
      <c r="BI35" s="244"/>
      <c r="BJ35" s="71">
        <v>5</v>
      </c>
      <c r="BK35" s="71">
        <v>3</v>
      </c>
      <c r="BL35" s="71">
        <v>3</v>
      </c>
      <c r="BM35" s="71">
        <v>2</v>
      </c>
      <c r="BN35" s="71">
        <v>0</v>
      </c>
      <c r="BO35" s="72">
        <v>13</v>
      </c>
      <c r="BP35" s="73">
        <v>14</v>
      </c>
      <c r="BQ35" s="70">
        <v>1</v>
      </c>
      <c r="BR35" s="71">
        <v>2</v>
      </c>
      <c r="BS35" s="72">
        <v>3</v>
      </c>
      <c r="BT35" s="244"/>
      <c r="BU35" s="71">
        <v>3</v>
      </c>
      <c r="BV35" s="71">
        <v>6</v>
      </c>
      <c r="BW35" s="71">
        <v>1</v>
      </c>
      <c r="BX35" s="71">
        <v>2</v>
      </c>
      <c r="BY35" s="71">
        <v>0</v>
      </c>
      <c r="BZ35" s="72">
        <v>12</v>
      </c>
      <c r="CA35" s="73">
        <v>15</v>
      </c>
      <c r="CB35" s="70">
        <v>0</v>
      </c>
      <c r="CC35" s="71">
        <v>0</v>
      </c>
      <c r="CD35" s="72">
        <v>0</v>
      </c>
      <c r="CE35" s="244"/>
      <c r="CF35" s="71">
        <v>0</v>
      </c>
      <c r="CG35" s="71">
        <v>0</v>
      </c>
      <c r="CH35" s="71">
        <v>0</v>
      </c>
      <c r="CI35" s="71">
        <v>0</v>
      </c>
      <c r="CJ35" s="71">
        <v>0</v>
      </c>
      <c r="CK35" s="72">
        <v>0</v>
      </c>
      <c r="CL35" s="73">
        <v>0</v>
      </c>
      <c r="CM35" s="70">
        <v>1</v>
      </c>
      <c r="CN35" s="71">
        <v>5</v>
      </c>
      <c r="CO35" s="72">
        <v>6</v>
      </c>
      <c r="CP35" s="244"/>
      <c r="CQ35" s="71">
        <v>9</v>
      </c>
      <c r="CR35" s="71">
        <v>12</v>
      </c>
      <c r="CS35" s="71">
        <v>7</v>
      </c>
      <c r="CT35" s="71">
        <v>5</v>
      </c>
      <c r="CU35" s="71">
        <v>0</v>
      </c>
      <c r="CV35" s="72">
        <v>33</v>
      </c>
      <c r="CW35" s="73">
        <v>39</v>
      </c>
      <c r="CX35" s="123">
        <v>0</v>
      </c>
      <c r="CY35" s="82">
        <v>0</v>
      </c>
      <c r="CZ35" s="83">
        <v>0</v>
      </c>
      <c r="DA35" s="241"/>
      <c r="DB35" s="82">
        <v>0</v>
      </c>
      <c r="DC35" s="82">
        <v>3</v>
      </c>
      <c r="DD35" s="82">
        <v>4</v>
      </c>
      <c r="DE35" s="82">
        <v>3</v>
      </c>
      <c r="DF35" s="82">
        <v>3</v>
      </c>
      <c r="DG35" s="84">
        <v>13</v>
      </c>
      <c r="DH35" s="85">
        <v>13</v>
      </c>
      <c r="DI35" s="70">
        <v>0</v>
      </c>
      <c r="DJ35" s="71">
        <v>0</v>
      </c>
      <c r="DK35" s="72">
        <v>0</v>
      </c>
      <c r="DL35" s="244"/>
      <c r="DM35" s="71">
        <v>0</v>
      </c>
      <c r="DN35" s="71">
        <v>0</v>
      </c>
      <c r="DO35" s="71">
        <v>1</v>
      </c>
      <c r="DP35" s="71">
        <v>0</v>
      </c>
      <c r="DQ35" s="71">
        <v>0</v>
      </c>
      <c r="DR35" s="72">
        <v>1</v>
      </c>
      <c r="DS35" s="73">
        <v>1</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0</v>
      </c>
      <c r="EU35" s="71">
        <v>1</v>
      </c>
      <c r="EV35" s="71">
        <v>1</v>
      </c>
      <c r="EW35" s="71">
        <v>0</v>
      </c>
      <c r="EX35" s="71">
        <v>0</v>
      </c>
      <c r="EY35" s="72">
        <v>2</v>
      </c>
      <c r="EZ35" s="73">
        <v>2</v>
      </c>
      <c r="FA35" s="70">
        <v>0</v>
      </c>
      <c r="FB35" s="71">
        <v>0</v>
      </c>
      <c r="FC35" s="72">
        <v>0</v>
      </c>
      <c r="FD35" s="244"/>
      <c r="FE35" s="71">
        <v>0</v>
      </c>
      <c r="FF35" s="71">
        <v>1</v>
      </c>
      <c r="FG35" s="71">
        <v>1</v>
      </c>
      <c r="FH35" s="71">
        <v>2</v>
      </c>
      <c r="FI35" s="71">
        <v>1</v>
      </c>
      <c r="FJ35" s="72">
        <v>5</v>
      </c>
      <c r="FK35" s="73">
        <v>5</v>
      </c>
      <c r="FL35" s="70">
        <v>0</v>
      </c>
      <c r="FM35" s="71">
        <v>0</v>
      </c>
      <c r="FN35" s="72">
        <v>0</v>
      </c>
      <c r="FO35" s="244"/>
      <c r="FP35" s="71">
        <v>0</v>
      </c>
      <c r="FQ35" s="71">
        <v>1</v>
      </c>
      <c r="FR35" s="71">
        <v>1</v>
      </c>
      <c r="FS35" s="71">
        <v>1</v>
      </c>
      <c r="FT35" s="71">
        <v>2</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0</v>
      </c>
      <c r="GM35" s="71">
        <v>3</v>
      </c>
      <c r="GN35" s="71">
        <v>4</v>
      </c>
      <c r="GO35" s="71">
        <v>3</v>
      </c>
      <c r="GP35" s="71">
        <v>3</v>
      </c>
      <c r="GQ35" s="72">
        <v>13</v>
      </c>
      <c r="GR35" s="73">
        <v>13</v>
      </c>
      <c r="GS35" s="123">
        <v>1</v>
      </c>
      <c r="GT35" s="82">
        <v>5</v>
      </c>
      <c r="GU35" s="83">
        <v>6</v>
      </c>
      <c r="GV35" s="241"/>
      <c r="GW35" s="82">
        <v>9</v>
      </c>
      <c r="GX35" s="82">
        <v>15</v>
      </c>
      <c r="GY35" s="82">
        <v>11</v>
      </c>
      <c r="GZ35" s="82">
        <v>8</v>
      </c>
      <c r="HA35" s="82">
        <v>3</v>
      </c>
      <c r="HB35" s="84">
        <v>46</v>
      </c>
      <c r="HC35" s="85">
        <v>52</v>
      </c>
      <c r="HD35" s="70">
        <v>0</v>
      </c>
      <c r="HE35" s="71">
        <v>0</v>
      </c>
      <c r="HF35" s="72">
        <v>0</v>
      </c>
      <c r="HG35" s="244"/>
      <c r="HH35" s="71">
        <v>0</v>
      </c>
      <c r="HI35" s="71">
        <v>0</v>
      </c>
      <c r="HJ35" s="71">
        <v>1</v>
      </c>
      <c r="HK35" s="71">
        <v>0</v>
      </c>
      <c r="HL35" s="71">
        <v>0</v>
      </c>
      <c r="HM35" s="72">
        <v>1</v>
      </c>
      <c r="HN35" s="73">
        <v>1</v>
      </c>
      <c r="HO35" s="70">
        <v>0</v>
      </c>
      <c r="HP35" s="71">
        <v>0</v>
      </c>
      <c r="HQ35" s="72">
        <v>0</v>
      </c>
      <c r="HR35" s="244"/>
      <c r="HS35" s="71">
        <v>0</v>
      </c>
      <c r="HT35" s="71">
        <v>0</v>
      </c>
      <c r="HU35" s="71">
        <v>0</v>
      </c>
      <c r="HV35" s="71">
        <v>0</v>
      </c>
      <c r="HW35" s="71">
        <v>0</v>
      </c>
      <c r="HX35" s="72">
        <v>0</v>
      </c>
      <c r="HY35" s="73">
        <v>0</v>
      </c>
      <c r="HZ35" s="70">
        <v>0</v>
      </c>
      <c r="IA35" s="71">
        <v>0</v>
      </c>
      <c r="IB35" s="72">
        <v>0</v>
      </c>
      <c r="IC35" s="244"/>
      <c r="ID35" s="71">
        <v>0</v>
      </c>
      <c r="IE35" s="71">
        <v>3</v>
      </c>
      <c r="IF35" s="71">
        <v>0</v>
      </c>
      <c r="IG35" s="71">
        <v>0</v>
      </c>
      <c r="IH35" s="71">
        <v>0</v>
      </c>
      <c r="II35" s="72">
        <v>3</v>
      </c>
      <c r="IJ35" s="73">
        <v>3</v>
      </c>
      <c r="IK35" s="70">
        <v>0</v>
      </c>
      <c r="IL35" s="71">
        <v>2</v>
      </c>
      <c r="IM35" s="72">
        <v>2</v>
      </c>
      <c r="IN35" s="244"/>
      <c r="IO35" s="71">
        <v>1</v>
      </c>
      <c r="IP35" s="71">
        <v>1</v>
      </c>
      <c r="IQ35" s="71">
        <v>4</v>
      </c>
      <c r="IR35" s="71">
        <v>1</v>
      </c>
      <c r="IS35" s="71">
        <v>0</v>
      </c>
      <c r="IT35" s="72">
        <v>7</v>
      </c>
      <c r="IU35" s="73">
        <v>9</v>
      </c>
      <c r="IV35" s="70">
        <v>0</v>
      </c>
      <c r="IW35" s="71">
        <v>1</v>
      </c>
      <c r="IX35" s="72">
        <v>1</v>
      </c>
      <c r="IY35" s="244"/>
      <c r="IZ35" s="71">
        <v>5</v>
      </c>
      <c r="JA35" s="71">
        <v>4</v>
      </c>
      <c r="JB35" s="71">
        <v>4</v>
      </c>
      <c r="JC35" s="71">
        <v>4</v>
      </c>
      <c r="JD35" s="71">
        <v>1</v>
      </c>
      <c r="JE35" s="72">
        <v>18</v>
      </c>
      <c r="JF35" s="73">
        <v>19</v>
      </c>
      <c r="JG35" s="70">
        <v>1</v>
      </c>
      <c r="JH35" s="71">
        <v>2</v>
      </c>
      <c r="JI35" s="72">
        <v>3</v>
      </c>
      <c r="JJ35" s="244"/>
      <c r="JK35" s="71">
        <v>3</v>
      </c>
      <c r="JL35" s="71">
        <v>7</v>
      </c>
      <c r="JM35" s="71">
        <v>2</v>
      </c>
      <c r="JN35" s="71">
        <v>3</v>
      </c>
      <c r="JO35" s="71">
        <v>2</v>
      </c>
      <c r="JP35" s="72">
        <v>17</v>
      </c>
      <c r="JQ35" s="73">
        <v>20</v>
      </c>
      <c r="JR35" s="70">
        <v>0</v>
      </c>
      <c r="JS35" s="71">
        <v>0</v>
      </c>
      <c r="JT35" s="72">
        <v>0</v>
      </c>
      <c r="JU35" s="244"/>
      <c r="JV35" s="71">
        <v>0</v>
      </c>
      <c r="JW35" s="71">
        <v>0</v>
      </c>
      <c r="JX35" s="71">
        <v>0</v>
      </c>
      <c r="JY35" s="71">
        <v>0</v>
      </c>
      <c r="JZ35" s="71">
        <v>0</v>
      </c>
      <c r="KA35" s="72">
        <v>0</v>
      </c>
      <c r="KB35" s="73">
        <v>0</v>
      </c>
      <c r="KC35" s="70">
        <v>1</v>
      </c>
      <c r="KD35" s="71">
        <v>5</v>
      </c>
      <c r="KE35" s="72">
        <v>6</v>
      </c>
      <c r="KF35" s="244"/>
      <c r="KG35" s="71">
        <v>9</v>
      </c>
      <c r="KH35" s="71">
        <v>15</v>
      </c>
      <c r="KI35" s="71">
        <v>11</v>
      </c>
      <c r="KJ35" s="71">
        <v>8</v>
      </c>
      <c r="KK35" s="71">
        <v>3</v>
      </c>
      <c r="KL35" s="72">
        <v>46</v>
      </c>
      <c r="KM35" s="73">
        <v>52</v>
      </c>
    </row>
    <row r="36" spans="2:299" ht="21" customHeight="1" x14ac:dyDescent="0.2">
      <c r="B36" s="126" t="s">
        <v>33</v>
      </c>
      <c r="C36" s="313">
        <v>6</v>
      </c>
      <c r="D36" s="82">
        <v>3</v>
      </c>
      <c r="E36" s="83">
        <v>9</v>
      </c>
      <c r="F36" s="241"/>
      <c r="G36" s="82">
        <v>5</v>
      </c>
      <c r="H36" s="82">
        <v>3</v>
      </c>
      <c r="I36" s="82">
        <v>3</v>
      </c>
      <c r="J36" s="82">
        <v>0</v>
      </c>
      <c r="K36" s="82">
        <v>1</v>
      </c>
      <c r="L36" s="84">
        <v>12</v>
      </c>
      <c r="M36" s="85">
        <v>21</v>
      </c>
      <c r="N36" s="70">
        <v>0</v>
      </c>
      <c r="O36" s="71">
        <v>0</v>
      </c>
      <c r="P36" s="72">
        <v>0</v>
      </c>
      <c r="Q36" s="244"/>
      <c r="R36" s="71">
        <v>0</v>
      </c>
      <c r="S36" s="71">
        <v>0</v>
      </c>
      <c r="T36" s="71">
        <v>0</v>
      </c>
      <c r="U36" s="71">
        <v>0</v>
      </c>
      <c r="V36" s="71">
        <v>0</v>
      </c>
      <c r="W36" s="72">
        <v>0</v>
      </c>
      <c r="X36" s="73">
        <v>0</v>
      </c>
      <c r="Y36" s="70">
        <v>0</v>
      </c>
      <c r="Z36" s="71">
        <v>0</v>
      </c>
      <c r="AA36" s="72">
        <v>0</v>
      </c>
      <c r="AB36" s="244"/>
      <c r="AC36" s="71">
        <v>0</v>
      </c>
      <c r="AD36" s="71">
        <v>0</v>
      </c>
      <c r="AE36" s="71">
        <v>0</v>
      </c>
      <c r="AF36" s="71">
        <v>0</v>
      </c>
      <c r="AG36" s="71">
        <v>0</v>
      </c>
      <c r="AH36" s="72">
        <v>0</v>
      </c>
      <c r="AI36" s="73">
        <v>0</v>
      </c>
      <c r="AJ36" s="70">
        <v>2</v>
      </c>
      <c r="AK36" s="71">
        <v>0</v>
      </c>
      <c r="AL36" s="72">
        <v>2</v>
      </c>
      <c r="AM36" s="244"/>
      <c r="AN36" s="71">
        <v>1</v>
      </c>
      <c r="AO36" s="71">
        <v>0</v>
      </c>
      <c r="AP36" s="71">
        <v>0</v>
      </c>
      <c r="AQ36" s="71">
        <v>0</v>
      </c>
      <c r="AR36" s="71">
        <v>0</v>
      </c>
      <c r="AS36" s="72">
        <v>1</v>
      </c>
      <c r="AT36" s="73">
        <v>3</v>
      </c>
      <c r="AU36" s="70">
        <v>1</v>
      </c>
      <c r="AV36" s="71">
        <v>1</v>
      </c>
      <c r="AW36" s="72">
        <v>2</v>
      </c>
      <c r="AX36" s="244"/>
      <c r="AY36" s="71">
        <v>0</v>
      </c>
      <c r="AZ36" s="71">
        <v>2</v>
      </c>
      <c r="BA36" s="71">
        <v>1</v>
      </c>
      <c r="BB36" s="71">
        <v>0</v>
      </c>
      <c r="BC36" s="71">
        <v>0</v>
      </c>
      <c r="BD36" s="72">
        <v>3</v>
      </c>
      <c r="BE36" s="73">
        <v>5</v>
      </c>
      <c r="BF36" s="70">
        <v>1</v>
      </c>
      <c r="BG36" s="71">
        <v>2</v>
      </c>
      <c r="BH36" s="72">
        <v>3</v>
      </c>
      <c r="BI36" s="244"/>
      <c r="BJ36" s="71">
        <v>0</v>
      </c>
      <c r="BK36" s="71">
        <v>0</v>
      </c>
      <c r="BL36" s="71">
        <v>2</v>
      </c>
      <c r="BM36" s="71">
        <v>0</v>
      </c>
      <c r="BN36" s="71">
        <v>1</v>
      </c>
      <c r="BO36" s="72">
        <v>3</v>
      </c>
      <c r="BP36" s="73">
        <v>6</v>
      </c>
      <c r="BQ36" s="70">
        <v>2</v>
      </c>
      <c r="BR36" s="71">
        <v>0</v>
      </c>
      <c r="BS36" s="72">
        <v>2</v>
      </c>
      <c r="BT36" s="244"/>
      <c r="BU36" s="71">
        <v>4</v>
      </c>
      <c r="BV36" s="71">
        <v>1</v>
      </c>
      <c r="BW36" s="71">
        <v>0</v>
      </c>
      <c r="BX36" s="71">
        <v>0</v>
      </c>
      <c r="BY36" s="71">
        <v>0</v>
      </c>
      <c r="BZ36" s="72">
        <v>5</v>
      </c>
      <c r="CA36" s="73">
        <v>7</v>
      </c>
      <c r="CB36" s="70">
        <v>0</v>
      </c>
      <c r="CC36" s="71">
        <v>0</v>
      </c>
      <c r="CD36" s="72">
        <v>0</v>
      </c>
      <c r="CE36" s="244"/>
      <c r="CF36" s="71">
        <v>0</v>
      </c>
      <c r="CG36" s="71">
        <v>0</v>
      </c>
      <c r="CH36" s="71">
        <v>0</v>
      </c>
      <c r="CI36" s="71">
        <v>0</v>
      </c>
      <c r="CJ36" s="71">
        <v>0</v>
      </c>
      <c r="CK36" s="72">
        <v>0</v>
      </c>
      <c r="CL36" s="73">
        <v>0</v>
      </c>
      <c r="CM36" s="70">
        <v>6</v>
      </c>
      <c r="CN36" s="71">
        <v>3</v>
      </c>
      <c r="CO36" s="72">
        <v>9</v>
      </c>
      <c r="CP36" s="244"/>
      <c r="CQ36" s="71">
        <v>5</v>
      </c>
      <c r="CR36" s="71">
        <v>3</v>
      </c>
      <c r="CS36" s="71">
        <v>3</v>
      </c>
      <c r="CT36" s="71">
        <v>0</v>
      </c>
      <c r="CU36" s="71">
        <v>1</v>
      </c>
      <c r="CV36" s="72">
        <v>12</v>
      </c>
      <c r="CW36" s="73">
        <v>21</v>
      </c>
      <c r="CX36" s="123">
        <v>1</v>
      </c>
      <c r="CY36" s="82">
        <v>2</v>
      </c>
      <c r="CZ36" s="83">
        <v>3</v>
      </c>
      <c r="DA36" s="241"/>
      <c r="DB36" s="82">
        <v>1</v>
      </c>
      <c r="DC36" s="82">
        <v>2</v>
      </c>
      <c r="DD36" s="82">
        <v>0</v>
      </c>
      <c r="DE36" s="82">
        <v>1</v>
      </c>
      <c r="DF36" s="82">
        <v>0</v>
      </c>
      <c r="DG36" s="84">
        <v>4</v>
      </c>
      <c r="DH36" s="85">
        <v>7</v>
      </c>
      <c r="DI36" s="70">
        <v>0</v>
      </c>
      <c r="DJ36" s="71">
        <v>0</v>
      </c>
      <c r="DK36" s="72">
        <v>0</v>
      </c>
      <c r="DL36" s="244"/>
      <c r="DM36" s="71">
        <v>1</v>
      </c>
      <c r="DN36" s="71">
        <v>0</v>
      </c>
      <c r="DO36" s="71">
        <v>0</v>
      </c>
      <c r="DP36" s="71">
        <v>0</v>
      </c>
      <c r="DQ36" s="71">
        <v>0</v>
      </c>
      <c r="DR36" s="72">
        <v>1</v>
      </c>
      <c r="DS36" s="73">
        <v>1</v>
      </c>
      <c r="DT36" s="70">
        <v>0</v>
      </c>
      <c r="DU36" s="71">
        <v>1</v>
      </c>
      <c r="DV36" s="72">
        <v>1</v>
      </c>
      <c r="DW36" s="244"/>
      <c r="DX36" s="71">
        <v>0</v>
      </c>
      <c r="DY36" s="71">
        <v>0</v>
      </c>
      <c r="DZ36" s="71">
        <v>0</v>
      </c>
      <c r="EA36" s="71">
        <v>0</v>
      </c>
      <c r="EB36" s="71">
        <v>0</v>
      </c>
      <c r="EC36" s="72">
        <v>0</v>
      </c>
      <c r="ED36" s="73">
        <v>1</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0</v>
      </c>
      <c r="FG36" s="71">
        <v>0</v>
      </c>
      <c r="FH36" s="71">
        <v>0</v>
      </c>
      <c r="FI36" s="71">
        <v>0</v>
      </c>
      <c r="FJ36" s="72">
        <v>0</v>
      </c>
      <c r="FK36" s="73">
        <v>0</v>
      </c>
      <c r="FL36" s="70">
        <v>1</v>
      </c>
      <c r="FM36" s="71">
        <v>1</v>
      </c>
      <c r="FN36" s="72">
        <v>2</v>
      </c>
      <c r="FO36" s="244"/>
      <c r="FP36" s="71">
        <v>0</v>
      </c>
      <c r="FQ36" s="71">
        <v>2</v>
      </c>
      <c r="FR36" s="71">
        <v>0</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1</v>
      </c>
      <c r="GI36" s="71">
        <v>2</v>
      </c>
      <c r="GJ36" s="72">
        <v>3</v>
      </c>
      <c r="GK36" s="244"/>
      <c r="GL36" s="71">
        <v>1</v>
      </c>
      <c r="GM36" s="71">
        <v>2</v>
      </c>
      <c r="GN36" s="71">
        <v>0</v>
      </c>
      <c r="GO36" s="71">
        <v>1</v>
      </c>
      <c r="GP36" s="71">
        <v>0</v>
      </c>
      <c r="GQ36" s="72">
        <v>4</v>
      </c>
      <c r="GR36" s="73">
        <v>7</v>
      </c>
      <c r="GS36" s="123">
        <v>7</v>
      </c>
      <c r="GT36" s="82">
        <v>5</v>
      </c>
      <c r="GU36" s="83">
        <v>12</v>
      </c>
      <c r="GV36" s="241"/>
      <c r="GW36" s="82">
        <v>6</v>
      </c>
      <c r="GX36" s="82">
        <v>5</v>
      </c>
      <c r="GY36" s="82">
        <v>3</v>
      </c>
      <c r="GZ36" s="82">
        <v>1</v>
      </c>
      <c r="HA36" s="82">
        <v>1</v>
      </c>
      <c r="HB36" s="84">
        <v>16</v>
      </c>
      <c r="HC36" s="85">
        <v>28</v>
      </c>
      <c r="HD36" s="70">
        <v>0</v>
      </c>
      <c r="HE36" s="71">
        <v>0</v>
      </c>
      <c r="HF36" s="72">
        <v>0</v>
      </c>
      <c r="HG36" s="244"/>
      <c r="HH36" s="71">
        <v>1</v>
      </c>
      <c r="HI36" s="71">
        <v>0</v>
      </c>
      <c r="HJ36" s="71">
        <v>0</v>
      </c>
      <c r="HK36" s="71">
        <v>0</v>
      </c>
      <c r="HL36" s="71">
        <v>0</v>
      </c>
      <c r="HM36" s="72">
        <v>1</v>
      </c>
      <c r="HN36" s="73">
        <v>1</v>
      </c>
      <c r="HO36" s="70">
        <v>0</v>
      </c>
      <c r="HP36" s="71">
        <v>1</v>
      </c>
      <c r="HQ36" s="72">
        <v>1</v>
      </c>
      <c r="HR36" s="244"/>
      <c r="HS36" s="71">
        <v>0</v>
      </c>
      <c r="HT36" s="71">
        <v>0</v>
      </c>
      <c r="HU36" s="71">
        <v>0</v>
      </c>
      <c r="HV36" s="71">
        <v>0</v>
      </c>
      <c r="HW36" s="71">
        <v>0</v>
      </c>
      <c r="HX36" s="72">
        <v>0</v>
      </c>
      <c r="HY36" s="73">
        <v>1</v>
      </c>
      <c r="HZ36" s="70">
        <v>2</v>
      </c>
      <c r="IA36" s="71">
        <v>0</v>
      </c>
      <c r="IB36" s="72">
        <v>2</v>
      </c>
      <c r="IC36" s="244"/>
      <c r="ID36" s="71">
        <v>1</v>
      </c>
      <c r="IE36" s="71">
        <v>0</v>
      </c>
      <c r="IF36" s="71">
        <v>0</v>
      </c>
      <c r="IG36" s="71">
        <v>0</v>
      </c>
      <c r="IH36" s="71">
        <v>0</v>
      </c>
      <c r="II36" s="72">
        <v>1</v>
      </c>
      <c r="IJ36" s="73">
        <v>3</v>
      </c>
      <c r="IK36" s="70">
        <v>1</v>
      </c>
      <c r="IL36" s="71">
        <v>1</v>
      </c>
      <c r="IM36" s="72">
        <v>2</v>
      </c>
      <c r="IN36" s="244"/>
      <c r="IO36" s="71">
        <v>0</v>
      </c>
      <c r="IP36" s="71">
        <v>2</v>
      </c>
      <c r="IQ36" s="71">
        <v>1</v>
      </c>
      <c r="IR36" s="71">
        <v>0</v>
      </c>
      <c r="IS36" s="71">
        <v>0</v>
      </c>
      <c r="IT36" s="72">
        <v>3</v>
      </c>
      <c r="IU36" s="73">
        <v>5</v>
      </c>
      <c r="IV36" s="70">
        <v>1</v>
      </c>
      <c r="IW36" s="71">
        <v>2</v>
      </c>
      <c r="IX36" s="72">
        <v>3</v>
      </c>
      <c r="IY36" s="244"/>
      <c r="IZ36" s="71">
        <v>0</v>
      </c>
      <c r="JA36" s="71">
        <v>0</v>
      </c>
      <c r="JB36" s="71">
        <v>2</v>
      </c>
      <c r="JC36" s="71">
        <v>0</v>
      </c>
      <c r="JD36" s="71">
        <v>1</v>
      </c>
      <c r="JE36" s="72">
        <v>3</v>
      </c>
      <c r="JF36" s="73">
        <v>6</v>
      </c>
      <c r="JG36" s="70">
        <v>3</v>
      </c>
      <c r="JH36" s="71">
        <v>1</v>
      </c>
      <c r="JI36" s="72">
        <v>4</v>
      </c>
      <c r="JJ36" s="244"/>
      <c r="JK36" s="71">
        <v>4</v>
      </c>
      <c r="JL36" s="71">
        <v>3</v>
      </c>
      <c r="JM36" s="71">
        <v>0</v>
      </c>
      <c r="JN36" s="71">
        <v>1</v>
      </c>
      <c r="JO36" s="71">
        <v>0</v>
      </c>
      <c r="JP36" s="72">
        <v>8</v>
      </c>
      <c r="JQ36" s="73">
        <v>12</v>
      </c>
      <c r="JR36" s="70">
        <v>0</v>
      </c>
      <c r="JS36" s="71">
        <v>0</v>
      </c>
      <c r="JT36" s="72">
        <v>0</v>
      </c>
      <c r="JU36" s="244"/>
      <c r="JV36" s="71">
        <v>0</v>
      </c>
      <c r="JW36" s="71">
        <v>0</v>
      </c>
      <c r="JX36" s="71">
        <v>0</v>
      </c>
      <c r="JY36" s="71">
        <v>0</v>
      </c>
      <c r="JZ36" s="71">
        <v>0</v>
      </c>
      <c r="KA36" s="72">
        <v>0</v>
      </c>
      <c r="KB36" s="73">
        <v>0</v>
      </c>
      <c r="KC36" s="70">
        <v>7</v>
      </c>
      <c r="KD36" s="71">
        <v>5</v>
      </c>
      <c r="KE36" s="72">
        <v>12</v>
      </c>
      <c r="KF36" s="244"/>
      <c r="KG36" s="71">
        <v>6</v>
      </c>
      <c r="KH36" s="71">
        <v>5</v>
      </c>
      <c r="KI36" s="71">
        <v>3</v>
      </c>
      <c r="KJ36" s="71">
        <v>1</v>
      </c>
      <c r="KK36" s="71">
        <v>1</v>
      </c>
      <c r="KL36" s="72">
        <v>16</v>
      </c>
      <c r="KM36" s="73">
        <v>28</v>
      </c>
    </row>
    <row r="37" spans="2:299" ht="21" customHeight="1" x14ac:dyDescent="0.2">
      <c r="B37" s="126" t="s">
        <v>34</v>
      </c>
      <c r="C37" s="313">
        <v>3</v>
      </c>
      <c r="D37" s="82">
        <v>2</v>
      </c>
      <c r="E37" s="83">
        <v>5</v>
      </c>
      <c r="F37" s="241"/>
      <c r="G37" s="82">
        <v>3</v>
      </c>
      <c r="H37" s="82">
        <v>9</v>
      </c>
      <c r="I37" s="82">
        <v>4</v>
      </c>
      <c r="J37" s="82">
        <v>1</v>
      </c>
      <c r="K37" s="82">
        <v>0</v>
      </c>
      <c r="L37" s="84">
        <v>17</v>
      </c>
      <c r="M37" s="85">
        <v>22</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1</v>
      </c>
      <c r="AV37" s="71">
        <v>0</v>
      </c>
      <c r="AW37" s="72">
        <v>1</v>
      </c>
      <c r="AX37" s="244"/>
      <c r="AY37" s="71">
        <v>1</v>
      </c>
      <c r="AZ37" s="71">
        <v>3</v>
      </c>
      <c r="BA37" s="71">
        <v>0</v>
      </c>
      <c r="BB37" s="71">
        <v>1</v>
      </c>
      <c r="BC37" s="71">
        <v>0</v>
      </c>
      <c r="BD37" s="72">
        <v>5</v>
      </c>
      <c r="BE37" s="73">
        <v>6</v>
      </c>
      <c r="BF37" s="70">
        <v>1</v>
      </c>
      <c r="BG37" s="71">
        <v>1</v>
      </c>
      <c r="BH37" s="72">
        <v>2</v>
      </c>
      <c r="BI37" s="244"/>
      <c r="BJ37" s="71">
        <v>1</v>
      </c>
      <c r="BK37" s="71">
        <v>2</v>
      </c>
      <c r="BL37" s="71">
        <v>4</v>
      </c>
      <c r="BM37" s="71">
        <v>0</v>
      </c>
      <c r="BN37" s="71">
        <v>0</v>
      </c>
      <c r="BO37" s="72">
        <v>7</v>
      </c>
      <c r="BP37" s="73">
        <v>9</v>
      </c>
      <c r="BQ37" s="70">
        <v>1</v>
      </c>
      <c r="BR37" s="71">
        <v>1</v>
      </c>
      <c r="BS37" s="72">
        <v>2</v>
      </c>
      <c r="BT37" s="244"/>
      <c r="BU37" s="71">
        <v>1</v>
      </c>
      <c r="BV37" s="71">
        <v>3</v>
      </c>
      <c r="BW37" s="71">
        <v>0</v>
      </c>
      <c r="BX37" s="71">
        <v>0</v>
      </c>
      <c r="BY37" s="71">
        <v>0</v>
      </c>
      <c r="BZ37" s="72">
        <v>4</v>
      </c>
      <c r="CA37" s="73">
        <v>6</v>
      </c>
      <c r="CB37" s="70">
        <v>0</v>
      </c>
      <c r="CC37" s="71">
        <v>0</v>
      </c>
      <c r="CD37" s="72">
        <v>0</v>
      </c>
      <c r="CE37" s="244"/>
      <c r="CF37" s="71">
        <v>0</v>
      </c>
      <c r="CG37" s="71">
        <v>0</v>
      </c>
      <c r="CH37" s="71">
        <v>0</v>
      </c>
      <c r="CI37" s="71">
        <v>0</v>
      </c>
      <c r="CJ37" s="71">
        <v>0</v>
      </c>
      <c r="CK37" s="72">
        <v>0</v>
      </c>
      <c r="CL37" s="73">
        <v>0</v>
      </c>
      <c r="CM37" s="70">
        <v>3</v>
      </c>
      <c r="CN37" s="71">
        <v>2</v>
      </c>
      <c r="CO37" s="72">
        <v>5</v>
      </c>
      <c r="CP37" s="244"/>
      <c r="CQ37" s="71">
        <v>3</v>
      </c>
      <c r="CR37" s="71">
        <v>9</v>
      </c>
      <c r="CS37" s="71">
        <v>4</v>
      </c>
      <c r="CT37" s="71">
        <v>1</v>
      </c>
      <c r="CU37" s="71">
        <v>0</v>
      </c>
      <c r="CV37" s="72">
        <v>17</v>
      </c>
      <c r="CW37" s="73">
        <v>22</v>
      </c>
      <c r="CX37" s="123">
        <v>0</v>
      </c>
      <c r="CY37" s="82">
        <v>0</v>
      </c>
      <c r="CZ37" s="83">
        <v>0</v>
      </c>
      <c r="DA37" s="241"/>
      <c r="DB37" s="82">
        <v>0</v>
      </c>
      <c r="DC37" s="82">
        <v>0</v>
      </c>
      <c r="DD37" s="82">
        <v>0</v>
      </c>
      <c r="DE37" s="82">
        <v>1</v>
      </c>
      <c r="DF37" s="82">
        <v>2</v>
      </c>
      <c r="DG37" s="84">
        <v>3</v>
      </c>
      <c r="DH37" s="85">
        <v>3</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1</v>
      </c>
      <c r="EB37" s="71">
        <v>0</v>
      </c>
      <c r="EC37" s="72">
        <v>1</v>
      </c>
      <c r="ED37" s="73">
        <v>1</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0</v>
      </c>
      <c r="FR37" s="71">
        <v>0</v>
      </c>
      <c r="FS37" s="71">
        <v>0</v>
      </c>
      <c r="FT37" s="71">
        <v>2</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0</v>
      </c>
      <c r="GN37" s="71">
        <v>0</v>
      </c>
      <c r="GO37" s="71">
        <v>1</v>
      </c>
      <c r="GP37" s="71">
        <v>2</v>
      </c>
      <c r="GQ37" s="72">
        <v>3</v>
      </c>
      <c r="GR37" s="73">
        <v>3</v>
      </c>
      <c r="GS37" s="123">
        <v>3</v>
      </c>
      <c r="GT37" s="82">
        <v>2</v>
      </c>
      <c r="GU37" s="83">
        <v>5</v>
      </c>
      <c r="GV37" s="241"/>
      <c r="GW37" s="82">
        <v>3</v>
      </c>
      <c r="GX37" s="82">
        <v>9</v>
      </c>
      <c r="GY37" s="82">
        <v>4</v>
      </c>
      <c r="GZ37" s="82">
        <v>2</v>
      </c>
      <c r="HA37" s="82">
        <v>2</v>
      </c>
      <c r="HB37" s="84">
        <v>20</v>
      </c>
      <c r="HC37" s="85">
        <v>25</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1</v>
      </c>
      <c r="HW37" s="71">
        <v>0</v>
      </c>
      <c r="HX37" s="72">
        <v>1</v>
      </c>
      <c r="HY37" s="73">
        <v>1</v>
      </c>
      <c r="HZ37" s="70">
        <v>0</v>
      </c>
      <c r="IA37" s="71">
        <v>0</v>
      </c>
      <c r="IB37" s="72">
        <v>0</v>
      </c>
      <c r="IC37" s="244"/>
      <c r="ID37" s="71">
        <v>0</v>
      </c>
      <c r="IE37" s="71">
        <v>0</v>
      </c>
      <c r="IF37" s="71">
        <v>0</v>
      </c>
      <c r="IG37" s="71">
        <v>0</v>
      </c>
      <c r="IH37" s="71">
        <v>0</v>
      </c>
      <c r="II37" s="72">
        <v>0</v>
      </c>
      <c r="IJ37" s="73">
        <v>0</v>
      </c>
      <c r="IK37" s="70">
        <v>1</v>
      </c>
      <c r="IL37" s="71">
        <v>0</v>
      </c>
      <c r="IM37" s="72">
        <v>1</v>
      </c>
      <c r="IN37" s="244"/>
      <c r="IO37" s="71">
        <v>1</v>
      </c>
      <c r="IP37" s="71">
        <v>3</v>
      </c>
      <c r="IQ37" s="71">
        <v>0</v>
      </c>
      <c r="IR37" s="71">
        <v>1</v>
      </c>
      <c r="IS37" s="71">
        <v>0</v>
      </c>
      <c r="IT37" s="72">
        <v>5</v>
      </c>
      <c r="IU37" s="73">
        <v>6</v>
      </c>
      <c r="IV37" s="70">
        <v>1</v>
      </c>
      <c r="IW37" s="71">
        <v>1</v>
      </c>
      <c r="IX37" s="72">
        <v>2</v>
      </c>
      <c r="IY37" s="244"/>
      <c r="IZ37" s="71">
        <v>1</v>
      </c>
      <c r="JA37" s="71">
        <v>2</v>
      </c>
      <c r="JB37" s="71">
        <v>4</v>
      </c>
      <c r="JC37" s="71">
        <v>0</v>
      </c>
      <c r="JD37" s="71">
        <v>0</v>
      </c>
      <c r="JE37" s="72">
        <v>7</v>
      </c>
      <c r="JF37" s="73">
        <v>9</v>
      </c>
      <c r="JG37" s="70">
        <v>1</v>
      </c>
      <c r="JH37" s="71">
        <v>1</v>
      </c>
      <c r="JI37" s="72">
        <v>2</v>
      </c>
      <c r="JJ37" s="244"/>
      <c r="JK37" s="71">
        <v>1</v>
      </c>
      <c r="JL37" s="71">
        <v>3</v>
      </c>
      <c r="JM37" s="71">
        <v>0</v>
      </c>
      <c r="JN37" s="71">
        <v>0</v>
      </c>
      <c r="JO37" s="71">
        <v>2</v>
      </c>
      <c r="JP37" s="72">
        <v>6</v>
      </c>
      <c r="JQ37" s="73">
        <v>8</v>
      </c>
      <c r="JR37" s="70">
        <v>0</v>
      </c>
      <c r="JS37" s="71">
        <v>0</v>
      </c>
      <c r="JT37" s="72">
        <v>0</v>
      </c>
      <c r="JU37" s="244"/>
      <c r="JV37" s="71">
        <v>0</v>
      </c>
      <c r="JW37" s="71">
        <v>0</v>
      </c>
      <c r="JX37" s="71">
        <v>0</v>
      </c>
      <c r="JY37" s="71">
        <v>0</v>
      </c>
      <c r="JZ37" s="71">
        <v>0</v>
      </c>
      <c r="KA37" s="72">
        <v>0</v>
      </c>
      <c r="KB37" s="73">
        <v>0</v>
      </c>
      <c r="KC37" s="70">
        <v>3</v>
      </c>
      <c r="KD37" s="71">
        <v>2</v>
      </c>
      <c r="KE37" s="72">
        <v>5</v>
      </c>
      <c r="KF37" s="244"/>
      <c r="KG37" s="71">
        <v>3</v>
      </c>
      <c r="KH37" s="71">
        <v>9</v>
      </c>
      <c r="KI37" s="71">
        <v>4</v>
      </c>
      <c r="KJ37" s="71">
        <v>2</v>
      </c>
      <c r="KK37" s="71">
        <v>2</v>
      </c>
      <c r="KL37" s="72">
        <v>20</v>
      </c>
      <c r="KM37" s="73">
        <v>25</v>
      </c>
    </row>
    <row r="38" spans="2:299" ht="21" customHeight="1" x14ac:dyDescent="0.2">
      <c r="B38" s="126" t="s">
        <v>35</v>
      </c>
      <c r="C38" s="313">
        <v>11</v>
      </c>
      <c r="D38" s="82">
        <v>4</v>
      </c>
      <c r="E38" s="83">
        <v>15</v>
      </c>
      <c r="F38" s="241"/>
      <c r="G38" s="82">
        <v>23</v>
      </c>
      <c r="H38" s="82">
        <v>9</v>
      </c>
      <c r="I38" s="82">
        <v>3</v>
      </c>
      <c r="J38" s="82">
        <v>3</v>
      </c>
      <c r="K38" s="82">
        <v>5</v>
      </c>
      <c r="L38" s="84">
        <v>43</v>
      </c>
      <c r="M38" s="85">
        <v>58</v>
      </c>
      <c r="N38" s="70">
        <v>0</v>
      </c>
      <c r="O38" s="71">
        <v>0</v>
      </c>
      <c r="P38" s="72">
        <v>0</v>
      </c>
      <c r="Q38" s="244"/>
      <c r="R38" s="71">
        <v>0</v>
      </c>
      <c r="S38" s="71">
        <v>0</v>
      </c>
      <c r="T38" s="71">
        <v>0</v>
      </c>
      <c r="U38" s="71">
        <v>0</v>
      </c>
      <c r="V38" s="71">
        <v>0</v>
      </c>
      <c r="W38" s="72">
        <v>0</v>
      </c>
      <c r="X38" s="73">
        <v>0</v>
      </c>
      <c r="Y38" s="70">
        <v>1</v>
      </c>
      <c r="Z38" s="71">
        <v>0</v>
      </c>
      <c r="AA38" s="72">
        <v>1</v>
      </c>
      <c r="AB38" s="244"/>
      <c r="AC38" s="71">
        <v>1</v>
      </c>
      <c r="AD38" s="71">
        <v>0</v>
      </c>
      <c r="AE38" s="71">
        <v>0</v>
      </c>
      <c r="AF38" s="71">
        <v>0</v>
      </c>
      <c r="AG38" s="71">
        <v>0</v>
      </c>
      <c r="AH38" s="72">
        <v>1</v>
      </c>
      <c r="AI38" s="73">
        <v>2</v>
      </c>
      <c r="AJ38" s="70">
        <v>2</v>
      </c>
      <c r="AK38" s="71">
        <v>1</v>
      </c>
      <c r="AL38" s="72">
        <v>3</v>
      </c>
      <c r="AM38" s="244"/>
      <c r="AN38" s="71">
        <v>3</v>
      </c>
      <c r="AO38" s="71">
        <v>1</v>
      </c>
      <c r="AP38" s="71">
        <v>0</v>
      </c>
      <c r="AQ38" s="71">
        <v>0</v>
      </c>
      <c r="AR38" s="71">
        <v>0</v>
      </c>
      <c r="AS38" s="72">
        <v>4</v>
      </c>
      <c r="AT38" s="73">
        <v>7</v>
      </c>
      <c r="AU38" s="70">
        <v>4</v>
      </c>
      <c r="AV38" s="71">
        <v>2</v>
      </c>
      <c r="AW38" s="72">
        <v>6</v>
      </c>
      <c r="AX38" s="244"/>
      <c r="AY38" s="71">
        <v>4</v>
      </c>
      <c r="AZ38" s="71">
        <v>2</v>
      </c>
      <c r="BA38" s="71">
        <v>1</v>
      </c>
      <c r="BB38" s="71">
        <v>1</v>
      </c>
      <c r="BC38" s="71">
        <v>0</v>
      </c>
      <c r="BD38" s="72">
        <v>8</v>
      </c>
      <c r="BE38" s="73">
        <v>14</v>
      </c>
      <c r="BF38" s="70">
        <v>1</v>
      </c>
      <c r="BG38" s="71">
        <v>1</v>
      </c>
      <c r="BH38" s="72">
        <v>2</v>
      </c>
      <c r="BI38" s="244"/>
      <c r="BJ38" s="71">
        <v>7</v>
      </c>
      <c r="BK38" s="71">
        <v>3</v>
      </c>
      <c r="BL38" s="71">
        <v>1</v>
      </c>
      <c r="BM38" s="71">
        <v>0</v>
      </c>
      <c r="BN38" s="71">
        <v>2</v>
      </c>
      <c r="BO38" s="72">
        <v>13</v>
      </c>
      <c r="BP38" s="73">
        <v>15</v>
      </c>
      <c r="BQ38" s="70">
        <v>3</v>
      </c>
      <c r="BR38" s="71">
        <v>0</v>
      </c>
      <c r="BS38" s="72">
        <v>3</v>
      </c>
      <c r="BT38" s="244"/>
      <c r="BU38" s="71">
        <v>8</v>
      </c>
      <c r="BV38" s="71">
        <v>3</v>
      </c>
      <c r="BW38" s="71">
        <v>1</v>
      </c>
      <c r="BX38" s="71">
        <v>2</v>
      </c>
      <c r="BY38" s="71">
        <v>3</v>
      </c>
      <c r="BZ38" s="72">
        <v>17</v>
      </c>
      <c r="CA38" s="73">
        <v>20</v>
      </c>
      <c r="CB38" s="70">
        <v>0</v>
      </c>
      <c r="CC38" s="71">
        <v>0</v>
      </c>
      <c r="CD38" s="72">
        <v>0</v>
      </c>
      <c r="CE38" s="244"/>
      <c r="CF38" s="71">
        <v>0</v>
      </c>
      <c r="CG38" s="71">
        <v>0</v>
      </c>
      <c r="CH38" s="71">
        <v>0</v>
      </c>
      <c r="CI38" s="71">
        <v>0</v>
      </c>
      <c r="CJ38" s="71">
        <v>0</v>
      </c>
      <c r="CK38" s="72">
        <v>0</v>
      </c>
      <c r="CL38" s="73">
        <v>0</v>
      </c>
      <c r="CM38" s="70">
        <v>11</v>
      </c>
      <c r="CN38" s="71">
        <v>4</v>
      </c>
      <c r="CO38" s="72">
        <v>15</v>
      </c>
      <c r="CP38" s="244"/>
      <c r="CQ38" s="71">
        <v>23</v>
      </c>
      <c r="CR38" s="71">
        <v>9</v>
      </c>
      <c r="CS38" s="71">
        <v>3</v>
      </c>
      <c r="CT38" s="71">
        <v>3</v>
      </c>
      <c r="CU38" s="71">
        <v>5</v>
      </c>
      <c r="CV38" s="72">
        <v>43</v>
      </c>
      <c r="CW38" s="73">
        <v>58</v>
      </c>
      <c r="CX38" s="123">
        <v>3</v>
      </c>
      <c r="CY38" s="82">
        <v>1</v>
      </c>
      <c r="CZ38" s="83">
        <v>4</v>
      </c>
      <c r="DA38" s="241"/>
      <c r="DB38" s="82">
        <v>4</v>
      </c>
      <c r="DC38" s="82">
        <v>2</v>
      </c>
      <c r="DD38" s="82">
        <v>6</v>
      </c>
      <c r="DE38" s="82">
        <v>3</v>
      </c>
      <c r="DF38" s="82">
        <v>1</v>
      </c>
      <c r="DG38" s="84">
        <v>16</v>
      </c>
      <c r="DH38" s="85">
        <v>20</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1</v>
      </c>
      <c r="EJ38" s="71">
        <v>1</v>
      </c>
      <c r="EK38" s="71">
        <v>0</v>
      </c>
      <c r="EL38" s="71">
        <v>0</v>
      </c>
      <c r="EM38" s="71">
        <v>0</v>
      </c>
      <c r="EN38" s="72">
        <v>2</v>
      </c>
      <c r="EO38" s="73">
        <v>2</v>
      </c>
      <c r="EP38" s="70">
        <v>1</v>
      </c>
      <c r="EQ38" s="71">
        <v>0</v>
      </c>
      <c r="ER38" s="72">
        <v>1</v>
      </c>
      <c r="ES38" s="244"/>
      <c r="ET38" s="71">
        <v>1</v>
      </c>
      <c r="EU38" s="71">
        <v>0</v>
      </c>
      <c r="EV38" s="71">
        <v>0</v>
      </c>
      <c r="EW38" s="71">
        <v>0</v>
      </c>
      <c r="EX38" s="71">
        <v>0</v>
      </c>
      <c r="EY38" s="72">
        <v>1</v>
      </c>
      <c r="EZ38" s="73">
        <v>2</v>
      </c>
      <c r="FA38" s="70">
        <v>0</v>
      </c>
      <c r="FB38" s="71">
        <v>0</v>
      </c>
      <c r="FC38" s="72">
        <v>0</v>
      </c>
      <c r="FD38" s="244"/>
      <c r="FE38" s="71">
        <v>0</v>
      </c>
      <c r="FF38" s="71">
        <v>0</v>
      </c>
      <c r="FG38" s="71">
        <v>1</v>
      </c>
      <c r="FH38" s="71">
        <v>0</v>
      </c>
      <c r="FI38" s="71">
        <v>1</v>
      </c>
      <c r="FJ38" s="72">
        <v>2</v>
      </c>
      <c r="FK38" s="73">
        <v>2</v>
      </c>
      <c r="FL38" s="70">
        <v>2</v>
      </c>
      <c r="FM38" s="71">
        <v>1</v>
      </c>
      <c r="FN38" s="72">
        <v>3</v>
      </c>
      <c r="FO38" s="244"/>
      <c r="FP38" s="71">
        <v>2</v>
      </c>
      <c r="FQ38" s="71">
        <v>1</v>
      </c>
      <c r="FR38" s="71">
        <v>4</v>
      </c>
      <c r="FS38" s="71">
        <v>3</v>
      </c>
      <c r="FT38" s="71">
        <v>0</v>
      </c>
      <c r="FU38" s="72">
        <v>10</v>
      </c>
      <c r="FV38" s="73">
        <v>13</v>
      </c>
      <c r="FW38" s="70">
        <v>0</v>
      </c>
      <c r="FX38" s="71">
        <v>0</v>
      </c>
      <c r="FY38" s="72">
        <v>0</v>
      </c>
      <c r="FZ38" s="244"/>
      <c r="GA38" s="71">
        <v>0</v>
      </c>
      <c r="GB38" s="71">
        <v>0</v>
      </c>
      <c r="GC38" s="71">
        <v>0</v>
      </c>
      <c r="GD38" s="71">
        <v>0</v>
      </c>
      <c r="GE38" s="71">
        <v>0</v>
      </c>
      <c r="GF38" s="72">
        <v>0</v>
      </c>
      <c r="GG38" s="73">
        <v>0</v>
      </c>
      <c r="GH38" s="70">
        <v>3</v>
      </c>
      <c r="GI38" s="71">
        <v>1</v>
      </c>
      <c r="GJ38" s="72">
        <v>4</v>
      </c>
      <c r="GK38" s="244"/>
      <c r="GL38" s="71">
        <v>4</v>
      </c>
      <c r="GM38" s="71">
        <v>2</v>
      </c>
      <c r="GN38" s="71">
        <v>6</v>
      </c>
      <c r="GO38" s="71">
        <v>3</v>
      </c>
      <c r="GP38" s="71">
        <v>1</v>
      </c>
      <c r="GQ38" s="72">
        <v>16</v>
      </c>
      <c r="GR38" s="73">
        <v>20</v>
      </c>
      <c r="GS38" s="123">
        <v>14</v>
      </c>
      <c r="GT38" s="82">
        <v>5</v>
      </c>
      <c r="GU38" s="83">
        <v>19</v>
      </c>
      <c r="GV38" s="241"/>
      <c r="GW38" s="82">
        <v>27</v>
      </c>
      <c r="GX38" s="82">
        <v>11</v>
      </c>
      <c r="GY38" s="82">
        <v>9</v>
      </c>
      <c r="GZ38" s="82">
        <v>6</v>
      </c>
      <c r="HA38" s="82">
        <v>6</v>
      </c>
      <c r="HB38" s="84">
        <v>59</v>
      </c>
      <c r="HC38" s="85">
        <v>78</v>
      </c>
      <c r="HD38" s="70">
        <v>0</v>
      </c>
      <c r="HE38" s="71">
        <v>0</v>
      </c>
      <c r="HF38" s="72">
        <v>0</v>
      </c>
      <c r="HG38" s="244"/>
      <c r="HH38" s="71">
        <v>0</v>
      </c>
      <c r="HI38" s="71">
        <v>0</v>
      </c>
      <c r="HJ38" s="71">
        <v>0</v>
      </c>
      <c r="HK38" s="71">
        <v>0</v>
      </c>
      <c r="HL38" s="71">
        <v>0</v>
      </c>
      <c r="HM38" s="72">
        <v>0</v>
      </c>
      <c r="HN38" s="73">
        <v>0</v>
      </c>
      <c r="HO38" s="70">
        <v>1</v>
      </c>
      <c r="HP38" s="71">
        <v>0</v>
      </c>
      <c r="HQ38" s="72">
        <v>1</v>
      </c>
      <c r="HR38" s="244"/>
      <c r="HS38" s="71">
        <v>1</v>
      </c>
      <c r="HT38" s="71">
        <v>0</v>
      </c>
      <c r="HU38" s="71">
        <v>1</v>
      </c>
      <c r="HV38" s="71">
        <v>0</v>
      </c>
      <c r="HW38" s="71">
        <v>0</v>
      </c>
      <c r="HX38" s="72">
        <v>2</v>
      </c>
      <c r="HY38" s="73">
        <v>3</v>
      </c>
      <c r="HZ38" s="70">
        <v>2</v>
      </c>
      <c r="IA38" s="71">
        <v>1</v>
      </c>
      <c r="IB38" s="72">
        <v>3</v>
      </c>
      <c r="IC38" s="244"/>
      <c r="ID38" s="71">
        <v>4</v>
      </c>
      <c r="IE38" s="71">
        <v>2</v>
      </c>
      <c r="IF38" s="71">
        <v>0</v>
      </c>
      <c r="IG38" s="71">
        <v>0</v>
      </c>
      <c r="IH38" s="71">
        <v>0</v>
      </c>
      <c r="II38" s="72">
        <v>6</v>
      </c>
      <c r="IJ38" s="73">
        <v>9</v>
      </c>
      <c r="IK38" s="70">
        <v>5</v>
      </c>
      <c r="IL38" s="71">
        <v>2</v>
      </c>
      <c r="IM38" s="72">
        <v>7</v>
      </c>
      <c r="IN38" s="244"/>
      <c r="IO38" s="71">
        <v>5</v>
      </c>
      <c r="IP38" s="71">
        <v>2</v>
      </c>
      <c r="IQ38" s="71">
        <v>1</v>
      </c>
      <c r="IR38" s="71">
        <v>1</v>
      </c>
      <c r="IS38" s="71">
        <v>0</v>
      </c>
      <c r="IT38" s="72">
        <v>9</v>
      </c>
      <c r="IU38" s="73">
        <v>16</v>
      </c>
      <c r="IV38" s="70">
        <v>1</v>
      </c>
      <c r="IW38" s="71">
        <v>1</v>
      </c>
      <c r="IX38" s="72">
        <v>2</v>
      </c>
      <c r="IY38" s="244"/>
      <c r="IZ38" s="71">
        <v>7</v>
      </c>
      <c r="JA38" s="71">
        <v>3</v>
      </c>
      <c r="JB38" s="71">
        <v>2</v>
      </c>
      <c r="JC38" s="71">
        <v>0</v>
      </c>
      <c r="JD38" s="71">
        <v>3</v>
      </c>
      <c r="JE38" s="72">
        <v>15</v>
      </c>
      <c r="JF38" s="73">
        <v>17</v>
      </c>
      <c r="JG38" s="70">
        <v>5</v>
      </c>
      <c r="JH38" s="71">
        <v>1</v>
      </c>
      <c r="JI38" s="72">
        <v>6</v>
      </c>
      <c r="JJ38" s="244"/>
      <c r="JK38" s="71">
        <v>10</v>
      </c>
      <c r="JL38" s="71">
        <v>4</v>
      </c>
      <c r="JM38" s="71">
        <v>5</v>
      </c>
      <c r="JN38" s="71">
        <v>5</v>
      </c>
      <c r="JO38" s="71">
        <v>3</v>
      </c>
      <c r="JP38" s="72">
        <v>27</v>
      </c>
      <c r="JQ38" s="73">
        <v>33</v>
      </c>
      <c r="JR38" s="70">
        <v>0</v>
      </c>
      <c r="JS38" s="71">
        <v>0</v>
      </c>
      <c r="JT38" s="72">
        <v>0</v>
      </c>
      <c r="JU38" s="244"/>
      <c r="JV38" s="71">
        <v>0</v>
      </c>
      <c r="JW38" s="71">
        <v>0</v>
      </c>
      <c r="JX38" s="71">
        <v>0</v>
      </c>
      <c r="JY38" s="71">
        <v>0</v>
      </c>
      <c r="JZ38" s="71">
        <v>0</v>
      </c>
      <c r="KA38" s="72">
        <v>0</v>
      </c>
      <c r="KB38" s="73">
        <v>0</v>
      </c>
      <c r="KC38" s="70">
        <v>14</v>
      </c>
      <c r="KD38" s="71">
        <v>5</v>
      </c>
      <c r="KE38" s="72">
        <v>19</v>
      </c>
      <c r="KF38" s="244"/>
      <c r="KG38" s="71">
        <v>27</v>
      </c>
      <c r="KH38" s="71">
        <v>11</v>
      </c>
      <c r="KI38" s="71">
        <v>9</v>
      </c>
      <c r="KJ38" s="71">
        <v>6</v>
      </c>
      <c r="KK38" s="71">
        <v>6</v>
      </c>
      <c r="KL38" s="72">
        <v>59</v>
      </c>
      <c r="KM38" s="73">
        <v>78</v>
      </c>
    </row>
    <row r="39" spans="2:299" ht="21" customHeight="1" x14ac:dyDescent="0.2">
      <c r="B39" s="126" t="s">
        <v>36</v>
      </c>
      <c r="C39" s="313">
        <v>3</v>
      </c>
      <c r="D39" s="82">
        <v>8</v>
      </c>
      <c r="E39" s="83">
        <v>11</v>
      </c>
      <c r="F39" s="241"/>
      <c r="G39" s="82">
        <v>13</v>
      </c>
      <c r="H39" s="82">
        <v>9</v>
      </c>
      <c r="I39" s="82">
        <v>6</v>
      </c>
      <c r="J39" s="82">
        <v>9</v>
      </c>
      <c r="K39" s="82">
        <v>5</v>
      </c>
      <c r="L39" s="84">
        <v>42</v>
      </c>
      <c r="M39" s="85">
        <v>53</v>
      </c>
      <c r="N39" s="70">
        <v>0</v>
      </c>
      <c r="O39" s="71">
        <v>0</v>
      </c>
      <c r="P39" s="72">
        <v>0</v>
      </c>
      <c r="Q39" s="244"/>
      <c r="R39" s="71">
        <v>1</v>
      </c>
      <c r="S39" s="71">
        <v>1</v>
      </c>
      <c r="T39" s="71">
        <v>0</v>
      </c>
      <c r="U39" s="71">
        <v>0</v>
      </c>
      <c r="V39" s="71">
        <v>0</v>
      </c>
      <c r="W39" s="72">
        <v>2</v>
      </c>
      <c r="X39" s="73">
        <v>2</v>
      </c>
      <c r="Y39" s="70">
        <v>0</v>
      </c>
      <c r="Z39" s="71">
        <v>0</v>
      </c>
      <c r="AA39" s="72">
        <v>0</v>
      </c>
      <c r="AB39" s="244"/>
      <c r="AC39" s="71">
        <v>2</v>
      </c>
      <c r="AD39" s="71">
        <v>1</v>
      </c>
      <c r="AE39" s="71">
        <v>1</v>
      </c>
      <c r="AF39" s="71">
        <v>1</v>
      </c>
      <c r="AG39" s="71">
        <v>0</v>
      </c>
      <c r="AH39" s="72">
        <v>5</v>
      </c>
      <c r="AI39" s="73">
        <v>5</v>
      </c>
      <c r="AJ39" s="70">
        <v>1</v>
      </c>
      <c r="AK39" s="71">
        <v>1</v>
      </c>
      <c r="AL39" s="72">
        <v>2</v>
      </c>
      <c r="AM39" s="244"/>
      <c r="AN39" s="71">
        <v>0</v>
      </c>
      <c r="AO39" s="71">
        <v>0</v>
      </c>
      <c r="AP39" s="71">
        <v>1</v>
      </c>
      <c r="AQ39" s="71">
        <v>1</v>
      </c>
      <c r="AR39" s="71">
        <v>0</v>
      </c>
      <c r="AS39" s="72">
        <v>2</v>
      </c>
      <c r="AT39" s="73">
        <v>4</v>
      </c>
      <c r="AU39" s="70">
        <v>0</v>
      </c>
      <c r="AV39" s="71">
        <v>2</v>
      </c>
      <c r="AW39" s="72">
        <v>2</v>
      </c>
      <c r="AX39" s="244"/>
      <c r="AY39" s="71">
        <v>3</v>
      </c>
      <c r="AZ39" s="71">
        <v>1</v>
      </c>
      <c r="BA39" s="71">
        <v>1</v>
      </c>
      <c r="BB39" s="71">
        <v>1</v>
      </c>
      <c r="BC39" s="71">
        <v>1</v>
      </c>
      <c r="BD39" s="72">
        <v>7</v>
      </c>
      <c r="BE39" s="73">
        <v>9</v>
      </c>
      <c r="BF39" s="70">
        <v>2</v>
      </c>
      <c r="BG39" s="71">
        <v>2</v>
      </c>
      <c r="BH39" s="72">
        <v>4</v>
      </c>
      <c r="BI39" s="244"/>
      <c r="BJ39" s="71">
        <v>2</v>
      </c>
      <c r="BK39" s="71">
        <v>3</v>
      </c>
      <c r="BL39" s="71">
        <v>2</v>
      </c>
      <c r="BM39" s="71">
        <v>3</v>
      </c>
      <c r="BN39" s="71">
        <v>2</v>
      </c>
      <c r="BO39" s="72">
        <v>12</v>
      </c>
      <c r="BP39" s="73">
        <v>16</v>
      </c>
      <c r="BQ39" s="70">
        <v>0</v>
      </c>
      <c r="BR39" s="71">
        <v>3</v>
      </c>
      <c r="BS39" s="72">
        <v>3</v>
      </c>
      <c r="BT39" s="244"/>
      <c r="BU39" s="71">
        <v>5</v>
      </c>
      <c r="BV39" s="71">
        <v>3</v>
      </c>
      <c r="BW39" s="71">
        <v>1</v>
      </c>
      <c r="BX39" s="71">
        <v>3</v>
      </c>
      <c r="BY39" s="71">
        <v>2</v>
      </c>
      <c r="BZ39" s="72">
        <v>14</v>
      </c>
      <c r="CA39" s="73">
        <v>17</v>
      </c>
      <c r="CB39" s="70">
        <v>0</v>
      </c>
      <c r="CC39" s="71">
        <v>0</v>
      </c>
      <c r="CD39" s="72">
        <v>0</v>
      </c>
      <c r="CE39" s="244"/>
      <c r="CF39" s="71">
        <v>0</v>
      </c>
      <c r="CG39" s="71">
        <v>0</v>
      </c>
      <c r="CH39" s="71">
        <v>0</v>
      </c>
      <c r="CI39" s="71">
        <v>0</v>
      </c>
      <c r="CJ39" s="71">
        <v>0</v>
      </c>
      <c r="CK39" s="72">
        <v>0</v>
      </c>
      <c r="CL39" s="73">
        <v>0</v>
      </c>
      <c r="CM39" s="70">
        <v>3</v>
      </c>
      <c r="CN39" s="71">
        <v>8</v>
      </c>
      <c r="CO39" s="72">
        <v>11</v>
      </c>
      <c r="CP39" s="244"/>
      <c r="CQ39" s="71">
        <v>13</v>
      </c>
      <c r="CR39" s="71">
        <v>9</v>
      </c>
      <c r="CS39" s="71">
        <v>6</v>
      </c>
      <c r="CT39" s="71">
        <v>9</v>
      </c>
      <c r="CU39" s="71">
        <v>5</v>
      </c>
      <c r="CV39" s="72">
        <v>42</v>
      </c>
      <c r="CW39" s="73">
        <v>53</v>
      </c>
      <c r="CX39" s="123">
        <v>2</v>
      </c>
      <c r="CY39" s="82">
        <v>3</v>
      </c>
      <c r="CZ39" s="83">
        <v>5</v>
      </c>
      <c r="DA39" s="241"/>
      <c r="DB39" s="82">
        <v>2</v>
      </c>
      <c r="DC39" s="82">
        <v>1</v>
      </c>
      <c r="DD39" s="82">
        <v>1</v>
      </c>
      <c r="DE39" s="82">
        <v>0</v>
      </c>
      <c r="DF39" s="82">
        <v>1</v>
      </c>
      <c r="DG39" s="84">
        <v>5</v>
      </c>
      <c r="DH39" s="85">
        <v>10</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1</v>
      </c>
      <c r="ER39" s="72">
        <v>1</v>
      </c>
      <c r="ES39" s="244"/>
      <c r="ET39" s="71">
        <v>1</v>
      </c>
      <c r="EU39" s="71">
        <v>1</v>
      </c>
      <c r="EV39" s="71">
        <v>0</v>
      </c>
      <c r="EW39" s="71">
        <v>0</v>
      </c>
      <c r="EX39" s="71">
        <v>0</v>
      </c>
      <c r="EY39" s="72">
        <v>2</v>
      </c>
      <c r="EZ39" s="73">
        <v>3</v>
      </c>
      <c r="FA39" s="70">
        <v>1</v>
      </c>
      <c r="FB39" s="71">
        <v>2</v>
      </c>
      <c r="FC39" s="72">
        <v>3</v>
      </c>
      <c r="FD39" s="244"/>
      <c r="FE39" s="71">
        <v>1</v>
      </c>
      <c r="FF39" s="71">
        <v>0</v>
      </c>
      <c r="FG39" s="71">
        <v>1</v>
      </c>
      <c r="FH39" s="71">
        <v>0</v>
      </c>
      <c r="FI39" s="71">
        <v>0</v>
      </c>
      <c r="FJ39" s="72">
        <v>2</v>
      </c>
      <c r="FK39" s="73">
        <v>5</v>
      </c>
      <c r="FL39" s="70">
        <v>1</v>
      </c>
      <c r="FM39" s="71">
        <v>0</v>
      </c>
      <c r="FN39" s="72">
        <v>1</v>
      </c>
      <c r="FO39" s="244"/>
      <c r="FP39" s="71">
        <v>0</v>
      </c>
      <c r="FQ39" s="71">
        <v>0</v>
      </c>
      <c r="FR39" s="71">
        <v>0</v>
      </c>
      <c r="FS39" s="71">
        <v>0</v>
      </c>
      <c r="FT39" s="71">
        <v>1</v>
      </c>
      <c r="FU39" s="72">
        <v>1</v>
      </c>
      <c r="FV39" s="73">
        <v>2</v>
      </c>
      <c r="FW39" s="70">
        <v>0</v>
      </c>
      <c r="FX39" s="71">
        <v>0</v>
      </c>
      <c r="FY39" s="72">
        <v>0</v>
      </c>
      <c r="FZ39" s="244"/>
      <c r="GA39" s="71">
        <v>0</v>
      </c>
      <c r="GB39" s="71">
        <v>0</v>
      </c>
      <c r="GC39" s="71">
        <v>0</v>
      </c>
      <c r="GD39" s="71">
        <v>0</v>
      </c>
      <c r="GE39" s="71">
        <v>0</v>
      </c>
      <c r="GF39" s="72">
        <v>0</v>
      </c>
      <c r="GG39" s="73">
        <v>0</v>
      </c>
      <c r="GH39" s="70">
        <v>2</v>
      </c>
      <c r="GI39" s="71">
        <v>3</v>
      </c>
      <c r="GJ39" s="72">
        <v>5</v>
      </c>
      <c r="GK39" s="244"/>
      <c r="GL39" s="71">
        <v>2</v>
      </c>
      <c r="GM39" s="71">
        <v>1</v>
      </c>
      <c r="GN39" s="71">
        <v>1</v>
      </c>
      <c r="GO39" s="71">
        <v>0</v>
      </c>
      <c r="GP39" s="71">
        <v>1</v>
      </c>
      <c r="GQ39" s="72">
        <v>5</v>
      </c>
      <c r="GR39" s="73">
        <v>10</v>
      </c>
      <c r="GS39" s="123">
        <v>5</v>
      </c>
      <c r="GT39" s="82">
        <v>11</v>
      </c>
      <c r="GU39" s="83">
        <v>16</v>
      </c>
      <c r="GV39" s="241"/>
      <c r="GW39" s="82">
        <v>15</v>
      </c>
      <c r="GX39" s="82">
        <v>10</v>
      </c>
      <c r="GY39" s="82">
        <v>7</v>
      </c>
      <c r="GZ39" s="82">
        <v>9</v>
      </c>
      <c r="HA39" s="82">
        <v>6</v>
      </c>
      <c r="HB39" s="84">
        <v>47</v>
      </c>
      <c r="HC39" s="85">
        <v>63</v>
      </c>
      <c r="HD39" s="70">
        <v>0</v>
      </c>
      <c r="HE39" s="71">
        <v>0</v>
      </c>
      <c r="HF39" s="72">
        <v>0</v>
      </c>
      <c r="HG39" s="244"/>
      <c r="HH39" s="71">
        <v>1</v>
      </c>
      <c r="HI39" s="71">
        <v>1</v>
      </c>
      <c r="HJ39" s="71">
        <v>0</v>
      </c>
      <c r="HK39" s="71">
        <v>0</v>
      </c>
      <c r="HL39" s="71">
        <v>0</v>
      </c>
      <c r="HM39" s="72">
        <v>2</v>
      </c>
      <c r="HN39" s="73">
        <v>2</v>
      </c>
      <c r="HO39" s="70">
        <v>0</v>
      </c>
      <c r="HP39" s="71">
        <v>0</v>
      </c>
      <c r="HQ39" s="72">
        <v>0</v>
      </c>
      <c r="HR39" s="244"/>
      <c r="HS39" s="71">
        <v>2</v>
      </c>
      <c r="HT39" s="71">
        <v>1</v>
      </c>
      <c r="HU39" s="71">
        <v>1</v>
      </c>
      <c r="HV39" s="71">
        <v>1</v>
      </c>
      <c r="HW39" s="71">
        <v>0</v>
      </c>
      <c r="HX39" s="72">
        <v>5</v>
      </c>
      <c r="HY39" s="73">
        <v>5</v>
      </c>
      <c r="HZ39" s="70">
        <v>1</v>
      </c>
      <c r="IA39" s="71">
        <v>1</v>
      </c>
      <c r="IB39" s="72">
        <v>2</v>
      </c>
      <c r="IC39" s="244"/>
      <c r="ID39" s="71">
        <v>0</v>
      </c>
      <c r="IE39" s="71">
        <v>0</v>
      </c>
      <c r="IF39" s="71">
        <v>1</v>
      </c>
      <c r="IG39" s="71">
        <v>1</v>
      </c>
      <c r="IH39" s="71">
        <v>0</v>
      </c>
      <c r="II39" s="72">
        <v>2</v>
      </c>
      <c r="IJ39" s="73">
        <v>4</v>
      </c>
      <c r="IK39" s="70">
        <v>0</v>
      </c>
      <c r="IL39" s="71">
        <v>3</v>
      </c>
      <c r="IM39" s="72">
        <v>3</v>
      </c>
      <c r="IN39" s="244"/>
      <c r="IO39" s="71">
        <v>4</v>
      </c>
      <c r="IP39" s="71">
        <v>2</v>
      </c>
      <c r="IQ39" s="71">
        <v>1</v>
      </c>
      <c r="IR39" s="71">
        <v>1</v>
      </c>
      <c r="IS39" s="71">
        <v>1</v>
      </c>
      <c r="IT39" s="72">
        <v>9</v>
      </c>
      <c r="IU39" s="73">
        <v>12</v>
      </c>
      <c r="IV39" s="70">
        <v>3</v>
      </c>
      <c r="IW39" s="71">
        <v>4</v>
      </c>
      <c r="IX39" s="72">
        <v>7</v>
      </c>
      <c r="IY39" s="244"/>
      <c r="IZ39" s="71">
        <v>3</v>
      </c>
      <c r="JA39" s="71">
        <v>3</v>
      </c>
      <c r="JB39" s="71">
        <v>3</v>
      </c>
      <c r="JC39" s="71">
        <v>3</v>
      </c>
      <c r="JD39" s="71">
        <v>2</v>
      </c>
      <c r="JE39" s="72">
        <v>14</v>
      </c>
      <c r="JF39" s="73">
        <v>21</v>
      </c>
      <c r="JG39" s="70">
        <v>1</v>
      </c>
      <c r="JH39" s="71">
        <v>3</v>
      </c>
      <c r="JI39" s="72">
        <v>4</v>
      </c>
      <c r="JJ39" s="244"/>
      <c r="JK39" s="71">
        <v>5</v>
      </c>
      <c r="JL39" s="71">
        <v>3</v>
      </c>
      <c r="JM39" s="71">
        <v>1</v>
      </c>
      <c r="JN39" s="71">
        <v>3</v>
      </c>
      <c r="JO39" s="71">
        <v>3</v>
      </c>
      <c r="JP39" s="72">
        <v>15</v>
      </c>
      <c r="JQ39" s="73">
        <v>19</v>
      </c>
      <c r="JR39" s="70">
        <v>0</v>
      </c>
      <c r="JS39" s="71">
        <v>0</v>
      </c>
      <c r="JT39" s="72">
        <v>0</v>
      </c>
      <c r="JU39" s="244"/>
      <c r="JV39" s="71">
        <v>0</v>
      </c>
      <c r="JW39" s="71">
        <v>0</v>
      </c>
      <c r="JX39" s="71">
        <v>0</v>
      </c>
      <c r="JY39" s="71">
        <v>0</v>
      </c>
      <c r="JZ39" s="71">
        <v>0</v>
      </c>
      <c r="KA39" s="72">
        <v>0</v>
      </c>
      <c r="KB39" s="73">
        <v>0</v>
      </c>
      <c r="KC39" s="70">
        <v>5</v>
      </c>
      <c r="KD39" s="71">
        <v>11</v>
      </c>
      <c r="KE39" s="72">
        <v>16</v>
      </c>
      <c r="KF39" s="244"/>
      <c r="KG39" s="71">
        <v>15</v>
      </c>
      <c r="KH39" s="71">
        <v>10</v>
      </c>
      <c r="KI39" s="71">
        <v>7</v>
      </c>
      <c r="KJ39" s="71">
        <v>9</v>
      </c>
      <c r="KK39" s="71">
        <v>6</v>
      </c>
      <c r="KL39" s="72">
        <v>47</v>
      </c>
      <c r="KM39" s="73">
        <v>63</v>
      </c>
    </row>
    <row r="40" spans="2:299" ht="21" customHeight="1" thickBot="1" x14ac:dyDescent="0.25">
      <c r="B40" s="127" t="s">
        <v>37</v>
      </c>
      <c r="C40" s="314">
        <v>0</v>
      </c>
      <c r="D40" s="87">
        <v>1</v>
      </c>
      <c r="E40" s="88">
        <v>1</v>
      </c>
      <c r="F40" s="242"/>
      <c r="G40" s="87">
        <v>1</v>
      </c>
      <c r="H40" s="87">
        <v>1</v>
      </c>
      <c r="I40" s="87">
        <v>2</v>
      </c>
      <c r="J40" s="87">
        <v>1</v>
      </c>
      <c r="K40" s="87">
        <v>0</v>
      </c>
      <c r="L40" s="89">
        <v>5</v>
      </c>
      <c r="M40" s="90">
        <v>6</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1</v>
      </c>
      <c r="AL40" s="76">
        <v>1</v>
      </c>
      <c r="AM40" s="245"/>
      <c r="AN40" s="75">
        <v>1</v>
      </c>
      <c r="AO40" s="75">
        <v>0</v>
      </c>
      <c r="AP40" s="75">
        <v>1</v>
      </c>
      <c r="AQ40" s="75">
        <v>0</v>
      </c>
      <c r="AR40" s="75">
        <v>0</v>
      </c>
      <c r="AS40" s="76">
        <v>2</v>
      </c>
      <c r="AT40" s="77">
        <v>3</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1</v>
      </c>
      <c r="BL40" s="75">
        <v>0</v>
      </c>
      <c r="BM40" s="75">
        <v>1</v>
      </c>
      <c r="BN40" s="75">
        <v>0</v>
      </c>
      <c r="BO40" s="76">
        <v>2</v>
      </c>
      <c r="BP40" s="77">
        <v>2</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1</v>
      </c>
      <c r="CR40" s="75">
        <v>1</v>
      </c>
      <c r="CS40" s="75">
        <v>2</v>
      </c>
      <c r="CT40" s="75">
        <v>1</v>
      </c>
      <c r="CU40" s="75">
        <v>0</v>
      </c>
      <c r="CV40" s="76">
        <v>5</v>
      </c>
      <c r="CW40" s="77">
        <v>6</v>
      </c>
      <c r="CX40" s="124">
        <v>0</v>
      </c>
      <c r="CY40" s="87">
        <v>0</v>
      </c>
      <c r="CZ40" s="88">
        <v>0</v>
      </c>
      <c r="DA40" s="242"/>
      <c r="DB40" s="87">
        <v>0</v>
      </c>
      <c r="DC40" s="87">
        <v>0</v>
      </c>
      <c r="DD40" s="87">
        <v>0</v>
      </c>
      <c r="DE40" s="87">
        <v>0</v>
      </c>
      <c r="DF40" s="87">
        <v>0</v>
      </c>
      <c r="DG40" s="89">
        <v>0</v>
      </c>
      <c r="DH40" s="90">
        <v>0</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0</v>
      </c>
      <c r="FU40" s="76">
        <v>0</v>
      </c>
      <c r="FV40" s="77">
        <v>0</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0</v>
      </c>
      <c r="GQ40" s="76">
        <v>0</v>
      </c>
      <c r="GR40" s="77">
        <v>0</v>
      </c>
      <c r="GS40" s="124">
        <v>0</v>
      </c>
      <c r="GT40" s="87">
        <v>1</v>
      </c>
      <c r="GU40" s="88">
        <v>1</v>
      </c>
      <c r="GV40" s="242"/>
      <c r="GW40" s="87">
        <v>1</v>
      </c>
      <c r="GX40" s="87">
        <v>1</v>
      </c>
      <c r="GY40" s="87">
        <v>2</v>
      </c>
      <c r="GZ40" s="87">
        <v>1</v>
      </c>
      <c r="HA40" s="87">
        <v>0</v>
      </c>
      <c r="HB40" s="89">
        <v>5</v>
      </c>
      <c r="HC40" s="90">
        <v>6</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1</v>
      </c>
      <c r="IB40" s="76">
        <v>1</v>
      </c>
      <c r="IC40" s="245"/>
      <c r="ID40" s="75">
        <v>1</v>
      </c>
      <c r="IE40" s="75">
        <v>0</v>
      </c>
      <c r="IF40" s="75">
        <v>1</v>
      </c>
      <c r="IG40" s="75">
        <v>0</v>
      </c>
      <c r="IH40" s="75">
        <v>0</v>
      </c>
      <c r="II40" s="76">
        <v>2</v>
      </c>
      <c r="IJ40" s="77">
        <v>3</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1</v>
      </c>
      <c r="JB40" s="75">
        <v>0</v>
      </c>
      <c r="JC40" s="75">
        <v>1</v>
      </c>
      <c r="JD40" s="75">
        <v>0</v>
      </c>
      <c r="JE40" s="76">
        <v>2</v>
      </c>
      <c r="JF40" s="77">
        <v>2</v>
      </c>
      <c r="JG40" s="74">
        <v>0</v>
      </c>
      <c r="JH40" s="75">
        <v>0</v>
      </c>
      <c r="JI40" s="76">
        <v>0</v>
      </c>
      <c r="JJ40" s="245"/>
      <c r="JK40" s="75">
        <v>0</v>
      </c>
      <c r="JL40" s="75">
        <v>0</v>
      </c>
      <c r="JM40" s="75">
        <v>0</v>
      </c>
      <c r="JN40" s="75">
        <v>0</v>
      </c>
      <c r="JO40" s="75">
        <v>0</v>
      </c>
      <c r="JP40" s="76">
        <v>0</v>
      </c>
      <c r="JQ40" s="77">
        <v>0</v>
      </c>
      <c r="JR40" s="74">
        <v>0</v>
      </c>
      <c r="JS40" s="75">
        <v>0</v>
      </c>
      <c r="JT40" s="76">
        <v>0</v>
      </c>
      <c r="JU40" s="245"/>
      <c r="JV40" s="75">
        <v>0</v>
      </c>
      <c r="JW40" s="75">
        <v>0</v>
      </c>
      <c r="JX40" s="75">
        <v>0</v>
      </c>
      <c r="JY40" s="75">
        <v>0</v>
      </c>
      <c r="JZ40" s="75">
        <v>0</v>
      </c>
      <c r="KA40" s="76">
        <v>0</v>
      </c>
      <c r="KB40" s="77">
        <v>0</v>
      </c>
      <c r="KC40" s="74">
        <v>0</v>
      </c>
      <c r="KD40" s="75">
        <v>1</v>
      </c>
      <c r="KE40" s="76">
        <v>1</v>
      </c>
      <c r="KF40" s="245"/>
      <c r="KG40" s="75">
        <v>1</v>
      </c>
      <c r="KH40" s="75">
        <v>1</v>
      </c>
      <c r="KI40" s="75">
        <v>2</v>
      </c>
      <c r="KJ40" s="75">
        <v>1</v>
      </c>
      <c r="KK40" s="75">
        <v>0</v>
      </c>
      <c r="KL40" s="76">
        <v>5</v>
      </c>
      <c r="KM40" s="77">
        <v>6</v>
      </c>
    </row>
    <row r="41" spans="2:299" ht="32.25" customHeight="1" x14ac:dyDescent="0.2">
      <c r="C41" s="308" t="s">
        <v>126</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21875" style="44" customWidth="1"/>
    <col min="2" max="2" width="10.7773437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5">
        <f>第１表!F2</f>
        <v>5</v>
      </c>
      <c r="G1" s="525"/>
      <c r="H1" s="248">
        <f>第１表!G2</f>
        <v>7</v>
      </c>
      <c r="I1" s="524">
        <f>H1</f>
        <v>7</v>
      </c>
      <c r="J1" s="524"/>
    </row>
    <row r="2" spans="2:299" ht="24" customHeight="1" thickBot="1" x14ac:dyDescent="0.25">
      <c r="B2" s="20" t="s">
        <v>152</v>
      </c>
    </row>
    <row r="3" spans="2:299" ht="21" customHeight="1" thickBot="1" x14ac:dyDescent="0.25">
      <c r="B3" s="511" t="s">
        <v>38</v>
      </c>
      <c r="C3" s="506" t="s">
        <v>96</v>
      </c>
      <c r="D3" s="506"/>
      <c r="E3" s="506"/>
      <c r="F3" s="506"/>
      <c r="G3" s="506"/>
      <c r="H3" s="506"/>
      <c r="I3" s="506"/>
      <c r="J3" s="506"/>
      <c r="K3" s="506"/>
      <c r="L3" s="506"/>
      <c r="M3" s="506"/>
      <c r="N3" s="506"/>
      <c r="O3" s="506"/>
      <c r="P3" s="506"/>
      <c r="Q3" s="506"/>
      <c r="R3" s="506"/>
      <c r="S3" s="506"/>
      <c r="T3" s="506"/>
      <c r="U3" s="506"/>
      <c r="V3" s="506"/>
      <c r="W3" s="506"/>
      <c r="X3" s="506"/>
      <c r="Y3" s="506"/>
      <c r="Z3" s="506"/>
      <c r="AA3" s="506"/>
      <c r="AB3" s="506"/>
      <c r="AC3" s="506"/>
      <c r="AD3" s="506"/>
      <c r="AE3" s="506"/>
      <c r="AF3" s="506"/>
      <c r="AG3" s="506"/>
      <c r="AH3" s="506"/>
      <c r="AI3" s="506"/>
      <c r="AJ3" s="506"/>
      <c r="AK3" s="506"/>
      <c r="AL3" s="506"/>
      <c r="AM3" s="506"/>
      <c r="AN3" s="506"/>
      <c r="AO3" s="506"/>
      <c r="AP3" s="506"/>
      <c r="AQ3" s="506"/>
      <c r="AR3" s="506"/>
      <c r="AS3" s="506"/>
      <c r="AT3" s="506"/>
      <c r="AU3" s="506"/>
      <c r="AV3" s="506"/>
      <c r="AW3" s="506"/>
      <c r="AX3" s="506"/>
      <c r="AY3" s="506"/>
      <c r="AZ3" s="506"/>
      <c r="BA3" s="506"/>
      <c r="BB3" s="506"/>
      <c r="BC3" s="506"/>
      <c r="BD3" s="506"/>
      <c r="BE3" s="506"/>
      <c r="BF3" s="506"/>
      <c r="BG3" s="506"/>
      <c r="BH3" s="506"/>
      <c r="BI3" s="506"/>
      <c r="BJ3" s="506"/>
      <c r="BK3" s="506"/>
      <c r="BL3" s="506"/>
      <c r="BM3" s="506"/>
      <c r="BN3" s="506"/>
      <c r="BO3" s="506"/>
      <c r="BP3" s="506"/>
      <c r="BQ3" s="506"/>
      <c r="BR3" s="506"/>
      <c r="BS3" s="506"/>
      <c r="BT3" s="506"/>
      <c r="BU3" s="506"/>
      <c r="BV3" s="506"/>
      <c r="BW3" s="506"/>
      <c r="BX3" s="506"/>
      <c r="BY3" s="506"/>
      <c r="BZ3" s="506"/>
      <c r="CA3" s="506"/>
      <c r="CB3" s="506"/>
      <c r="CC3" s="506"/>
      <c r="CD3" s="506"/>
      <c r="CE3" s="506"/>
      <c r="CF3" s="506"/>
      <c r="CG3" s="506"/>
      <c r="CH3" s="506"/>
      <c r="CI3" s="506"/>
      <c r="CJ3" s="506"/>
      <c r="CK3" s="506"/>
      <c r="CL3" s="506"/>
      <c r="CM3" s="506"/>
      <c r="CN3" s="506"/>
      <c r="CO3" s="506"/>
      <c r="CP3" s="506"/>
      <c r="CQ3" s="506"/>
      <c r="CR3" s="506"/>
      <c r="CS3" s="506"/>
      <c r="CT3" s="506"/>
      <c r="CU3" s="506"/>
      <c r="CV3" s="506"/>
      <c r="CW3" s="507"/>
      <c r="CX3" s="506" t="s">
        <v>103</v>
      </c>
      <c r="CY3" s="506"/>
      <c r="CZ3" s="506"/>
      <c r="DA3" s="506"/>
      <c r="DB3" s="506"/>
      <c r="DC3" s="506"/>
      <c r="DD3" s="506"/>
      <c r="DE3" s="506"/>
      <c r="DF3" s="506"/>
      <c r="DG3" s="506"/>
      <c r="DH3" s="506"/>
      <c r="DI3" s="506"/>
      <c r="DJ3" s="506"/>
      <c r="DK3" s="506"/>
      <c r="DL3" s="506"/>
      <c r="DM3" s="506"/>
      <c r="DN3" s="506"/>
      <c r="DO3" s="506"/>
      <c r="DP3" s="506"/>
      <c r="DQ3" s="506"/>
      <c r="DR3" s="506"/>
      <c r="DS3" s="506"/>
      <c r="DT3" s="506"/>
      <c r="DU3" s="506"/>
      <c r="DV3" s="506"/>
      <c r="DW3" s="506"/>
      <c r="DX3" s="506"/>
      <c r="DY3" s="506"/>
      <c r="DZ3" s="506"/>
      <c r="EA3" s="506"/>
      <c r="EB3" s="506"/>
      <c r="EC3" s="506"/>
      <c r="ED3" s="506"/>
      <c r="EE3" s="506"/>
      <c r="EF3" s="506"/>
      <c r="EG3" s="506"/>
      <c r="EH3" s="506"/>
      <c r="EI3" s="506"/>
      <c r="EJ3" s="506"/>
      <c r="EK3" s="506"/>
      <c r="EL3" s="506"/>
      <c r="EM3" s="506"/>
      <c r="EN3" s="506"/>
      <c r="EO3" s="506"/>
      <c r="EP3" s="506"/>
      <c r="EQ3" s="506"/>
      <c r="ER3" s="506"/>
      <c r="ES3" s="506"/>
      <c r="ET3" s="506"/>
      <c r="EU3" s="506"/>
      <c r="EV3" s="506"/>
      <c r="EW3" s="506"/>
      <c r="EX3" s="506"/>
      <c r="EY3" s="506"/>
      <c r="EZ3" s="506"/>
      <c r="FA3" s="506"/>
      <c r="FB3" s="506"/>
      <c r="FC3" s="506"/>
      <c r="FD3" s="506"/>
      <c r="FE3" s="506"/>
      <c r="FF3" s="506"/>
      <c r="FG3" s="506"/>
      <c r="FH3" s="506"/>
      <c r="FI3" s="506"/>
      <c r="FJ3" s="506"/>
      <c r="FK3" s="506"/>
      <c r="FL3" s="506"/>
      <c r="FM3" s="506"/>
      <c r="FN3" s="506"/>
      <c r="FO3" s="506"/>
      <c r="FP3" s="506"/>
      <c r="FQ3" s="506"/>
      <c r="FR3" s="506"/>
      <c r="FS3" s="506"/>
      <c r="FT3" s="506"/>
      <c r="FU3" s="506"/>
      <c r="FV3" s="506"/>
      <c r="FW3" s="506"/>
      <c r="FX3" s="506"/>
      <c r="FY3" s="506"/>
      <c r="FZ3" s="506"/>
      <c r="GA3" s="506"/>
      <c r="GB3" s="506"/>
      <c r="GC3" s="506"/>
      <c r="GD3" s="506"/>
      <c r="GE3" s="506"/>
      <c r="GF3" s="506"/>
      <c r="GG3" s="506"/>
      <c r="GH3" s="506"/>
      <c r="GI3" s="506"/>
      <c r="GJ3" s="506"/>
      <c r="GK3" s="506"/>
      <c r="GL3" s="506"/>
      <c r="GM3" s="506"/>
      <c r="GN3" s="506"/>
      <c r="GO3" s="506"/>
      <c r="GP3" s="506"/>
      <c r="GQ3" s="506"/>
      <c r="GR3" s="507"/>
      <c r="GS3" s="506" t="s">
        <v>104</v>
      </c>
      <c r="GT3" s="506"/>
      <c r="GU3" s="506"/>
      <c r="GV3" s="506"/>
      <c r="GW3" s="506"/>
      <c r="GX3" s="506"/>
      <c r="GY3" s="506"/>
      <c r="GZ3" s="506"/>
      <c r="HA3" s="506"/>
      <c r="HB3" s="506"/>
      <c r="HC3" s="506"/>
      <c r="HD3" s="506"/>
      <c r="HE3" s="506"/>
      <c r="HF3" s="506"/>
      <c r="HG3" s="506"/>
      <c r="HH3" s="506"/>
      <c r="HI3" s="506"/>
      <c r="HJ3" s="506"/>
      <c r="HK3" s="506"/>
      <c r="HL3" s="506"/>
      <c r="HM3" s="506"/>
      <c r="HN3" s="506"/>
      <c r="HO3" s="506"/>
      <c r="HP3" s="506"/>
      <c r="HQ3" s="506"/>
      <c r="HR3" s="506"/>
      <c r="HS3" s="506"/>
      <c r="HT3" s="506"/>
      <c r="HU3" s="506"/>
      <c r="HV3" s="506"/>
      <c r="HW3" s="506"/>
      <c r="HX3" s="506"/>
      <c r="HY3" s="506"/>
      <c r="HZ3" s="506"/>
      <c r="IA3" s="506"/>
      <c r="IB3" s="506"/>
      <c r="IC3" s="506"/>
      <c r="ID3" s="506"/>
      <c r="IE3" s="506"/>
      <c r="IF3" s="506"/>
      <c r="IG3" s="506"/>
      <c r="IH3" s="506"/>
      <c r="II3" s="506"/>
      <c r="IJ3" s="506"/>
      <c r="IK3" s="506"/>
      <c r="IL3" s="506"/>
      <c r="IM3" s="506"/>
      <c r="IN3" s="506"/>
      <c r="IO3" s="506"/>
      <c r="IP3" s="506"/>
      <c r="IQ3" s="506"/>
      <c r="IR3" s="506"/>
      <c r="IS3" s="506"/>
      <c r="IT3" s="506"/>
      <c r="IU3" s="506"/>
      <c r="IV3" s="506"/>
      <c r="IW3" s="506"/>
      <c r="IX3" s="506"/>
      <c r="IY3" s="506"/>
      <c r="IZ3" s="506"/>
      <c r="JA3" s="506"/>
      <c r="JB3" s="506"/>
      <c r="JC3" s="506"/>
      <c r="JD3" s="506"/>
      <c r="JE3" s="506"/>
      <c r="JF3" s="506"/>
      <c r="JG3" s="506"/>
      <c r="JH3" s="506"/>
      <c r="JI3" s="506"/>
      <c r="JJ3" s="506"/>
      <c r="JK3" s="506"/>
      <c r="JL3" s="506"/>
      <c r="JM3" s="506"/>
      <c r="JN3" s="506"/>
      <c r="JO3" s="506"/>
      <c r="JP3" s="506"/>
      <c r="JQ3" s="506"/>
      <c r="JR3" s="506"/>
      <c r="JS3" s="506"/>
      <c r="JT3" s="506"/>
      <c r="JU3" s="506"/>
      <c r="JV3" s="506"/>
      <c r="JW3" s="506"/>
      <c r="JX3" s="506"/>
      <c r="JY3" s="506"/>
      <c r="JZ3" s="506"/>
      <c r="KA3" s="506"/>
      <c r="KB3" s="506"/>
      <c r="KC3" s="506"/>
      <c r="KD3" s="506"/>
      <c r="KE3" s="506"/>
      <c r="KF3" s="506"/>
      <c r="KG3" s="506"/>
      <c r="KH3" s="506"/>
      <c r="KI3" s="506"/>
      <c r="KJ3" s="506"/>
      <c r="KK3" s="506"/>
      <c r="KL3" s="506"/>
      <c r="KM3" s="507"/>
    </row>
    <row r="4" spans="2:299" ht="21" customHeight="1" thickBot="1" x14ac:dyDescent="0.25">
      <c r="B4" s="523"/>
      <c r="C4" s="508" t="s">
        <v>39</v>
      </c>
      <c r="D4" s="509"/>
      <c r="E4" s="509"/>
      <c r="F4" s="509"/>
      <c r="G4" s="509"/>
      <c r="H4" s="509"/>
      <c r="I4" s="509"/>
      <c r="J4" s="509"/>
      <c r="K4" s="509"/>
      <c r="L4" s="509"/>
      <c r="M4" s="509"/>
      <c r="N4" s="509"/>
      <c r="O4" s="509"/>
      <c r="P4" s="509"/>
      <c r="Q4" s="509"/>
      <c r="R4" s="509"/>
      <c r="S4" s="509"/>
      <c r="T4" s="509"/>
      <c r="U4" s="509"/>
      <c r="V4" s="509"/>
      <c r="W4" s="509"/>
      <c r="X4" s="509"/>
      <c r="Y4" s="509"/>
      <c r="Z4" s="509"/>
      <c r="AA4" s="509"/>
      <c r="AB4" s="509"/>
      <c r="AC4" s="509"/>
      <c r="AD4" s="509"/>
      <c r="AE4" s="509"/>
      <c r="AF4" s="509"/>
      <c r="AG4" s="509"/>
      <c r="AH4" s="509"/>
      <c r="AI4" s="509"/>
      <c r="AJ4" s="509"/>
      <c r="AK4" s="509"/>
      <c r="AL4" s="509"/>
      <c r="AM4" s="509"/>
      <c r="AN4" s="509"/>
      <c r="AO4" s="509"/>
      <c r="AP4" s="509"/>
      <c r="AQ4" s="509"/>
      <c r="AR4" s="509"/>
      <c r="AS4" s="509"/>
      <c r="AT4" s="509"/>
      <c r="AU4" s="509"/>
      <c r="AV4" s="509"/>
      <c r="AW4" s="509"/>
      <c r="AX4" s="509"/>
      <c r="AY4" s="509"/>
      <c r="AZ4" s="509"/>
      <c r="BA4" s="509"/>
      <c r="BB4" s="509"/>
      <c r="BC4" s="509"/>
      <c r="BD4" s="509"/>
      <c r="BE4" s="509"/>
      <c r="BF4" s="509"/>
      <c r="BG4" s="509"/>
      <c r="BH4" s="509"/>
      <c r="BI4" s="509"/>
      <c r="BJ4" s="509"/>
      <c r="BK4" s="509"/>
      <c r="BL4" s="509"/>
      <c r="BM4" s="509"/>
      <c r="BN4" s="509"/>
      <c r="BO4" s="509"/>
      <c r="BP4" s="509"/>
      <c r="BQ4" s="509"/>
      <c r="BR4" s="509"/>
      <c r="BS4" s="509"/>
      <c r="BT4" s="509"/>
      <c r="BU4" s="509"/>
      <c r="BV4" s="509"/>
      <c r="BW4" s="509"/>
      <c r="BX4" s="509"/>
      <c r="BY4" s="509"/>
      <c r="BZ4" s="509"/>
      <c r="CA4" s="510"/>
      <c r="CB4" s="511" t="s">
        <v>40</v>
      </c>
      <c r="CC4" s="512"/>
      <c r="CD4" s="512"/>
      <c r="CE4" s="512"/>
      <c r="CF4" s="512"/>
      <c r="CG4" s="512"/>
      <c r="CH4" s="512"/>
      <c r="CI4" s="512"/>
      <c r="CJ4" s="512"/>
      <c r="CK4" s="512"/>
      <c r="CL4" s="513"/>
      <c r="CM4" s="511" t="s">
        <v>41</v>
      </c>
      <c r="CN4" s="512"/>
      <c r="CO4" s="512"/>
      <c r="CP4" s="512"/>
      <c r="CQ4" s="512"/>
      <c r="CR4" s="512"/>
      <c r="CS4" s="512"/>
      <c r="CT4" s="512"/>
      <c r="CU4" s="512"/>
      <c r="CV4" s="512"/>
      <c r="CW4" s="513"/>
      <c r="CX4" s="508" t="s">
        <v>39</v>
      </c>
      <c r="CY4" s="509"/>
      <c r="CZ4" s="509"/>
      <c r="DA4" s="509"/>
      <c r="DB4" s="509"/>
      <c r="DC4" s="509"/>
      <c r="DD4" s="509"/>
      <c r="DE4" s="509"/>
      <c r="DF4" s="509"/>
      <c r="DG4" s="509"/>
      <c r="DH4" s="509"/>
      <c r="DI4" s="509"/>
      <c r="DJ4" s="509"/>
      <c r="DK4" s="509"/>
      <c r="DL4" s="509"/>
      <c r="DM4" s="509"/>
      <c r="DN4" s="509"/>
      <c r="DO4" s="509"/>
      <c r="DP4" s="509"/>
      <c r="DQ4" s="509"/>
      <c r="DR4" s="509"/>
      <c r="DS4" s="509"/>
      <c r="DT4" s="509"/>
      <c r="DU4" s="509"/>
      <c r="DV4" s="509"/>
      <c r="DW4" s="509"/>
      <c r="DX4" s="509"/>
      <c r="DY4" s="509"/>
      <c r="DZ4" s="509"/>
      <c r="EA4" s="509"/>
      <c r="EB4" s="509"/>
      <c r="EC4" s="509"/>
      <c r="ED4" s="509"/>
      <c r="EE4" s="509"/>
      <c r="EF4" s="509"/>
      <c r="EG4" s="509"/>
      <c r="EH4" s="509"/>
      <c r="EI4" s="509"/>
      <c r="EJ4" s="509"/>
      <c r="EK4" s="509"/>
      <c r="EL4" s="509"/>
      <c r="EM4" s="509"/>
      <c r="EN4" s="509"/>
      <c r="EO4" s="509"/>
      <c r="EP4" s="509"/>
      <c r="EQ4" s="509"/>
      <c r="ER4" s="509"/>
      <c r="ES4" s="509"/>
      <c r="ET4" s="509"/>
      <c r="EU4" s="509"/>
      <c r="EV4" s="509"/>
      <c r="EW4" s="509"/>
      <c r="EX4" s="509"/>
      <c r="EY4" s="509"/>
      <c r="EZ4" s="509"/>
      <c r="FA4" s="509"/>
      <c r="FB4" s="509"/>
      <c r="FC4" s="509"/>
      <c r="FD4" s="509"/>
      <c r="FE4" s="509"/>
      <c r="FF4" s="509"/>
      <c r="FG4" s="509"/>
      <c r="FH4" s="509"/>
      <c r="FI4" s="509"/>
      <c r="FJ4" s="509"/>
      <c r="FK4" s="509"/>
      <c r="FL4" s="509"/>
      <c r="FM4" s="509"/>
      <c r="FN4" s="509"/>
      <c r="FO4" s="509"/>
      <c r="FP4" s="509"/>
      <c r="FQ4" s="509"/>
      <c r="FR4" s="509"/>
      <c r="FS4" s="509"/>
      <c r="FT4" s="509"/>
      <c r="FU4" s="509"/>
      <c r="FV4" s="510"/>
      <c r="FW4" s="511" t="s">
        <v>40</v>
      </c>
      <c r="FX4" s="512"/>
      <c r="FY4" s="512"/>
      <c r="FZ4" s="512"/>
      <c r="GA4" s="512"/>
      <c r="GB4" s="512"/>
      <c r="GC4" s="512"/>
      <c r="GD4" s="512"/>
      <c r="GE4" s="512"/>
      <c r="GF4" s="512"/>
      <c r="GG4" s="513"/>
      <c r="GH4" s="511" t="s">
        <v>41</v>
      </c>
      <c r="GI4" s="512"/>
      <c r="GJ4" s="512"/>
      <c r="GK4" s="512"/>
      <c r="GL4" s="512"/>
      <c r="GM4" s="512"/>
      <c r="GN4" s="512"/>
      <c r="GO4" s="512"/>
      <c r="GP4" s="512"/>
      <c r="GQ4" s="512"/>
      <c r="GR4" s="513"/>
      <c r="GS4" s="508" t="s">
        <v>39</v>
      </c>
      <c r="GT4" s="509"/>
      <c r="GU4" s="509"/>
      <c r="GV4" s="509"/>
      <c r="GW4" s="509"/>
      <c r="GX4" s="509"/>
      <c r="GY4" s="509"/>
      <c r="GZ4" s="509"/>
      <c r="HA4" s="509"/>
      <c r="HB4" s="509"/>
      <c r="HC4" s="509"/>
      <c r="HD4" s="509"/>
      <c r="HE4" s="509"/>
      <c r="HF4" s="509"/>
      <c r="HG4" s="509"/>
      <c r="HH4" s="509"/>
      <c r="HI4" s="509"/>
      <c r="HJ4" s="509"/>
      <c r="HK4" s="509"/>
      <c r="HL4" s="509"/>
      <c r="HM4" s="509"/>
      <c r="HN4" s="509"/>
      <c r="HO4" s="509"/>
      <c r="HP4" s="509"/>
      <c r="HQ4" s="509"/>
      <c r="HR4" s="509"/>
      <c r="HS4" s="509"/>
      <c r="HT4" s="509"/>
      <c r="HU4" s="509"/>
      <c r="HV4" s="509"/>
      <c r="HW4" s="509"/>
      <c r="HX4" s="509"/>
      <c r="HY4" s="509"/>
      <c r="HZ4" s="509"/>
      <c r="IA4" s="509"/>
      <c r="IB4" s="509"/>
      <c r="IC4" s="509"/>
      <c r="ID4" s="509"/>
      <c r="IE4" s="509"/>
      <c r="IF4" s="509"/>
      <c r="IG4" s="509"/>
      <c r="IH4" s="509"/>
      <c r="II4" s="509"/>
      <c r="IJ4" s="509"/>
      <c r="IK4" s="509"/>
      <c r="IL4" s="509"/>
      <c r="IM4" s="509"/>
      <c r="IN4" s="509"/>
      <c r="IO4" s="509"/>
      <c r="IP4" s="509"/>
      <c r="IQ4" s="509"/>
      <c r="IR4" s="509"/>
      <c r="IS4" s="509"/>
      <c r="IT4" s="509"/>
      <c r="IU4" s="509"/>
      <c r="IV4" s="509"/>
      <c r="IW4" s="509"/>
      <c r="IX4" s="509"/>
      <c r="IY4" s="509"/>
      <c r="IZ4" s="509"/>
      <c r="JA4" s="509"/>
      <c r="JB4" s="509"/>
      <c r="JC4" s="509"/>
      <c r="JD4" s="509"/>
      <c r="JE4" s="509"/>
      <c r="JF4" s="509"/>
      <c r="JG4" s="509"/>
      <c r="JH4" s="509"/>
      <c r="JI4" s="509"/>
      <c r="JJ4" s="509"/>
      <c r="JK4" s="509"/>
      <c r="JL4" s="509"/>
      <c r="JM4" s="509"/>
      <c r="JN4" s="509"/>
      <c r="JO4" s="509"/>
      <c r="JP4" s="509"/>
      <c r="JQ4" s="510"/>
      <c r="JR4" s="511" t="s">
        <v>40</v>
      </c>
      <c r="JS4" s="512"/>
      <c r="JT4" s="512"/>
      <c r="JU4" s="512"/>
      <c r="JV4" s="512"/>
      <c r="JW4" s="512"/>
      <c r="JX4" s="512"/>
      <c r="JY4" s="512"/>
      <c r="JZ4" s="512"/>
      <c r="KA4" s="512"/>
      <c r="KB4" s="513"/>
      <c r="KC4" s="511" t="s">
        <v>41</v>
      </c>
      <c r="KD4" s="512"/>
      <c r="KE4" s="512"/>
      <c r="KF4" s="512"/>
      <c r="KG4" s="512"/>
      <c r="KH4" s="512"/>
      <c r="KI4" s="512"/>
      <c r="KJ4" s="512"/>
      <c r="KK4" s="512"/>
      <c r="KL4" s="512"/>
      <c r="KM4" s="513"/>
    </row>
    <row r="5" spans="2:299" ht="21" customHeight="1" thickBot="1" x14ac:dyDescent="0.25">
      <c r="B5" s="517"/>
      <c r="C5" s="517"/>
      <c r="D5" s="518"/>
      <c r="E5" s="518"/>
      <c r="F5" s="518"/>
      <c r="G5" s="518"/>
      <c r="H5" s="518"/>
      <c r="I5" s="518"/>
      <c r="J5" s="518"/>
      <c r="K5" s="518"/>
      <c r="L5" s="518"/>
      <c r="M5" s="519"/>
      <c r="N5" s="520" t="s">
        <v>97</v>
      </c>
      <c r="O5" s="521"/>
      <c r="P5" s="521"/>
      <c r="Q5" s="521"/>
      <c r="R5" s="521"/>
      <c r="S5" s="521"/>
      <c r="T5" s="521"/>
      <c r="U5" s="521"/>
      <c r="V5" s="521"/>
      <c r="W5" s="521"/>
      <c r="X5" s="522"/>
      <c r="Y5" s="520" t="s">
        <v>98</v>
      </c>
      <c r="Z5" s="521"/>
      <c r="AA5" s="521"/>
      <c r="AB5" s="521"/>
      <c r="AC5" s="521"/>
      <c r="AD5" s="521"/>
      <c r="AE5" s="521"/>
      <c r="AF5" s="521"/>
      <c r="AG5" s="521"/>
      <c r="AH5" s="521"/>
      <c r="AI5" s="522"/>
      <c r="AJ5" s="520" t="s">
        <v>99</v>
      </c>
      <c r="AK5" s="521"/>
      <c r="AL5" s="521"/>
      <c r="AM5" s="521"/>
      <c r="AN5" s="521"/>
      <c r="AO5" s="521"/>
      <c r="AP5" s="521"/>
      <c r="AQ5" s="521"/>
      <c r="AR5" s="521"/>
      <c r="AS5" s="521"/>
      <c r="AT5" s="522"/>
      <c r="AU5" s="520" t="s">
        <v>100</v>
      </c>
      <c r="AV5" s="521"/>
      <c r="AW5" s="521"/>
      <c r="AX5" s="521"/>
      <c r="AY5" s="521"/>
      <c r="AZ5" s="521"/>
      <c r="BA5" s="521"/>
      <c r="BB5" s="521"/>
      <c r="BC5" s="521"/>
      <c r="BD5" s="521"/>
      <c r="BE5" s="522"/>
      <c r="BF5" s="520" t="s">
        <v>101</v>
      </c>
      <c r="BG5" s="521"/>
      <c r="BH5" s="521"/>
      <c r="BI5" s="521"/>
      <c r="BJ5" s="521"/>
      <c r="BK5" s="521"/>
      <c r="BL5" s="521"/>
      <c r="BM5" s="521"/>
      <c r="BN5" s="521"/>
      <c r="BO5" s="521"/>
      <c r="BP5" s="522"/>
      <c r="BQ5" s="520" t="s">
        <v>102</v>
      </c>
      <c r="BR5" s="521"/>
      <c r="BS5" s="521"/>
      <c r="BT5" s="521"/>
      <c r="BU5" s="521"/>
      <c r="BV5" s="521"/>
      <c r="BW5" s="521"/>
      <c r="BX5" s="521"/>
      <c r="BY5" s="521"/>
      <c r="BZ5" s="521"/>
      <c r="CA5" s="522"/>
      <c r="CB5" s="514"/>
      <c r="CC5" s="515"/>
      <c r="CD5" s="515"/>
      <c r="CE5" s="515"/>
      <c r="CF5" s="515"/>
      <c r="CG5" s="515"/>
      <c r="CH5" s="515"/>
      <c r="CI5" s="515"/>
      <c r="CJ5" s="515"/>
      <c r="CK5" s="515"/>
      <c r="CL5" s="516"/>
      <c r="CM5" s="514"/>
      <c r="CN5" s="515"/>
      <c r="CO5" s="515"/>
      <c r="CP5" s="515"/>
      <c r="CQ5" s="515"/>
      <c r="CR5" s="515"/>
      <c r="CS5" s="515"/>
      <c r="CT5" s="515"/>
      <c r="CU5" s="515"/>
      <c r="CV5" s="515"/>
      <c r="CW5" s="516"/>
      <c r="CX5" s="517"/>
      <c r="CY5" s="518"/>
      <c r="CZ5" s="518"/>
      <c r="DA5" s="518"/>
      <c r="DB5" s="518"/>
      <c r="DC5" s="518"/>
      <c r="DD5" s="518"/>
      <c r="DE5" s="518"/>
      <c r="DF5" s="518"/>
      <c r="DG5" s="518"/>
      <c r="DH5" s="519"/>
      <c r="DI5" s="520" t="s">
        <v>97</v>
      </c>
      <c r="DJ5" s="521"/>
      <c r="DK5" s="521"/>
      <c r="DL5" s="521"/>
      <c r="DM5" s="521"/>
      <c r="DN5" s="521"/>
      <c r="DO5" s="521"/>
      <c r="DP5" s="521"/>
      <c r="DQ5" s="521"/>
      <c r="DR5" s="521"/>
      <c r="DS5" s="522"/>
      <c r="DT5" s="520" t="s">
        <v>98</v>
      </c>
      <c r="DU5" s="521"/>
      <c r="DV5" s="521"/>
      <c r="DW5" s="521"/>
      <c r="DX5" s="521"/>
      <c r="DY5" s="521"/>
      <c r="DZ5" s="521"/>
      <c r="EA5" s="521"/>
      <c r="EB5" s="521"/>
      <c r="EC5" s="521"/>
      <c r="ED5" s="522"/>
      <c r="EE5" s="520" t="s">
        <v>99</v>
      </c>
      <c r="EF5" s="521"/>
      <c r="EG5" s="521"/>
      <c r="EH5" s="521"/>
      <c r="EI5" s="521"/>
      <c r="EJ5" s="521"/>
      <c r="EK5" s="521"/>
      <c r="EL5" s="521"/>
      <c r="EM5" s="521"/>
      <c r="EN5" s="521"/>
      <c r="EO5" s="522"/>
      <c r="EP5" s="520" t="s">
        <v>100</v>
      </c>
      <c r="EQ5" s="521"/>
      <c r="ER5" s="521"/>
      <c r="ES5" s="521"/>
      <c r="ET5" s="521"/>
      <c r="EU5" s="521"/>
      <c r="EV5" s="521"/>
      <c r="EW5" s="521"/>
      <c r="EX5" s="521"/>
      <c r="EY5" s="521"/>
      <c r="EZ5" s="522"/>
      <c r="FA5" s="520" t="s">
        <v>101</v>
      </c>
      <c r="FB5" s="521"/>
      <c r="FC5" s="521"/>
      <c r="FD5" s="521"/>
      <c r="FE5" s="521"/>
      <c r="FF5" s="521"/>
      <c r="FG5" s="521"/>
      <c r="FH5" s="521"/>
      <c r="FI5" s="521"/>
      <c r="FJ5" s="521"/>
      <c r="FK5" s="522"/>
      <c r="FL5" s="520" t="s">
        <v>102</v>
      </c>
      <c r="FM5" s="521"/>
      <c r="FN5" s="521"/>
      <c r="FO5" s="521"/>
      <c r="FP5" s="521"/>
      <c r="FQ5" s="521"/>
      <c r="FR5" s="521"/>
      <c r="FS5" s="521"/>
      <c r="FT5" s="521"/>
      <c r="FU5" s="521"/>
      <c r="FV5" s="522"/>
      <c r="FW5" s="514"/>
      <c r="FX5" s="515"/>
      <c r="FY5" s="515"/>
      <c r="FZ5" s="515"/>
      <c r="GA5" s="515"/>
      <c r="GB5" s="515"/>
      <c r="GC5" s="515"/>
      <c r="GD5" s="515"/>
      <c r="GE5" s="515"/>
      <c r="GF5" s="515"/>
      <c r="GG5" s="516"/>
      <c r="GH5" s="514"/>
      <c r="GI5" s="515"/>
      <c r="GJ5" s="515"/>
      <c r="GK5" s="515"/>
      <c r="GL5" s="515"/>
      <c r="GM5" s="515"/>
      <c r="GN5" s="515"/>
      <c r="GO5" s="515"/>
      <c r="GP5" s="515"/>
      <c r="GQ5" s="515"/>
      <c r="GR5" s="516"/>
      <c r="GS5" s="517"/>
      <c r="GT5" s="518"/>
      <c r="GU5" s="518"/>
      <c r="GV5" s="518"/>
      <c r="GW5" s="518"/>
      <c r="GX5" s="518"/>
      <c r="GY5" s="518"/>
      <c r="GZ5" s="518"/>
      <c r="HA5" s="518"/>
      <c r="HB5" s="518"/>
      <c r="HC5" s="519"/>
      <c r="HD5" s="520" t="s">
        <v>97</v>
      </c>
      <c r="HE5" s="521"/>
      <c r="HF5" s="521"/>
      <c r="HG5" s="521"/>
      <c r="HH5" s="521"/>
      <c r="HI5" s="521"/>
      <c r="HJ5" s="521"/>
      <c r="HK5" s="521"/>
      <c r="HL5" s="521"/>
      <c r="HM5" s="521"/>
      <c r="HN5" s="522"/>
      <c r="HO5" s="520" t="s">
        <v>98</v>
      </c>
      <c r="HP5" s="521"/>
      <c r="HQ5" s="521"/>
      <c r="HR5" s="521"/>
      <c r="HS5" s="521"/>
      <c r="HT5" s="521"/>
      <c r="HU5" s="521"/>
      <c r="HV5" s="521"/>
      <c r="HW5" s="521"/>
      <c r="HX5" s="521"/>
      <c r="HY5" s="522"/>
      <c r="HZ5" s="520" t="s">
        <v>99</v>
      </c>
      <c r="IA5" s="521"/>
      <c r="IB5" s="521"/>
      <c r="IC5" s="521"/>
      <c r="ID5" s="521"/>
      <c r="IE5" s="521"/>
      <c r="IF5" s="521"/>
      <c r="IG5" s="521"/>
      <c r="IH5" s="521"/>
      <c r="II5" s="521"/>
      <c r="IJ5" s="522"/>
      <c r="IK5" s="520" t="s">
        <v>100</v>
      </c>
      <c r="IL5" s="521"/>
      <c r="IM5" s="521"/>
      <c r="IN5" s="521"/>
      <c r="IO5" s="521"/>
      <c r="IP5" s="521"/>
      <c r="IQ5" s="521"/>
      <c r="IR5" s="521"/>
      <c r="IS5" s="521"/>
      <c r="IT5" s="521"/>
      <c r="IU5" s="522"/>
      <c r="IV5" s="520" t="s">
        <v>101</v>
      </c>
      <c r="IW5" s="521"/>
      <c r="IX5" s="521"/>
      <c r="IY5" s="521"/>
      <c r="IZ5" s="521"/>
      <c r="JA5" s="521"/>
      <c r="JB5" s="521"/>
      <c r="JC5" s="521"/>
      <c r="JD5" s="521"/>
      <c r="JE5" s="521"/>
      <c r="JF5" s="522"/>
      <c r="JG5" s="520" t="s">
        <v>102</v>
      </c>
      <c r="JH5" s="521"/>
      <c r="JI5" s="521"/>
      <c r="JJ5" s="521"/>
      <c r="JK5" s="521"/>
      <c r="JL5" s="521"/>
      <c r="JM5" s="521"/>
      <c r="JN5" s="521"/>
      <c r="JO5" s="521"/>
      <c r="JP5" s="521"/>
      <c r="JQ5" s="522"/>
      <c r="JR5" s="514"/>
      <c r="JS5" s="515"/>
      <c r="JT5" s="515"/>
      <c r="JU5" s="515"/>
      <c r="JV5" s="515"/>
      <c r="JW5" s="515"/>
      <c r="JX5" s="515"/>
      <c r="JY5" s="515"/>
      <c r="JZ5" s="515"/>
      <c r="KA5" s="515"/>
      <c r="KB5" s="516"/>
      <c r="KC5" s="514"/>
      <c r="KD5" s="515"/>
      <c r="KE5" s="515"/>
      <c r="KF5" s="515"/>
      <c r="KG5" s="515"/>
      <c r="KH5" s="515"/>
      <c r="KI5" s="515"/>
      <c r="KJ5" s="515"/>
      <c r="KK5" s="515"/>
      <c r="KL5" s="515"/>
      <c r="KM5" s="516"/>
    </row>
    <row r="6" spans="2:299" ht="30" customHeight="1" thickBot="1" x14ac:dyDescent="0.25">
      <c r="B6" s="351" t="s">
        <v>42</v>
      </c>
      <c r="C6" s="51" t="s">
        <v>43</v>
      </c>
      <c r="D6" s="47" t="s">
        <v>44</v>
      </c>
      <c r="E6" s="48" t="s">
        <v>45</v>
      </c>
      <c r="F6" s="52" t="s">
        <v>46</v>
      </c>
      <c r="G6" s="47" t="s">
        <v>47</v>
      </c>
      <c r="H6" s="47" t="s">
        <v>48</v>
      </c>
      <c r="I6" s="47" t="s">
        <v>49</v>
      </c>
      <c r="J6" s="47" t="s">
        <v>50</v>
      </c>
      <c r="K6" s="47" t="s">
        <v>51</v>
      </c>
      <c r="L6" s="48" t="s">
        <v>45</v>
      </c>
      <c r="M6" s="349" t="s">
        <v>52</v>
      </c>
      <c r="N6" s="354" t="s">
        <v>43</v>
      </c>
      <c r="O6" s="355" t="s">
        <v>44</v>
      </c>
      <c r="P6" s="356" t="s">
        <v>45</v>
      </c>
      <c r="Q6" s="357" t="s">
        <v>46</v>
      </c>
      <c r="R6" s="355" t="s">
        <v>47</v>
      </c>
      <c r="S6" s="355" t="s">
        <v>48</v>
      </c>
      <c r="T6" s="355" t="s">
        <v>49</v>
      </c>
      <c r="U6" s="355" t="s">
        <v>50</v>
      </c>
      <c r="V6" s="355" t="s">
        <v>51</v>
      </c>
      <c r="W6" s="356" t="s">
        <v>45</v>
      </c>
      <c r="X6" s="353" t="s">
        <v>52</v>
      </c>
      <c r="Y6" s="354" t="s">
        <v>43</v>
      </c>
      <c r="Z6" s="355" t="s">
        <v>44</v>
      </c>
      <c r="AA6" s="356" t="s">
        <v>45</v>
      </c>
      <c r="AB6" s="357" t="s">
        <v>46</v>
      </c>
      <c r="AC6" s="355" t="s">
        <v>47</v>
      </c>
      <c r="AD6" s="355" t="s">
        <v>48</v>
      </c>
      <c r="AE6" s="355" t="s">
        <v>49</v>
      </c>
      <c r="AF6" s="355" t="s">
        <v>50</v>
      </c>
      <c r="AG6" s="355" t="s">
        <v>51</v>
      </c>
      <c r="AH6" s="356" t="s">
        <v>45</v>
      </c>
      <c r="AI6" s="358" t="s">
        <v>52</v>
      </c>
      <c r="AJ6" s="354" t="s">
        <v>43</v>
      </c>
      <c r="AK6" s="355" t="s">
        <v>44</v>
      </c>
      <c r="AL6" s="356" t="s">
        <v>45</v>
      </c>
      <c r="AM6" s="357" t="s">
        <v>46</v>
      </c>
      <c r="AN6" s="355" t="s">
        <v>47</v>
      </c>
      <c r="AO6" s="355" t="s">
        <v>48</v>
      </c>
      <c r="AP6" s="355" t="s">
        <v>49</v>
      </c>
      <c r="AQ6" s="355" t="s">
        <v>50</v>
      </c>
      <c r="AR6" s="355" t="s">
        <v>51</v>
      </c>
      <c r="AS6" s="356" t="s">
        <v>45</v>
      </c>
      <c r="AT6" s="358" t="s">
        <v>52</v>
      </c>
      <c r="AU6" s="354" t="s">
        <v>43</v>
      </c>
      <c r="AV6" s="355" t="s">
        <v>44</v>
      </c>
      <c r="AW6" s="356" t="s">
        <v>45</v>
      </c>
      <c r="AX6" s="357" t="s">
        <v>46</v>
      </c>
      <c r="AY6" s="355" t="s">
        <v>47</v>
      </c>
      <c r="AZ6" s="355" t="s">
        <v>48</v>
      </c>
      <c r="BA6" s="355" t="s">
        <v>49</v>
      </c>
      <c r="BB6" s="355" t="s">
        <v>50</v>
      </c>
      <c r="BC6" s="355" t="s">
        <v>51</v>
      </c>
      <c r="BD6" s="356" t="s">
        <v>45</v>
      </c>
      <c r="BE6" s="358" t="s">
        <v>52</v>
      </c>
      <c r="BF6" s="354" t="s">
        <v>43</v>
      </c>
      <c r="BG6" s="355" t="s">
        <v>44</v>
      </c>
      <c r="BH6" s="356" t="s">
        <v>45</v>
      </c>
      <c r="BI6" s="357" t="s">
        <v>46</v>
      </c>
      <c r="BJ6" s="355" t="s">
        <v>47</v>
      </c>
      <c r="BK6" s="355" t="s">
        <v>48</v>
      </c>
      <c r="BL6" s="355" t="s">
        <v>49</v>
      </c>
      <c r="BM6" s="355" t="s">
        <v>50</v>
      </c>
      <c r="BN6" s="355" t="s">
        <v>51</v>
      </c>
      <c r="BO6" s="356" t="s">
        <v>45</v>
      </c>
      <c r="BP6" s="358" t="s">
        <v>52</v>
      </c>
      <c r="BQ6" s="354" t="s">
        <v>43</v>
      </c>
      <c r="BR6" s="355" t="s">
        <v>44</v>
      </c>
      <c r="BS6" s="356" t="s">
        <v>45</v>
      </c>
      <c r="BT6" s="357" t="s">
        <v>46</v>
      </c>
      <c r="BU6" s="355" t="s">
        <v>47</v>
      </c>
      <c r="BV6" s="355" t="s">
        <v>48</v>
      </c>
      <c r="BW6" s="355" t="s">
        <v>49</v>
      </c>
      <c r="BX6" s="355" t="s">
        <v>50</v>
      </c>
      <c r="BY6" s="355" t="s">
        <v>51</v>
      </c>
      <c r="BZ6" s="356" t="s">
        <v>45</v>
      </c>
      <c r="CA6" s="358" t="s">
        <v>52</v>
      </c>
      <c r="CB6" s="354" t="s">
        <v>43</v>
      </c>
      <c r="CC6" s="355" t="s">
        <v>44</v>
      </c>
      <c r="CD6" s="356" t="s">
        <v>45</v>
      </c>
      <c r="CE6" s="357" t="s">
        <v>46</v>
      </c>
      <c r="CF6" s="355" t="s">
        <v>47</v>
      </c>
      <c r="CG6" s="355" t="s">
        <v>48</v>
      </c>
      <c r="CH6" s="355" t="s">
        <v>49</v>
      </c>
      <c r="CI6" s="355" t="s">
        <v>50</v>
      </c>
      <c r="CJ6" s="355" t="s">
        <v>51</v>
      </c>
      <c r="CK6" s="356" t="s">
        <v>45</v>
      </c>
      <c r="CL6" s="358" t="s">
        <v>52</v>
      </c>
      <c r="CM6" s="354" t="s">
        <v>43</v>
      </c>
      <c r="CN6" s="355" t="s">
        <v>44</v>
      </c>
      <c r="CO6" s="356" t="s">
        <v>45</v>
      </c>
      <c r="CP6" s="357" t="s">
        <v>46</v>
      </c>
      <c r="CQ6" s="355" t="s">
        <v>47</v>
      </c>
      <c r="CR6" s="355" t="s">
        <v>48</v>
      </c>
      <c r="CS6" s="355" t="s">
        <v>49</v>
      </c>
      <c r="CT6" s="355" t="s">
        <v>50</v>
      </c>
      <c r="CU6" s="355" t="s">
        <v>51</v>
      </c>
      <c r="CV6" s="356" t="s">
        <v>45</v>
      </c>
      <c r="CW6" s="358" t="s">
        <v>52</v>
      </c>
      <c r="CX6" s="51" t="s">
        <v>43</v>
      </c>
      <c r="CY6" s="47" t="s">
        <v>44</v>
      </c>
      <c r="CZ6" s="48" t="s">
        <v>45</v>
      </c>
      <c r="DA6" s="52" t="s">
        <v>46</v>
      </c>
      <c r="DB6" s="47" t="s">
        <v>47</v>
      </c>
      <c r="DC6" s="47" t="s">
        <v>48</v>
      </c>
      <c r="DD6" s="47" t="s">
        <v>49</v>
      </c>
      <c r="DE6" s="47" t="s">
        <v>50</v>
      </c>
      <c r="DF6" s="47" t="s">
        <v>51</v>
      </c>
      <c r="DG6" s="48" t="s">
        <v>45</v>
      </c>
      <c r="DH6" s="349" t="s">
        <v>52</v>
      </c>
      <c r="DI6" s="354" t="s">
        <v>43</v>
      </c>
      <c r="DJ6" s="355" t="s">
        <v>44</v>
      </c>
      <c r="DK6" s="356" t="s">
        <v>45</v>
      </c>
      <c r="DL6" s="357" t="s">
        <v>46</v>
      </c>
      <c r="DM6" s="355" t="s">
        <v>47</v>
      </c>
      <c r="DN6" s="355" t="s">
        <v>48</v>
      </c>
      <c r="DO6" s="355" t="s">
        <v>49</v>
      </c>
      <c r="DP6" s="355" t="s">
        <v>50</v>
      </c>
      <c r="DQ6" s="355" t="s">
        <v>51</v>
      </c>
      <c r="DR6" s="356" t="s">
        <v>45</v>
      </c>
      <c r="DS6" s="358" t="s">
        <v>52</v>
      </c>
      <c r="DT6" s="354" t="s">
        <v>43</v>
      </c>
      <c r="DU6" s="355" t="s">
        <v>44</v>
      </c>
      <c r="DV6" s="356" t="s">
        <v>45</v>
      </c>
      <c r="DW6" s="357" t="s">
        <v>46</v>
      </c>
      <c r="DX6" s="355" t="s">
        <v>47</v>
      </c>
      <c r="DY6" s="355" t="s">
        <v>48</v>
      </c>
      <c r="DZ6" s="355" t="s">
        <v>49</v>
      </c>
      <c r="EA6" s="355" t="s">
        <v>50</v>
      </c>
      <c r="EB6" s="355" t="s">
        <v>51</v>
      </c>
      <c r="EC6" s="356" t="s">
        <v>45</v>
      </c>
      <c r="ED6" s="358" t="s">
        <v>52</v>
      </c>
      <c r="EE6" s="354" t="s">
        <v>43</v>
      </c>
      <c r="EF6" s="355" t="s">
        <v>44</v>
      </c>
      <c r="EG6" s="356" t="s">
        <v>45</v>
      </c>
      <c r="EH6" s="357" t="s">
        <v>46</v>
      </c>
      <c r="EI6" s="355" t="s">
        <v>47</v>
      </c>
      <c r="EJ6" s="355" t="s">
        <v>48</v>
      </c>
      <c r="EK6" s="355" t="s">
        <v>49</v>
      </c>
      <c r="EL6" s="355" t="s">
        <v>50</v>
      </c>
      <c r="EM6" s="355" t="s">
        <v>51</v>
      </c>
      <c r="EN6" s="356" t="s">
        <v>45</v>
      </c>
      <c r="EO6" s="358" t="s">
        <v>52</v>
      </c>
      <c r="EP6" s="354" t="s">
        <v>43</v>
      </c>
      <c r="EQ6" s="355" t="s">
        <v>44</v>
      </c>
      <c r="ER6" s="356" t="s">
        <v>45</v>
      </c>
      <c r="ES6" s="357" t="s">
        <v>46</v>
      </c>
      <c r="ET6" s="355" t="s">
        <v>47</v>
      </c>
      <c r="EU6" s="355" t="s">
        <v>48</v>
      </c>
      <c r="EV6" s="355" t="s">
        <v>49</v>
      </c>
      <c r="EW6" s="355" t="s">
        <v>50</v>
      </c>
      <c r="EX6" s="355" t="s">
        <v>51</v>
      </c>
      <c r="EY6" s="356" t="s">
        <v>45</v>
      </c>
      <c r="EZ6" s="358" t="s">
        <v>52</v>
      </c>
      <c r="FA6" s="354" t="s">
        <v>43</v>
      </c>
      <c r="FB6" s="355" t="s">
        <v>44</v>
      </c>
      <c r="FC6" s="356" t="s">
        <v>45</v>
      </c>
      <c r="FD6" s="357" t="s">
        <v>46</v>
      </c>
      <c r="FE6" s="355" t="s">
        <v>47</v>
      </c>
      <c r="FF6" s="355" t="s">
        <v>48</v>
      </c>
      <c r="FG6" s="355" t="s">
        <v>49</v>
      </c>
      <c r="FH6" s="355" t="s">
        <v>50</v>
      </c>
      <c r="FI6" s="355" t="s">
        <v>51</v>
      </c>
      <c r="FJ6" s="356" t="s">
        <v>45</v>
      </c>
      <c r="FK6" s="358" t="s">
        <v>52</v>
      </c>
      <c r="FL6" s="354" t="s">
        <v>43</v>
      </c>
      <c r="FM6" s="355" t="s">
        <v>44</v>
      </c>
      <c r="FN6" s="356" t="s">
        <v>45</v>
      </c>
      <c r="FO6" s="357" t="s">
        <v>46</v>
      </c>
      <c r="FP6" s="355" t="s">
        <v>47</v>
      </c>
      <c r="FQ6" s="355" t="s">
        <v>48</v>
      </c>
      <c r="FR6" s="355" t="s">
        <v>49</v>
      </c>
      <c r="FS6" s="355" t="s">
        <v>50</v>
      </c>
      <c r="FT6" s="355" t="s">
        <v>51</v>
      </c>
      <c r="FU6" s="356" t="s">
        <v>45</v>
      </c>
      <c r="FV6" s="358" t="s">
        <v>52</v>
      </c>
      <c r="FW6" s="354" t="s">
        <v>43</v>
      </c>
      <c r="FX6" s="355" t="s">
        <v>44</v>
      </c>
      <c r="FY6" s="356" t="s">
        <v>45</v>
      </c>
      <c r="FZ6" s="357" t="s">
        <v>46</v>
      </c>
      <c r="GA6" s="355" t="s">
        <v>47</v>
      </c>
      <c r="GB6" s="355" t="s">
        <v>48</v>
      </c>
      <c r="GC6" s="355" t="s">
        <v>49</v>
      </c>
      <c r="GD6" s="355" t="s">
        <v>50</v>
      </c>
      <c r="GE6" s="355" t="s">
        <v>51</v>
      </c>
      <c r="GF6" s="356" t="s">
        <v>45</v>
      </c>
      <c r="GG6" s="358" t="s">
        <v>52</v>
      </c>
      <c r="GH6" s="354" t="s">
        <v>43</v>
      </c>
      <c r="GI6" s="355" t="s">
        <v>44</v>
      </c>
      <c r="GJ6" s="356" t="s">
        <v>45</v>
      </c>
      <c r="GK6" s="357" t="s">
        <v>46</v>
      </c>
      <c r="GL6" s="355" t="s">
        <v>47</v>
      </c>
      <c r="GM6" s="355" t="s">
        <v>48</v>
      </c>
      <c r="GN6" s="355" t="s">
        <v>49</v>
      </c>
      <c r="GO6" s="355" t="s">
        <v>50</v>
      </c>
      <c r="GP6" s="355" t="s">
        <v>51</v>
      </c>
      <c r="GQ6" s="356" t="s">
        <v>45</v>
      </c>
      <c r="GR6" s="358" t="s">
        <v>52</v>
      </c>
      <c r="GS6" s="51" t="s">
        <v>43</v>
      </c>
      <c r="GT6" s="47" t="s">
        <v>44</v>
      </c>
      <c r="GU6" s="48" t="s">
        <v>45</v>
      </c>
      <c r="GV6" s="52" t="s">
        <v>46</v>
      </c>
      <c r="GW6" s="47" t="s">
        <v>47</v>
      </c>
      <c r="GX6" s="47" t="s">
        <v>48</v>
      </c>
      <c r="GY6" s="47" t="s">
        <v>49</v>
      </c>
      <c r="GZ6" s="47" t="s">
        <v>50</v>
      </c>
      <c r="HA6" s="47" t="s">
        <v>51</v>
      </c>
      <c r="HB6" s="48" t="s">
        <v>45</v>
      </c>
      <c r="HC6" s="349" t="s">
        <v>52</v>
      </c>
      <c r="HD6" s="354" t="s">
        <v>43</v>
      </c>
      <c r="HE6" s="355" t="s">
        <v>44</v>
      </c>
      <c r="HF6" s="356" t="s">
        <v>45</v>
      </c>
      <c r="HG6" s="357" t="s">
        <v>46</v>
      </c>
      <c r="HH6" s="355" t="s">
        <v>47</v>
      </c>
      <c r="HI6" s="355" t="s">
        <v>48</v>
      </c>
      <c r="HJ6" s="355" t="s">
        <v>49</v>
      </c>
      <c r="HK6" s="355" t="s">
        <v>50</v>
      </c>
      <c r="HL6" s="355" t="s">
        <v>51</v>
      </c>
      <c r="HM6" s="356" t="s">
        <v>45</v>
      </c>
      <c r="HN6" s="358" t="s">
        <v>52</v>
      </c>
      <c r="HO6" s="354" t="s">
        <v>43</v>
      </c>
      <c r="HP6" s="355" t="s">
        <v>44</v>
      </c>
      <c r="HQ6" s="356" t="s">
        <v>45</v>
      </c>
      <c r="HR6" s="357" t="s">
        <v>46</v>
      </c>
      <c r="HS6" s="355" t="s">
        <v>47</v>
      </c>
      <c r="HT6" s="355" t="s">
        <v>48</v>
      </c>
      <c r="HU6" s="355" t="s">
        <v>49</v>
      </c>
      <c r="HV6" s="355" t="s">
        <v>50</v>
      </c>
      <c r="HW6" s="355" t="s">
        <v>51</v>
      </c>
      <c r="HX6" s="356" t="s">
        <v>45</v>
      </c>
      <c r="HY6" s="358" t="s">
        <v>52</v>
      </c>
      <c r="HZ6" s="354" t="s">
        <v>43</v>
      </c>
      <c r="IA6" s="355" t="s">
        <v>44</v>
      </c>
      <c r="IB6" s="356" t="s">
        <v>45</v>
      </c>
      <c r="IC6" s="357" t="s">
        <v>46</v>
      </c>
      <c r="ID6" s="355" t="s">
        <v>47</v>
      </c>
      <c r="IE6" s="355" t="s">
        <v>48</v>
      </c>
      <c r="IF6" s="355" t="s">
        <v>49</v>
      </c>
      <c r="IG6" s="355" t="s">
        <v>50</v>
      </c>
      <c r="IH6" s="355" t="s">
        <v>51</v>
      </c>
      <c r="II6" s="356" t="s">
        <v>45</v>
      </c>
      <c r="IJ6" s="358" t="s">
        <v>52</v>
      </c>
      <c r="IK6" s="354" t="s">
        <v>43</v>
      </c>
      <c r="IL6" s="355" t="s">
        <v>44</v>
      </c>
      <c r="IM6" s="356" t="s">
        <v>45</v>
      </c>
      <c r="IN6" s="357" t="s">
        <v>46</v>
      </c>
      <c r="IO6" s="355" t="s">
        <v>47</v>
      </c>
      <c r="IP6" s="355" t="s">
        <v>48</v>
      </c>
      <c r="IQ6" s="355" t="s">
        <v>49</v>
      </c>
      <c r="IR6" s="355" t="s">
        <v>50</v>
      </c>
      <c r="IS6" s="355" t="s">
        <v>51</v>
      </c>
      <c r="IT6" s="356" t="s">
        <v>45</v>
      </c>
      <c r="IU6" s="358" t="s">
        <v>52</v>
      </c>
      <c r="IV6" s="354" t="s">
        <v>43</v>
      </c>
      <c r="IW6" s="355" t="s">
        <v>44</v>
      </c>
      <c r="IX6" s="356" t="s">
        <v>45</v>
      </c>
      <c r="IY6" s="357" t="s">
        <v>46</v>
      </c>
      <c r="IZ6" s="355" t="s">
        <v>47</v>
      </c>
      <c r="JA6" s="355" t="s">
        <v>48</v>
      </c>
      <c r="JB6" s="355" t="s">
        <v>49</v>
      </c>
      <c r="JC6" s="355" t="s">
        <v>50</v>
      </c>
      <c r="JD6" s="355" t="s">
        <v>51</v>
      </c>
      <c r="JE6" s="356" t="s">
        <v>45</v>
      </c>
      <c r="JF6" s="358" t="s">
        <v>52</v>
      </c>
      <c r="JG6" s="354" t="s">
        <v>43</v>
      </c>
      <c r="JH6" s="355" t="s">
        <v>44</v>
      </c>
      <c r="JI6" s="356" t="s">
        <v>45</v>
      </c>
      <c r="JJ6" s="357" t="s">
        <v>46</v>
      </c>
      <c r="JK6" s="355" t="s">
        <v>47</v>
      </c>
      <c r="JL6" s="355" t="s">
        <v>48</v>
      </c>
      <c r="JM6" s="355" t="s">
        <v>49</v>
      </c>
      <c r="JN6" s="355" t="s">
        <v>50</v>
      </c>
      <c r="JO6" s="355" t="s">
        <v>51</v>
      </c>
      <c r="JP6" s="356" t="s">
        <v>45</v>
      </c>
      <c r="JQ6" s="358" t="s">
        <v>52</v>
      </c>
      <c r="JR6" s="354" t="s">
        <v>43</v>
      </c>
      <c r="JS6" s="355" t="s">
        <v>44</v>
      </c>
      <c r="JT6" s="356" t="s">
        <v>45</v>
      </c>
      <c r="JU6" s="357" t="s">
        <v>46</v>
      </c>
      <c r="JV6" s="355" t="s">
        <v>47</v>
      </c>
      <c r="JW6" s="355" t="s">
        <v>48</v>
      </c>
      <c r="JX6" s="355" t="s">
        <v>49</v>
      </c>
      <c r="JY6" s="355" t="s">
        <v>50</v>
      </c>
      <c r="JZ6" s="355" t="s">
        <v>51</v>
      </c>
      <c r="KA6" s="356" t="s">
        <v>45</v>
      </c>
      <c r="KB6" s="358" t="s">
        <v>52</v>
      </c>
      <c r="KC6" s="354" t="s">
        <v>43</v>
      </c>
      <c r="KD6" s="355" t="s">
        <v>44</v>
      </c>
      <c r="KE6" s="356" t="s">
        <v>45</v>
      </c>
      <c r="KF6" s="357" t="s">
        <v>46</v>
      </c>
      <c r="KG6" s="355" t="s">
        <v>47</v>
      </c>
      <c r="KH6" s="355" t="s">
        <v>48</v>
      </c>
      <c r="KI6" s="355" t="s">
        <v>49</v>
      </c>
      <c r="KJ6" s="355" t="s">
        <v>50</v>
      </c>
      <c r="KK6" s="355" t="s">
        <v>51</v>
      </c>
      <c r="KL6" s="356" t="s">
        <v>45</v>
      </c>
      <c r="KM6" s="358" t="s">
        <v>52</v>
      </c>
    </row>
    <row r="7" spans="2:299" ht="21" customHeight="1" x14ac:dyDescent="0.2">
      <c r="B7" s="350" t="s">
        <v>4</v>
      </c>
      <c r="C7" s="312">
        <v>3377</v>
      </c>
      <c r="D7" s="78">
        <v>3218</v>
      </c>
      <c r="E7" s="79">
        <v>6595</v>
      </c>
      <c r="F7" s="240"/>
      <c r="G7" s="78">
        <v>4414</v>
      </c>
      <c r="H7" s="78">
        <v>4059</v>
      </c>
      <c r="I7" s="78">
        <v>2412</v>
      </c>
      <c r="J7" s="78">
        <v>2163</v>
      </c>
      <c r="K7" s="78">
        <v>1395</v>
      </c>
      <c r="L7" s="80">
        <v>14443</v>
      </c>
      <c r="M7" s="81">
        <v>21038</v>
      </c>
      <c r="N7" s="66">
        <v>104</v>
      </c>
      <c r="O7" s="67">
        <v>115</v>
      </c>
      <c r="P7" s="68">
        <v>219</v>
      </c>
      <c r="Q7" s="243"/>
      <c r="R7" s="67">
        <v>104</v>
      </c>
      <c r="S7" s="67">
        <v>141</v>
      </c>
      <c r="T7" s="67">
        <v>76</v>
      </c>
      <c r="U7" s="67">
        <v>88</v>
      </c>
      <c r="V7" s="67">
        <v>78</v>
      </c>
      <c r="W7" s="68">
        <v>487</v>
      </c>
      <c r="X7" s="69">
        <v>706</v>
      </c>
      <c r="Y7" s="66">
        <v>282</v>
      </c>
      <c r="Z7" s="67">
        <v>277</v>
      </c>
      <c r="AA7" s="68">
        <v>559</v>
      </c>
      <c r="AB7" s="243"/>
      <c r="AC7" s="67">
        <v>279</v>
      </c>
      <c r="AD7" s="67">
        <v>326</v>
      </c>
      <c r="AE7" s="67">
        <v>190</v>
      </c>
      <c r="AF7" s="67">
        <v>153</v>
      </c>
      <c r="AG7" s="67">
        <v>146</v>
      </c>
      <c r="AH7" s="68">
        <v>1094</v>
      </c>
      <c r="AI7" s="69">
        <v>1653</v>
      </c>
      <c r="AJ7" s="66">
        <v>380</v>
      </c>
      <c r="AK7" s="67">
        <v>437</v>
      </c>
      <c r="AL7" s="68">
        <v>817</v>
      </c>
      <c r="AM7" s="243"/>
      <c r="AN7" s="67">
        <v>537</v>
      </c>
      <c r="AO7" s="67">
        <v>472</v>
      </c>
      <c r="AP7" s="67">
        <v>282</v>
      </c>
      <c r="AQ7" s="67">
        <v>280</v>
      </c>
      <c r="AR7" s="67">
        <v>200</v>
      </c>
      <c r="AS7" s="68">
        <v>1771</v>
      </c>
      <c r="AT7" s="69">
        <v>2588</v>
      </c>
      <c r="AU7" s="66">
        <v>759</v>
      </c>
      <c r="AV7" s="67">
        <v>728</v>
      </c>
      <c r="AW7" s="68">
        <v>1487</v>
      </c>
      <c r="AX7" s="243"/>
      <c r="AY7" s="67">
        <v>1000</v>
      </c>
      <c r="AZ7" s="67">
        <v>853</v>
      </c>
      <c r="BA7" s="67">
        <v>472</v>
      </c>
      <c r="BB7" s="67">
        <v>401</v>
      </c>
      <c r="BC7" s="67">
        <v>292</v>
      </c>
      <c r="BD7" s="68">
        <v>3018</v>
      </c>
      <c r="BE7" s="69">
        <v>4505</v>
      </c>
      <c r="BF7" s="66">
        <v>1057</v>
      </c>
      <c r="BG7" s="67">
        <v>904</v>
      </c>
      <c r="BH7" s="68">
        <v>1961</v>
      </c>
      <c r="BI7" s="243"/>
      <c r="BJ7" s="67">
        <v>1309</v>
      </c>
      <c r="BK7" s="67">
        <v>1087</v>
      </c>
      <c r="BL7" s="67">
        <v>630</v>
      </c>
      <c r="BM7" s="67">
        <v>559</v>
      </c>
      <c r="BN7" s="67">
        <v>322</v>
      </c>
      <c r="BO7" s="68">
        <v>3907</v>
      </c>
      <c r="BP7" s="69">
        <v>5868</v>
      </c>
      <c r="BQ7" s="66">
        <v>795</v>
      </c>
      <c r="BR7" s="67">
        <v>757</v>
      </c>
      <c r="BS7" s="68">
        <v>1552</v>
      </c>
      <c r="BT7" s="243"/>
      <c r="BU7" s="67">
        <v>1185</v>
      </c>
      <c r="BV7" s="67">
        <v>1180</v>
      </c>
      <c r="BW7" s="67">
        <v>762</v>
      </c>
      <c r="BX7" s="67">
        <v>682</v>
      </c>
      <c r="BY7" s="67">
        <v>357</v>
      </c>
      <c r="BZ7" s="68">
        <v>4166</v>
      </c>
      <c r="CA7" s="69">
        <v>5718</v>
      </c>
      <c r="CB7" s="66">
        <v>0</v>
      </c>
      <c r="CC7" s="67">
        <v>0</v>
      </c>
      <c r="CD7" s="68">
        <v>0</v>
      </c>
      <c r="CE7" s="243"/>
      <c r="CF7" s="67">
        <v>0</v>
      </c>
      <c r="CG7" s="67">
        <v>0</v>
      </c>
      <c r="CH7" s="67">
        <v>0</v>
      </c>
      <c r="CI7" s="67">
        <v>0</v>
      </c>
      <c r="CJ7" s="67">
        <v>0</v>
      </c>
      <c r="CK7" s="68">
        <v>0</v>
      </c>
      <c r="CL7" s="69">
        <v>0</v>
      </c>
      <c r="CM7" s="66">
        <v>3377</v>
      </c>
      <c r="CN7" s="67">
        <v>3218</v>
      </c>
      <c r="CO7" s="68">
        <v>6595</v>
      </c>
      <c r="CP7" s="243"/>
      <c r="CQ7" s="67">
        <v>4414</v>
      </c>
      <c r="CR7" s="67">
        <v>4059</v>
      </c>
      <c r="CS7" s="67">
        <v>2412</v>
      </c>
      <c r="CT7" s="67">
        <v>2163</v>
      </c>
      <c r="CU7" s="67">
        <v>1395</v>
      </c>
      <c r="CV7" s="68">
        <v>14443</v>
      </c>
      <c r="CW7" s="69">
        <v>21038</v>
      </c>
      <c r="CX7" s="122">
        <v>1219</v>
      </c>
      <c r="CY7" s="78">
        <v>1429</v>
      </c>
      <c r="CZ7" s="79">
        <v>2648</v>
      </c>
      <c r="DA7" s="240"/>
      <c r="DB7" s="78">
        <v>1807</v>
      </c>
      <c r="DC7" s="78">
        <v>1652</v>
      </c>
      <c r="DD7" s="78">
        <v>1142</v>
      </c>
      <c r="DE7" s="78">
        <v>1140</v>
      </c>
      <c r="DF7" s="78">
        <v>748</v>
      </c>
      <c r="DG7" s="80">
        <v>6489</v>
      </c>
      <c r="DH7" s="81">
        <v>9137</v>
      </c>
      <c r="DI7" s="66">
        <v>36</v>
      </c>
      <c r="DJ7" s="67">
        <v>39</v>
      </c>
      <c r="DK7" s="68">
        <v>75</v>
      </c>
      <c r="DL7" s="243"/>
      <c r="DM7" s="67">
        <v>22</v>
      </c>
      <c r="DN7" s="67">
        <v>23</v>
      </c>
      <c r="DO7" s="67">
        <v>26</v>
      </c>
      <c r="DP7" s="67">
        <v>12</v>
      </c>
      <c r="DQ7" s="67">
        <v>15</v>
      </c>
      <c r="DR7" s="68">
        <v>98</v>
      </c>
      <c r="DS7" s="69">
        <v>173</v>
      </c>
      <c r="DT7" s="66">
        <v>89</v>
      </c>
      <c r="DU7" s="67">
        <v>101</v>
      </c>
      <c r="DV7" s="68">
        <v>190</v>
      </c>
      <c r="DW7" s="243"/>
      <c r="DX7" s="67">
        <v>89</v>
      </c>
      <c r="DY7" s="67">
        <v>91</v>
      </c>
      <c r="DZ7" s="67">
        <v>52</v>
      </c>
      <c r="EA7" s="67">
        <v>42</v>
      </c>
      <c r="EB7" s="67">
        <v>39</v>
      </c>
      <c r="EC7" s="68">
        <v>313</v>
      </c>
      <c r="ED7" s="69">
        <v>503</v>
      </c>
      <c r="EE7" s="66">
        <v>195</v>
      </c>
      <c r="EF7" s="67">
        <v>215</v>
      </c>
      <c r="EG7" s="68">
        <v>410</v>
      </c>
      <c r="EH7" s="243"/>
      <c r="EI7" s="67">
        <v>216</v>
      </c>
      <c r="EJ7" s="67">
        <v>168</v>
      </c>
      <c r="EK7" s="67">
        <v>103</v>
      </c>
      <c r="EL7" s="67">
        <v>76</v>
      </c>
      <c r="EM7" s="67">
        <v>76</v>
      </c>
      <c r="EN7" s="68">
        <v>639</v>
      </c>
      <c r="EO7" s="69">
        <v>1049</v>
      </c>
      <c r="EP7" s="66">
        <v>348</v>
      </c>
      <c r="EQ7" s="67">
        <v>340</v>
      </c>
      <c r="ER7" s="68">
        <v>688</v>
      </c>
      <c r="ES7" s="243"/>
      <c r="ET7" s="67">
        <v>364</v>
      </c>
      <c r="EU7" s="67">
        <v>295</v>
      </c>
      <c r="EV7" s="67">
        <v>159</v>
      </c>
      <c r="EW7" s="67">
        <v>158</v>
      </c>
      <c r="EX7" s="67">
        <v>95</v>
      </c>
      <c r="EY7" s="68">
        <v>1071</v>
      </c>
      <c r="EZ7" s="69">
        <v>1759</v>
      </c>
      <c r="FA7" s="66">
        <v>320</v>
      </c>
      <c r="FB7" s="67">
        <v>424</v>
      </c>
      <c r="FC7" s="68">
        <v>744</v>
      </c>
      <c r="FD7" s="243"/>
      <c r="FE7" s="67">
        <v>545</v>
      </c>
      <c r="FF7" s="67">
        <v>464</v>
      </c>
      <c r="FG7" s="67">
        <v>299</v>
      </c>
      <c r="FH7" s="67">
        <v>270</v>
      </c>
      <c r="FI7" s="67">
        <v>171</v>
      </c>
      <c r="FJ7" s="68">
        <v>1749</v>
      </c>
      <c r="FK7" s="69">
        <v>2493</v>
      </c>
      <c r="FL7" s="66">
        <v>231</v>
      </c>
      <c r="FM7" s="67">
        <v>310</v>
      </c>
      <c r="FN7" s="68">
        <v>541</v>
      </c>
      <c r="FO7" s="243"/>
      <c r="FP7" s="67">
        <v>571</v>
      </c>
      <c r="FQ7" s="67">
        <v>611</v>
      </c>
      <c r="FR7" s="67">
        <v>503</v>
      </c>
      <c r="FS7" s="67">
        <v>582</v>
      </c>
      <c r="FT7" s="67">
        <v>352</v>
      </c>
      <c r="FU7" s="68">
        <v>2619</v>
      </c>
      <c r="FV7" s="69">
        <v>3160</v>
      </c>
      <c r="FW7" s="66">
        <v>0</v>
      </c>
      <c r="FX7" s="67">
        <v>0</v>
      </c>
      <c r="FY7" s="68">
        <v>0</v>
      </c>
      <c r="FZ7" s="243"/>
      <c r="GA7" s="67">
        <v>0</v>
      </c>
      <c r="GB7" s="67">
        <v>0</v>
      </c>
      <c r="GC7" s="67">
        <v>0</v>
      </c>
      <c r="GD7" s="67">
        <v>0</v>
      </c>
      <c r="GE7" s="67">
        <v>0</v>
      </c>
      <c r="GF7" s="68">
        <v>0</v>
      </c>
      <c r="GG7" s="69">
        <v>0</v>
      </c>
      <c r="GH7" s="66">
        <v>1219</v>
      </c>
      <c r="GI7" s="67">
        <v>1429</v>
      </c>
      <c r="GJ7" s="68">
        <v>2648</v>
      </c>
      <c r="GK7" s="243"/>
      <c r="GL7" s="67">
        <v>1807</v>
      </c>
      <c r="GM7" s="67">
        <v>1652</v>
      </c>
      <c r="GN7" s="67">
        <v>1142</v>
      </c>
      <c r="GO7" s="67">
        <v>1140</v>
      </c>
      <c r="GP7" s="67">
        <v>748</v>
      </c>
      <c r="GQ7" s="68">
        <v>6489</v>
      </c>
      <c r="GR7" s="69">
        <v>9137</v>
      </c>
      <c r="GS7" s="122">
        <v>4596</v>
      </c>
      <c r="GT7" s="78">
        <v>4647</v>
      </c>
      <c r="GU7" s="79">
        <v>9243</v>
      </c>
      <c r="GV7" s="240"/>
      <c r="GW7" s="78">
        <v>6221</v>
      </c>
      <c r="GX7" s="78">
        <v>5711</v>
      </c>
      <c r="GY7" s="78">
        <v>3554</v>
      </c>
      <c r="GZ7" s="78">
        <v>3303</v>
      </c>
      <c r="HA7" s="78">
        <v>2143</v>
      </c>
      <c r="HB7" s="80">
        <v>20932</v>
      </c>
      <c r="HC7" s="81">
        <v>30175</v>
      </c>
      <c r="HD7" s="66">
        <v>140</v>
      </c>
      <c r="HE7" s="67">
        <v>154</v>
      </c>
      <c r="HF7" s="68">
        <v>294</v>
      </c>
      <c r="HG7" s="243"/>
      <c r="HH7" s="67">
        <v>126</v>
      </c>
      <c r="HI7" s="67">
        <v>164</v>
      </c>
      <c r="HJ7" s="67">
        <v>102</v>
      </c>
      <c r="HK7" s="67">
        <v>100</v>
      </c>
      <c r="HL7" s="67">
        <v>93</v>
      </c>
      <c r="HM7" s="68">
        <v>585</v>
      </c>
      <c r="HN7" s="69">
        <v>879</v>
      </c>
      <c r="HO7" s="66">
        <v>371</v>
      </c>
      <c r="HP7" s="67">
        <v>378</v>
      </c>
      <c r="HQ7" s="68">
        <v>749</v>
      </c>
      <c r="HR7" s="243"/>
      <c r="HS7" s="67">
        <v>368</v>
      </c>
      <c r="HT7" s="67">
        <v>417</v>
      </c>
      <c r="HU7" s="67">
        <v>242</v>
      </c>
      <c r="HV7" s="67">
        <v>195</v>
      </c>
      <c r="HW7" s="67">
        <v>185</v>
      </c>
      <c r="HX7" s="68">
        <v>1407</v>
      </c>
      <c r="HY7" s="69">
        <v>2156</v>
      </c>
      <c r="HZ7" s="66">
        <v>575</v>
      </c>
      <c r="IA7" s="67">
        <v>652</v>
      </c>
      <c r="IB7" s="68">
        <v>1227</v>
      </c>
      <c r="IC7" s="243"/>
      <c r="ID7" s="67">
        <v>753</v>
      </c>
      <c r="IE7" s="67">
        <v>640</v>
      </c>
      <c r="IF7" s="67">
        <v>385</v>
      </c>
      <c r="IG7" s="67">
        <v>356</v>
      </c>
      <c r="IH7" s="67">
        <v>276</v>
      </c>
      <c r="II7" s="68">
        <v>2410</v>
      </c>
      <c r="IJ7" s="69">
        <v>3637</v>
      </c>
      <c r="IK7" s="66">
        <v>1107</v>
      </c>
      <c r="IL7" s="67">
        <v>1068</v>
      </c>
      <c r="IM7" s="68">
        <v>2175</v>
      </c>
      <c r="IN7" s="243"/>
      <c r="IO7" s="67">
        <v>1364</v>
      </c>
      <c r="IP7" s="67">
        <v>1148</v>
      </c>
      <c r="IQ7" s="67">
        <v>631</v>
      </c>
      <c r="IR7" s="67">
        <v>559</v>
      </c>
      <c r="IS7" s="67">
        <v>387</v>
      </c>
      <c r="IT7" s="68">
        <v>4089</v>
      </c>
      <c r="IU7" s="69">
        <v>6264</v>
      </c>
      <c r="IV7" s="66">
        <v>1377</v>
      </c>
      <c r="IW7" s="67">
        <v>1328</v>
      </c>
      <c r="IX7" s="68">
        <v>2705</v>
      </c>
      <c r="IY7" s="243"/>
      <c r="IZ7" s="67">
        <v>1854</v>
      </c>
      <c r="JA7" s="67">
        <v>1551</v>
      </c>
      <c r="JB7" s="67">
        <v>929</v>
      </c>
      <c r="JC7" s="67">
        <v>829</v>
      </c>
      <c r="JD7" s="67">
        <v>493</v>
      </c>
      <c r="JE7" s="68">
        <v>5656</v>
      </c>
      <c r="JF7" s="69">
        <v>8361</v>
      </c>
      <c r="JG7" s="66">
        <v>1026</v>
      </c>
      <c r="JH7" s="67">
        <v>1067</v>
      </c>
      <c r="JI7" s="68">
        <v>2093</v>
      </c>
      <c r="JJ7" s="243"/>
      <c r="JK7" s="67">
        <v>1756</v>
      </c>
      <c r="JL7" s="67">
        <v>1791</v>
      </c>
      <c r="JM7" s="67">
        <v>1265</v>
      </c>
      <c r="JN7" s="67">
        <v>1264</v>
      </c>
      <c r="JO7" s="67">
        <v>709</v>
      </c>
      <c r="JP7" s="68">
        <v>6785</v>
      </c>
      <c r="JQ7" s="69">
        <v>8878</v>
      </c>
      <c r="JR7" s="66">
        <v>0</v>
      </c>
      <c r="JS7" s="67">
        <v>0</v>
      </c>
      <c r="JT7" s="68">
        <v>0</v>
      </c>
      <c r="JU7" s="243"/>
      <c r="JV7" s="67">
        <v>0</v>
      </c>
      <c r="JW7" s="67">
        <v>0</v>
      </c>
      <c r="JX7" s="67">
        <v>0</v>
      </c>
      <c r="JY7" s="67">
        <v>0</v>
      </c>
      <c r="JZ7" s="67">
        <v>0</v>
      </c>
      <c r="KA7" s="68">
        <v>0</v>
      </c>
      <c r="KB7" s="69">
        <v>0</v>
      </c>
      <c r="KC7" s="66">
        <v>4596</v>
      </c>
      <c r="KD7" s="67">
        <v>4647</v>
      </c>
      <c r="KE7" s="68">
        <v>9243</v>
      </c>
      <c r="KF7" s="243"/>
      <c r="KG7" s="67">
        <v>6221</v>
      </c>
      <c r="KH7" s="67">
        <v>5711</v>
      </c>
      <c r="KI7" s="67">
        <v>3554</v>
      </c>
      <c r="KJ7" s="67">
        <v>3303</v>
      </c>
      <c r="KK7" s="67">
        <v>2143</v>
      </c>
      <c r="KL7" s="68">
        <v>20932</v>
      </c>
      <c r="KM7" s="69">
        <v>30175</v>
      </c>
    </row>
    <row r="8" spans="2:299" ht="21" customHeight="1" x14ac:dyDescent="0.2">
      <c r="B8" s="126" t="s">
        <v>5</v>
      </c>
      <c r="C8" s="313">
        <v>1537</v>
      </c>
      <c r="D8" s="82">
        <v>1615</v>
      </c>
      <c r="E8" s="83">
        <v>3152</v>
      </c>
      <c r="F8" s="241"/>
      <c r="G8" s="82">
        <v>1626</v>
      </c>
      <c r="H8" s="82">
        <v>1972</v>
      </c>
      <c r="I8" s="82">
        <v>1080</v>
      </c>
      <c r="J8" s="82">
        <v>962</v>
      </c>
      <c r="K8" s="82">
        <v>613</v>
      </c>
      <c r="L8" s="84">
        <v>6253</v>
      </c>
      <c r="M8" s="85">
        <v>9405</v>
      </c>
      <c r="N8" s="70">
        <v>51</v>
      </c>
      <c r="O8" s="71">
        <v>52</v>
      </c>
      <c r="P8" s="72">
        <v>103</v>
      </c>
      <c r="Q8" s="244"/>
      <c r="R8" s="71">
        <v>33</v>
      </c>
      <c r="S8" s="71">
        <v>64</v>
      </c>
      <c r="T8" s="71">
        <v>33</v>
      </c>
      <c r="U8" s="71">
        <v>33</v>
      </c>
      <c r="V8" s="71">
        <v>30</v>
      </c>
      <c r="W8" s="72">
        <v>193</v>
      </c>
      <c r="X8" s="73">
        <v>296</v>
      </c>
      <c r="Y8" s="70">
        <v>111</v>
      </c>
      <c r="Z8" s="71">
        <v>143</v>
      </c>
      <c r="AA8" s="72">
        <v>254</v>
      </c>
      <c r="AB8" s="244"/>
      <c r="AC8" s="71">
        <v>83</v>
      </c>
      <c r="AD8" s="71">
        <v>136</v>
      </c>
      <c r="AE8" s="71">
        <v>72</v>
      </c>
      <c r="AF8" s="71">
        <v>66</v>
      </c>
      <c r="AG8" s="71">
        <v>55</v>
      </c>
      <c r="AH8" s="72">
        <v>412</v>
      </c>
      <c r="AI8" s="73">
        <v>666</v>
      </c>
      <c r="AJ8" s="70">
        <v>156</v>
      </c>
      <c r="AK8" s="71">
        <v>208</v>
      </c>
      <c r="AL8" s="72">
        <v>364</v>
      </c>
      <c r="AM8" s="244"/>
      <c r="AN8" s="71">
        <v>181</v>
      </c>
      <c r="AO8" s="71">
        <v>198</v>
      </c>
      <c r="AP8" s="71">
        <v>108</v>
      </c>
      <c r="AQ8" s="71">
        <v>128</v>
      </c>
      <c r="AR8" s="71">
        <v>77</v>
      </c>
      <c r="AS8" s="72">
        <v>692</v>
      </c>
      <c r="AT8" s="73">
        <v>1056</v>
      </c>
      <c r="AU8" s="70">
        <v>359</v>
      </c>
      <c r="AV8" s="71">
        <v>355</v>
      </c>
      <c r="AW8" s="72">
        <v>714</v>
      </c>
      <c r="AX8" s="244"/>
      <c r="AY8" s="71">
        <v>343</v>
      </c>
      <c r="AZ8" s="71">
        <v>420</v>
      </c>
      <c r="BA8" s="71">
        <v>219</v>
      </c>
      <c r="BB8" s="71">
        <v>177</v>
      </c>
      <c r="BC8" s="71">
        <v>129</v>
      </c>
      <c r="BD8" s="72">
        <v>1288</v>
      </c>
      <c r="BE8" s="73">
        <v>2002</v>
      </c>
      <c r="BF8" s="70">
        <v>503</v>
      </c>
      <c r="BG8" s="71">
        <v>466</v>
      </c>
      <c r="BH8" s="72">
        <v>969</v>
      </c>
      <c r="BI8" s="244"/>
      <c r="BJ8" s="71">
        <v>527</v>
      </c>
      <c r="BK8" s="71">
        <v>539</v>
      </c>
      <c r="BL8" s="71">
        <v>278</v>
      </c>
      <c r="BM8" s="71">
        <v>250</v>
      </c>
      <c r="BN8" s="71">
        <v>147</v>
      </c>
      <c r="BO8" s="72">
        <v>1741</v>
      </c>
      <c r="BP8" s="73">
        <v>2710</v>
      </c>
      <c r="BQ8" s="70">
        <v>357</v>
      </c>
      <c r="BR8" s="71">
        <v>391</v>
      </c>
      <c r="BS8" s="72">
        <v>748</v>
      </c>
      <c r="BT8" s="244"/>
      <c r="BU8" s="71">
        <v>459</v>
      </c>
      <c r="BV8" s="71">
        <v>615</v>
      </c>
      <c r="BW8" s="71">
        <v>370</v>
      </c>
      <c r="BX8" s="71">
        <v>308</v>
      </c>
      <c r="BY8" s="71">
        <v>175</v>
      </c>
      <c r="BZ8" s="72">
        <v>1927</v>
      </c>
      <c r="CA8" s="73">
        <v>2675</v>
      </c>
      <c r="CB8" s="70">
        <v>0</v>
      </c>
      <c r="CC8" s="71">
        <v>0</v>
      </c>
      <c r="CD8" s="72">
        <v>0</v>
      </c>
      <c r="CE8" s="244"/>
      <c r="CF8" s="71">
        <v>0</v>
      </c>
      <c r="CG8" s="71">
        <v>0</v>
      </c>
      <c r="CH8" s="71">
        <v>0</v>
      </c>
      <c r="CI8" s="71">
        <v>0</v>
      </c>
      <c r="CJ8" s="71">
        <v>0</v>
      </c>
      <c r="CK8" s="72">
        <v>0</v>
      </c>
      <c r="CL8" s="73">
        <v>0</v>
      </c>
      <c r="CM8" s="70">
        <v>1537</v>
      </c>
      <c r="CN8" s="71">
        <v>1615</v>
      </c>
      <c r="CO8" s="72">
        <v>3152</v>
      </c>
      <c r="CP8" s="244"/>
      <c r="CQ8" s="71">
        <v>1626</v>
      </c>
      <c r="CR8" s="71">
        <v>1972</v>
      </c>
      <c r="CS8" s="71">
        <v>1080</v>
      </c>
      <c r="CT8" s="71">
        <v>962</v>
      </c>
      <c r="CU8" s="71">
        <v>613</v>
      </c>
      <c r="CV8" s="72">
        <v>6253</v>
      </c>
      <c r="CW8" s="73">
        <v>9405</v>
      </c>
      <c r="CX8" s="123">
        <v>481</v>
      </c>
      <c r="CY8" s="82">
        <v>684</v>
      </c>
      <c r="CZ8" s="83">
        <v>1165</v>
      </c>
      <c r="DA8" s="241"/>
      <c r="DB8" s="82">
        <v>649</v>
      </c>
      <c r="DC8" s="82">
        <v>776</v>
      </c>
      <c r="DD8" s="82">
        <v>493</v>
      </c>
      <c r="DE8" s="82">
        <v>516</v>
      </c>
      <c r="DF8" s="82">
        <v>334</v>
      </c>
      <c r="DG8" s="84">
        <v>2768</v>
      </c>
      <c r="DH8" s="85">
        <v>3933</v>
      </c>
      <c r="DI8" s="70">
        <v>18</v>
      </c>
      <c r="DJ8" s="71">
        <v>17</v>
      </c>
      <c r="DK8" s="72">
        <v>35</v>
      </c>
      <c r="DL8" s="244"/>
      <c r="DM8" s="71">
        <v>9</v>
      </c>
      <c r="DN8" s="71">
        <v>12</v>
      </c>
      <c r="DO8" s="71">
        <v>9</v>
      </c>
      <c r="DP8" s="71">
        <v>7</v>
      </c>
      <c r="DQ8" s="71">
        <v>7</v>
      </c>
      <c r="DR8" s="72">
        <v>44</v>
      </c>
      <c r="DS8" s="73">
        <v>79</v>
      </c>
      <c r="DT8" s="70">
        <v>36</v>
      </c>
      <c r="DU8" s="71">
        <v>48</v>
      </c>
      <c r="DV8" s="72">
        <v>84</v>
      </c>
      <c r="DW8" s="244"/>
      <c r="DX8" s="71">
        <v>19</v>
      </c>
      <c r="DY8" s="71">
        <v>37</v>
      </c>
      <c r="DZ8" s="71">
        <v>23</v>
      </c>
      <c r="EA8" s="71">
        <v>21</v>
      </c>
      <c r="EB8" s="71">
        <v>20</v>
      </c>
      <c r="EC8" s="72">
        <v>120</v>
      </c>
      <c r="ED8" s="73">
        <v>204</v>
      </c>
      <c r="EE8" s="70">
        <v>74</v>
      </c>
      <c r="EF8" s="71">
        <v>103</v>
      </c>
      <c r="EG8" s="72">
        <v>177</v>
      </c>
      <c r="EH8" s="244"/>
      <c r="EI8" s="71">
        <v>79</v>
      </c>
      <c r="EJ8" s="71">
        <v>75</v>
      </c>
      <c r="EK8" s="71">
        <v>42</v>
      </c>
      <c r="EL8" s="71">
        <v>32</v>
      </c>
      <c r="EM8" s="71">
        <v>40</v>
      </c>
      <c r="EN8" s="72">
        <v>268</v>
      </c>
      <c r="EO8" s="73">
        <v>445</v>
      </c>
      <c r="EP8" s="70">
        <v>142</v>
      </c>
      <c r="EQ8" s="71">
        <v>158</v>
      </c>
      <c r="ER8" s="72">
        <v>300</v>
      </c>
      <c r="ES8" s="244"/>
      <c r="ET8" s="71">
        <v>120</v>
      </c>
      <c r="EU8" s="71">
        <v>137</v>
      </c>
      <c r="EV8" s="71">
        <v>62</v>
      </c>
      <c r="EW8" s="71">
        <v>75</v>
      </c>
      <c r="EX8" s="71">
        <v>35</v>
      </c>
      <c r="EY8" s="72">
        <v>429</v>
      </c>
      <c r="EZ8" s="73">
        <v>729</v>
      </c>
      <c r="FA8" s="70">
        <v>117</v>
      </c>
      <c r="FB8" s="71">
        <v>220</v>
      </c>
      <c r="FC8" s="72">
        <v>337</v>
      </c>
      <c r="FD8" s="244"/>
      <c r="FE8" s="71">
        <v>216</v>
      </c>
      <c r="FF8" s="71">
        <v>232</v>
      </c>
      <c r="FG8" s="71">
        <v>124</v>
      </c>
      <c r="FH8" s="71">
        <v>132</v>
      </c>
      <c r="FI8" s="71">
        <v>78</v>
      </c>
      <c r="FJ8" s="72">
        <v>782</v>
      </c>
      <c r="FK8" s="73">
        <v>1119</v>
      </c>
      <c r="FL8" s="70">
        <v>94</v>
      </c>
      <c r="FM8" s="71">
        <v>138</v>
      </c>
      <c r="FN8" s="72">
        <v>232</v>
      </c>
      <c r="FO8" s="244"/>
      <c r="FP8" s="71">
        <v>206</v>
      </c>
      <c r="FQ8" s="71">
        <v>283</v>
      </c>
      <c r="FR8" s="71">
        <v>233</v>
      </c>
      <c r="FS8" s="71">
        <v>249</v>
      </c>
      <c r="FT8" s="71">
        <v>154</v>
      </c>
      <c r="FU8" s="72">
        <v>1125</v>
      </c>
      <c r="FV8" s="73">
        <v>1357</v>
      </c>
      <c r="FW8" s="70">
        <v>0</v>
      </c>
      <c r="FX8" s="71">
        <v>0</v>
      </c>
      <c r="FY8" s="72">
        <v>0</v>
      </c>
      <c r="FZ8" s="244"/>
      <c r="GA8" s="71">
        <v>0</v>
      </c>
      <c r="GB8" s="71">
        <v>0</v>
      </c>
      <c r="GC8" s="71">
        <v>0</v>
      </c>
      <c r="GD8" s="71">
        <v>0</v>
      </c>
      <c r="GE8" s="71">
        <v>0</v>
      </c>
      <c r="GF8" s="72">
        <v>0</v>
      </c>
      <c r="GG8" s="73">
        <v>0</v>
      </c>
      <c r="GH8" s="70">
        <v>481</v>
      </c>
      <c r="GI8" s="71">
        <v>684</v>
      </c>
      <c r="GJ8" s="72">
        <v>1165</v>
      </c>
      <c r="GK8" s="244"/>
      <c r="GL8" s="71">
        <v>649</v>
      </c>
      <c r="GM8" s="71">
        <v>776</v>
      </c>
      <c r="GN8" s="71">
        <v>493</v>
      </c>
      <c r="GO8" s="71">
        <v>516</v>
      </c>
      <c r="GP8" s="71">
        <v>334</v>
      </c>
      <c r="GQ8" s="72">
        <v>2768</v>
      </c>
      <c r="GR8" s="73">
        <v>3933</v>
      </c>
      <c r="GS8" s="123">
        <v>2018</v>
      </c>
      <c r="GT8" s="82">
        <v>2299</v>
      </c>
      <c r="GU8" s="83">
        <v>4317</v>
      </c>
      <c r="GV8" s="241"/>
      <c r="GW8" s="82">
        <v>2275</v>
      </c>
      <c r="GX8" s="82">
        <v>2748</v>
      </c>
      <c r="GY8" s="82">
        <v>1573</v>
      </c>
      <c r="GZ8" s="82">
        <v>1478</v>
      </c>
      <c r="HA8" s="82">
        <v>947</v>
      </c>
      <c r="HB8" s="84">
        <v>9021</v>
      </c>
      <c r="HC8" s="85">
        <v>13338</v>
      </c>
      <c r="HD8" s="70">
        <v>69</v>
      </c>
      <c r="HE8" s="71">
        <v>69</v>
      </c>
      <c r="HF8" s="72">
        <v>138</v>
      </c>
      <c r="HG8" s="244"/>
      <c r="HH8" s="71">
        <v>42</v>
      </c>
      <c r="HI8" s="71">
        <v>76</v>
      </c>
      <c r="HJ8" s="71">
        <v>42</v>
      </c>
      <c r="HK8" s="71">
        <v>40</v>
      </c>
      <c r="HL8" s="71">
        <v>37</v>
      </c>
      <c r="HM8" s="72">
        <v>237</v>
      </c>
      <c r="HN8" s="73">
        <v>375</v>
      </c>
      <c r="HO8" s="70">
        <v>147</v>
      </c>
      <c r="HP8" s="71">
        <v>191</v>
      </c>
      <c r="HQ8" s="72">
        <v>338</v>
      </c>
      <c r="HR8" s="244"/>
      <c r="HS8" s="71">
        <v>102</v>
      </c>
      <c r="HT8" s="71">
        <v>173</v>
      </c>
      <c r="HU8" s="71">
        <v>95</v>
      </c>
      <c r="HV8" s="71">
        <v>87</v>
      </c>
      <c r="HW8" s="71">
        <v>75</v>
      </c>
      <c r="HX8" s="72">
        <v>532</v>
      </c>
      <c r="HY8" s="73">
        <v>870</v>
      </c>
      <c r="HZ8" s="70">
        <v>230</v>
      </c>
      <c r="IA8" s="71">
        <v>311</v>
      </c>
      <c r="IB8" s="72">
        <v>541</v>
      </c>
      <c r="IC8" s="244"/>
      <c r="ID8" s="71">
        <v>260</v>
      </c>
      <c r="IE8" s="71">
        <v>273</v>
      </c>
      <c r="IF8" s="71">
        <v>150</v>
      </c>
      <c r="IG8" s="71">
        <v>160</v>
      </c>
      <c r="IH8" s="71">
        <v>117</v>
      </c>
      <c r="II8" s="72">
        <v>960</v>
      </c>
      <c r="IJ8" s="73">
        <v>1501</v>
      </c>
      <c r="IK8" s="70">
        <v>501</v>
      </c>
      <c r="IL8" s="71">
        <v>513</v>
      </c>
      <c r="IM8" s="72">
        <v>1014</v>
      </c>
      <c r="IN8" s="244"/>
      <c r="IO8" s="71">
        <v>463</v>
      </c>
      <c r="IP8" s="71">
        <v>557</v>
      </c>
      <c r="IQ8" s="71">
        <v>281</v>
      </c>
      <c r="IR8" s="71">
        <v>252</v>
      </c>
      <c r="IS8" s="71">
        <v>164</v>
      </c>
      <c r="IT8" s="72">
        <v>1717</v>
      </c>
      <c r="IU8" s="73">
        <v>2731</v>
      </c>
      <c r="IV8" s="70">
        <v>620</v>
      </c>
      <c r="IW8" s="71">
        <v>686</v>
      </c>
      <c r="IX8" s="72">
        <v>1306</v>
      </c>
      <c r="IY8" s="244"/>
      <c r="IZ8" s="71">
        <v>743</v>
      </c>
      <c r="JA8" s="71">
        <v>771</v>
      </c>
      <c r="JB8" s="71">
        <v>402</v>
      </c>
      <c r="JC8" s="71">
        <v>382</v>
      </c>
      <c r="JD8" s="71">
        <v>225</v>
      </c>
      <c r="JE8" s="72">
        <v>2523</v>
      </c>
      <c r="JF8" s="73">
        <v>3829</v>
      </c>
      <c r="JG8" s="70">
        <v>451</v>
      </c>
      <c r="JH8" s="71">
        <v>529</v>
      </c>
      <c r="JI8" s="72">
        <v>980</v>
      </c>
      <c r="JJ8" s="244"/>
      <c r="JK8" s="71">
        <v>665</v>
      </c>
      <c r="JL8" s="71">
        <v>898</v>
      </c>
      <c r="JM8" s="71">
        <v>603</v>
      </c>
      <c r="JN8" s="71">
        <v>557</v>
      </c>
      <c r="JO8" s="71">
        <v>329</v>
      </c>
      <c r="JP8" s="72">
        <v>3052</v>
      </c>
      <c r="JQ8" s="73">
        <v>4032</v>
      </c>
      <c r="JR8" s="70">
        <v>0</v>
      </c>
      <c r="JS8" s="71">
        <v>0</v>
      </c>
      <c r="JT8" s="72">
        <v>0</v>
      </c>
      <c r="JU8" s="244"/>
      <c r="JV8" s="71">
        <v>0</v>
      </c>
      <c r="JW8" s="71">
        <v>0</v>
      </c>
      <c r="JX8" s="71">
        <v>0</v>
      </c>
      <c r="JY8" s="71">
        <v>0</v>
      </c>
      <c r="JZ8" s="71">
        <v>0</v>
      </c>
      <c r="KA8" s="72">
        <v>0</v>
      </c>
      <c r="KB8" s="73">
        <v>0</v>
      </c>
      <c r="KC8" s="70">
        <v>2018</v>
      </c>
      <c r="KD8" s="71">
        <v>2299</v>
      </c>
      <c r="KE8" s="72">
        <v>4317</v>
      </c>
      <c r="KF8" s="244"/>
      <c r="KG8" s="71">
        <v>2275</v>
      </c>
      <c r="KH8" s="71">
        <v>2748</v>
      </c>
      <c r="KI8" s="71">
        <v>1573</v>
      </c>
      <c r="KJ8" s="71">
        <v>1478</v>
      </c>
      <c r="KK8" s="71">
        <v>947</v>
      </c>
      <c r="KL8" s="72">
        <v>9021</v>
      </c>
      <c r="KM8" s="73">
        <v>13338</v>
      </c>
    </row>
    <row r="9" spans="2:299" ht="21" customHeight="1" x14ac:dyDescent="0.2">
      <c r="B9" s="126" t="s">
        <v>6</v>
      </c>
      <c r="C9" s="313">
        <v>436</v>
      </c>
      <c r="D9" s="82">
        <v>414</v>
      </c>
      <c r="E9" s="83">
        <v>850</v>
      </c>
      <c r="F9" s="241"/>
      <c r="G9" s="82">
        <v>770</v>
      </c>
      <c r="H9" s="82">
        <v>562</v>
      </c>
      <c r="I9" s="82">
        <v>385</v>
      </c>
      <c r="J9" s="82">
        <v>338</v>
      </c>
      <c r="K9" s="82">
        <v>223</v>
      </c>
      <c r="L9" s="84">
        <v>2278</v>
      </c>
      <c r="M9" s="85">
        <v>3128</v>
      </c>
      <c r="N9" s="70">
        <v>18</v>
      </c>
      <c r="O9" s="71">
        <v>22</v>
      </c>
      <c r="P9" s="72">
        <v>40</v>
      </c>
      <c r="Q9" s="244"/>
      <c r="R9" s="71">
        <v>18</v>
      </c>
      <c r="S9" s="71">
        <v>25</v>
      </c>
      <c r="T9" s="71">
        <v>10</v>
      </c>
      <c r="U9" s="71">
        <v>16</v>
      </c>
      <c r="V9" s="71">
        <v>13</v>
      </c>
      <c r="W9" s="72">
        <v>82</v>
      </c>
      <c r="X9" s="73">
        <v>122</v>
      </c>
      <c r="Y9" s="70">
        <v>42</v>
      </c>
      <c r="Z9" s="71">
        <v>29</v>
      </c>
      <c r="AA9" s="72">
        <v>71</v>
      </c>
      <c r="AB9" s="244"/>
      <c r="AC9" s="71">
        <v>57</v>
      </c>
      <c r="AD9" s="71">
        <v>46</v>
      </c>
      <c r="AE9" s="71">
        <v>34</v>
      </c>
      <c r="AF9" s="71">
        <v>25</v>
      </c>
      <c r="AG9" s="71">
        <v>24</v>
      </c>
      <c r="AH9" s="72">
        <v>186</v>
      </c>
      <c r="AI9" s="73">
        <v>257</v>
      </c>
      <c r="AJ9" s="70">
        <v>53</v>
      </c>
      <c r="AK9" s="71">
        <v>57</v>
      </c>
      <c r="AL9" s="72">
        <v>110</v>
      </c>
      <c r="AM9" s="244"/>
      <c r="AN9" s="71">
        <v>95</v>
      </c>
      <c r="AO9" s="71">
        <v>80</v>
      </c>
      <c r="AP9" s="71">
        <v>55</v>
      </c>
      <c r="AQ9" s="71">
        <v>39</v>
      </c>
      <c r="AR9" s="71">
        <v>38</v>
      </c>
      <c r="AS9" s="72">
        <v>307</v>
      </c>
      <c r="AT9" s="73">
        <v>417</v>
      </c>
      <c r="AU9" s="70">
        <v>84</v>
      </c>
      <c r="AV9" s="71">
        <v>90</v>
      </c>
      <c r="AW9" s="72">
        <v>174</v>
      </c>
      <c r="AX9" s="244"/>
      <c r="AY9" s="71">
        <v>173</v>
      </c>
      <c r="AZ9" s="71">
        <v>107</v>
      </c>
      <c r="BA9" s="71">
        <v>70</v>
      </c>
      <c r="BB9" s="71">
        <v>64</v>
      </c>
      <c r="BC9" s="71">
        <v>38</v>
      </c>
      <c r="BD9" s="72">
        <v>452</v>
      </c>
      <c r="BE9" s="73">
        <v>626</v>
      </c>
      <c r="BF9" s="70">
        <v>132</v>
      </c>
      <c r="BG9" s="71">
        <v>112</v>
      </c>
      <c r="BH9" s="72">
        <v>244</v>
      </c>
      <c r="BI9" s="244"/>
      <c r="BJ9" s="71">
        <v>218</v>
      </c>
      <c r="BK9" s="71">
        <v>141</v>
      </c>
      <c r="BL9" s="71">
        <v>95</v>
      </c>
      <c r="BM9" s="71">
        <v>83</v>
      </c>
      <c r="BN9" s="71">
        <v>52</v>
      </c>
      <c r="BO9" s="72">
        <v>589</v>
      </c>
      <c r="BP9" s="73">
        <v>833</v>
      </c>
      <c r="BQ9" s="70">
        <v>107</v>
      </c>
      <c r="BR9" s="71">
        <v>104</v>
      </c>
      <c r="BS9" s="72">
        <v>211</v>
      </c>
      <c r="BT9" s="244"/>
      <c r="BU9" s="71">
        <v>209</v>
      </c>
      <c r="BV9" s="71">
        <v>163</v>
      </c>
      <c r="BW9" s="71">
        <v>121</v>
      </c>
      <c r="BX9" s="71">
        <v>111</v>
      </c>
      <c r="BY9" s="71">
        <v>58</v>
      </c>
      <c r="BZ9" s="72">
        <v>662</v>
      </c>
      <c r="CA9" s="73">
        <v>873</v>
      </c>
      <c r="CB9" s="70">
        <v>0</v>
      </c>
      <c r="CC9" s="71">
        <v>0</v>
      </c>
      <c r="CD9" s="72">
        <v>0</v>
      </c>
      <c r="CE9" s="244"/>
      <c r="CF9" s="71">
        <v>0</v>
      </c>
      <c r="CG9" s="71">
        <v>0</v>
      </c>
      <c r="CH9" s="71">
        <v>0</v>
      </c>
      <c r="CI9" s="71">
        <v>0</v>
      </c>
      <c r="CJ9" s="71">
        <v>0</v>
      </c>
      <c r="CK9" s="72">
        <v>0</v>
      </c>
      <c r="CL9" s="73">
        <v>0</v>
      </c>
      <c r="CM9" s="70">
        <v>436</v>
      </c>
      <c r="CN9" s="71">
        <v>414</v>
      </c>
      <c r="CO9" s="72">
        <v>850</v>
      </c>
      <c r="CP9" s="244"/>
      <c r="CQ9" s="71">
        <v>770</v>
      </c>
      <c r="CR9" s="71">
        <v>562</v>
      </c>
      <c r="CS9" s="71">
        <v>385</v>
      </c>
      <c r="CT9" s="71">
        <v>338</v>
      </c>
      <c r="CU9" s="71">
        <v>223</v>
      </c>
      <c r="CV9" s="72">
        <v>2278</v>
      </c>
      <c r="CW9" s="73">
        <v>3128</v>
      </c>
      <c r="CX9" s="123">
        <v>205</v>
      </c>
      <c r="CY9" s="82">
        <v>237</v>
      </c>
      <c r="CZ9" s="83">
        <v>442</v>
      </c>
      <c r="DA9" s="241"/>
      <c r="DB9" s="82">
        <v>375</v>
      </c>
      <c r="DC9" s="82">
        <v>290</v>
      </c>
      <c r="DD9" s="82">
        <v>191</v>
      </c>
      <c r="DE9" s="82">
        <v>200</v>
      </c>
      <c r="DF9" s="82">
        <v>126</v>
      </c>
      <c r="DG9" s="84">
        <v>1182</v>
      </c>
      <c r="DH9" s="85">
        <v>1624</v>
      </c>
      <c r="DI9" s="70">
        <v>3</v>
      </c>
      <c r="DJ9" s="71">
        <v>9</v>
      </c>
      <c r="DK9" s="72">
        <v>12</v>
      </c>
      <c r="DL9" s="244"/>
      <c r="DM9" s="71">
        <v>4</v>
      </c>
      <c r="DN9" s="71">
        <v>5</v>
      </c>
      <c r="DO9" s="71">
        <v>6</v>
      </c>
      <c r="DP9" s="71">
        <v>2</v>
      </c>
      <c r="DQ9" s="71">
        <v>3</v>
      </c>
      <c r="DR9" s="72">
        <v>20</v>
      </c>
      <c r="DS9" s="73">
        <v>32</v>
      </c>
      <c r="DT9" s="70">
        <v>12</v>
      </c>
      <c r="DU9" s="71">
        <v>18</v>
      </c>
      <c r="DV9" s="72">
        <v>30</v>
      </c>
      <c r="DW9" s="244"/>
      <c r="DX9" s="71">
        <v>21</v>
      </c>
      <c r="DY9" s="71">
        <v>23</v>
      </c>
      <c r="DZ9" s="71">
        <v>9</v>
      </c>
      <c r="EA9" s="71">
        <v>8</v>
      </c>
      <c r="EB9" s="71">
        <v>2</v>
      </c>
      <c r="EC9" s="72">
        <v>63</v>
      </c>
      <c r="ED9" s="73">
        <v>93</v>
      </c>
      <c r="EE9" s="70">
        <v>31</v>
      </c>
      <c r="EF9" s="71">
        <v>29</v>
      </c>
      <c r="EG9" s="72">
        <v>60</v>
      </c>
      <c r="EH9" s="244"/>
      <c r="EI9" s="71">
        <v>51</v>
      </c>
      <c r="EJ9" s="71">
        <v>29</v>
      </c>
      <c r="EK9" s="71">
        <v>19</v>
      </c>
      <c r="EL9" s="71">
        <v>17</v>
      </c>
      <c r="EM9" s="71">
        <v>14</v>
      </c>
      <c r="EN9" s="72">
        <v>130</v>
      </c>
      <c r="EO9" s="73">
        <v>190</v>
      </c>
      <c r="EP9" s="70">
        <v>60</v>
      </c>
      <c r="EQ9" s="71">
        <v>47</v>
      </c>
      <c r="ER9" s="72">
        <v>107</v>
      </c>
      <c r="ES9" s="244"/>
      <c r="ET9" s="71">
        <v>68</v>
      </c>
      <c r="EU9" s="71">
        <v>52</v>
      </c>
      <c r="EV9" s="71">
        <v>30</v>
      </c>
      <c r="EW9" s="71">
        <v>29</v>
      </c>
      <c r="EX9" s="71">
        <v>20</v>
      </c>
      <c r="EY9" s="72">
        <v>199</v>
      </c>
      <c r="EZ9" s="73">
        <v>306</v>
      </c>
      <c r="FA9" s="70">
        <v>55</v>
      </c>
      <c r="FB9" s="71">
        <v>79</v>
      </c>
      <c r="FC9" s="72">
        <v>134</v>
      </c>
      <c r="FD9" s="244"/>
      <c r="FE9" s="71">
        <v>112</v>
      </c>
      <c r="FF9" s="71">
        <v>76</v>
      </c>
      <c r="FG9" s="71">
        <v>50</v>
      </c>
      <c r="FH9" s="71">
        <v>49</v>
      </c>
      <c r="FI9" s="71">
        <v>31</v>
      </c>
      <c r="FJ9" s="72">
        <v>318</v>
      </c>
      <c r="FK9" s="73">
        <v>452</v>
      </c>
      <c r="FL9" s="70">
        <v>44</v>
      </c>
      <c r="FM9" s="71">
        <v>55</v>
      </c>
      <c r="FN9" s="72">
        <v>99</v>
      </c>
      <c r="FO9" s="244"/>
      <c r="FP9" s="71">
        <v>119</v>
      </c>
      <c r="FQ9" s="71">
        <v>105</v>
      </c>
      <c r="FR9" s="71">
        <v>77</v>
      </c>
      <c r="FS9" s="71">
        <v>95</v>
      </c>
      <c r="FT9" s="71">
        <v>56</v>
      </c>
      <c r="FU9" s="72">
        <v>452</v>
      </c>
      <c r="FV9" s="73">
        <v>551</v>
      </c>
      <c r="FW9" s="70">
        <v>0</v>
      </c>
      <c r="FX9" s="71">
        <v>0</v>
      </c>
      <c r="FY9" s="72">
        <v>0</v>
      </c>
      <c r="FZ9" s="244"/>
      <c r="GA9" s="71">
        <v>0</v>
      </c>
      <c r="GB9" s="71">
        <v>0</v>
      </c>
      <c r="GC9" s="71">
        <v>0</v>
      </c>
      <c r="GD9" s="71">
        <v>0</v>
      </c>
      <c r="GE9" s="71">
        <v>0</v>
      </c>
      <c r="GF9" s="72">
        <v>0</v>
      </c>
      <c r="GG9" s="73">
        <v>0</v>
      </c>
      <c r="GH9" s="70">
        <v>205</v>
      </c>
      <c r="GI9" s="71">
        <v>237</v>
      </c>
      <c r="GJ9" s="72">
        <v>442</v>
      </c>
      <c r="GK9" s="244"/>
      <c r="GL9" s="71">
        <v>375</v>
      </c>
      <c r="GM9" s="71">
        <v>290</v>
      </c>
      <c r="GN9" s="71">
        <v>191</v>
      </c>
      <c r="GO9" s="71">
        <v>200</v>
      </c>
      <c r="GP9" s="71">
        <v>126</v>
      </c>
      <c r="GQ9" s="72">
        <v>1182</v>
      </c>
      <c r="GR9" s="73">
        <v>1624</v>
      </c>
      <c r="GS9" s="123">
        <v>641</v>
      </c>
      <c r="GT9" s="82">
        <v>651</v>
      </c>
      <c r="GU9" s="83">
        <v>1292</v>
      </c>
      <c r="GV9" s="241"/>
      <c r="GW9" s="82">
        <v>1145</v>
      </c>
      <c r="GX9" s="82">
        <v>852</v>
      </c>
      <c r="GY9" s="82">
        <v>576</v>
      </c>
      <c r="GZ9" s="82">
        <v>538</v>
      </c>
      <c r="HA9" s="82">
        <v>349</v>
      </c>
      <c r="HB9" s="84">
        <v>3460</v>
      </c>
      <c r="HC9" s="85">
        <v>4752</v>
      </c>
      <c r="HD9" s="70">
        <v>21</v>
      </c>
      <c r="HE9" s="71">
        <v>31</v>
      </c>
      <c r="HF9" s="72">
        <v>52</v>
      </c>
      <c r="HG9" s="244"/>
      <c r="HH9" s="71">
        <v>22</v>
      </c>
      <c r="HI9" s="71">
        <v>30</v>
      </c>
      <c r="HJ9" s="71">
        <v>16</v>
      </c>
      <c r="HK9" s="71">
        <v>18</v>
      </c>
      <c r="HL9" s="71">
        <v>16</v>
      </c>
      <c r="HM9" s="72">
        <v>102</v>
      </c>
      <c r="HN9" s="73">
        <v>154</v>
      </c>
      <c r="HO9" s="70">
        <v>54</v>
      </c>
      <c r="HP9" s="71">
        <v>47</v>
      </c>
      <c r="HQ9" s="72">
        <v>101</v>
      </c>
      <c r="HR9" s="244"/>
      <c r="HS9" s="71">
        <v>78</v>
      </c>
      <c r="HT9" s="71">
        <v>69</v>
      </c>
      <c r="HU9" s="71">
        <v>43</v>
      </c>
      <c r="HV9" s="71">
        <v>33</v>
      </c>
      <c r="HW9" s="71">
        <v>26</v>
      </c>
      <c r="HX9" s="72">
        <v>249</v>
      </c>
      <c r="HY9" s="73">
        <v>350</v>
      </c>
      <c r="HZ9" s="70">
        <v>84</v>
      </c>
      <c r="IA9" s="71">
        <v>86</v>
      </c>
      <c r="IB9" s="72">
        <v>170</v>
      </c>
      <c r="IC9" s="244"/>
      <c r="ID9" s="71">
        <v>146</v>
      </c>
      <c r="IE9" s="71">
        <v>109</v>
      </c>
      <c r="IF9" s="71">
        <v>74</v>
      </c>
      <c r="IG9" s="71">
        <v>56</v>
      </c>
      <c r="IH9" s="71">
        <v>52</v>
      </c>
      <c r="II9" s="72">
        <v>437</v>
      </c>
      <c r="IJ9" s="73">
        <v>607</v>
      </c>
      <c r="IK9" s="70">
        <v>144</v>
      </c>
      <c r="IL9" s="71">
        <v>137</v>
      </c>
      <c r="IM9" s="72">
        <v>281</v>
      </c>
      <c r="IN9" s="244"/>
      <c r="IO9" s="71">
        <v>241</v>
      </c>
      <c r="IP9" s="71">
        <v>159</v>
      </c>
      <c r="IQ9" s="71">
        <v>100</v>
      </c>
      <c r="IR9" s="71">
        <v>93</v>
      </c>
      <c r="IS9" s="71">
        <v>58</v>
      </c>
      <c r="IT9" s="72">
        <v>651</v>
      </c>
      <c r="IU9" s="73">
        <v>932</v>
      </c>
      <c r="IV9" s="70">
        <v>187</v>
      </c>
      <c r="IW9" s="71">
        <v>191</v>
      </c>
      <c r="IX9" s="72">
        <v>378</v>
      </c>
      <c r="IY9" s="244"/>
      <c r="IZ9" s="71">
        <v>330</v>
      </c>
      <c r="JA9" s="71">
        <v>217</v>
      </c>
      <c r="JB9" s="71">
        <v>145</v>
      </c>
      <c r="JC9" s="71">
        <v>132</v>
      </c>
      <c r="JD9" s="71">
        <v>83</v>
      </c>
      <c r="JE9" s="72">
        <v>907</v>
      </c>
      <c r="JF9" s="73">
        <v>1285</v>
      </c>
      <c r="JG9" s="70">
        <v>151</v>
      </c>
      <c r="JH9" s="71">
        <v>159</v>
      </c>
      <c r="JI9" s="72">
        <v>310</v>
      </c>
      <c r="JJ9" s="244"/>
      <c r="JK9" s="71">
        <v>328</v>
      </c>
      <c r="JL9" s="71">
        <v>268</v>
      </c>
      <c r="JM9" s="71">
        <v>198</v>
      </c>
      <c r="JN9" s="71">
        <v>206</v>
      </c>
      <c r="JO9" s="71">
        <v>114</v>
      </c>
      <c r="JP9" s="72">
        <v>1114</v>
      </c>
      <c r="JQ9" s="73">
        <v>1424</v>
      </c>
      <c r="JR9" s="70">
        <v>0</v>
      </c>
      <c r="JS9" s="71">
        <v>0</v>
      </c>
      <c r="JT9" s="72">
        <v>0</v>
      </c>
      <c r="JU9" s="244"/>
      <c r="JV9" s="71">
        <v>0</v>
      </c>
      <c r="JW9" s="71">
        <v>0</v>
      </c>
      <c r="JX9" s="71">
        <v>0</v>
      </c>
      <c r="JY9" s="71">
        <v>0</v>
      </c>
      <c r="JZ9" s="71">
        <v>0</v>
      </c>
      <c r="KA9" s="72">
        <v>0</v>
      </c>
      <c r="KB9" s="73">
        <v>0</v>
      </c>
      <c r="KC9" s="70">
        <v>641</v>
      </c>
      <c r="KD9" s="71">
        <v>651</v>
      </c>
      <c r="KE9" s="72">
        <v>1292</v>
      </c>
      <c r="KF9" s="244"/>
      <c r="KG9" s="71">
        <v>1145</v>
      </c>
      <c r="KH9" s="71">
        <v>852</v>
      </c>
      <c r="KI9" s="71">
        <v>576</v>
      </c>
      <c r="KJ9" s="71">
        <v>538</v>
      </c>
      <c r="KK9" s="71">
        <v>349</v>
      </c>
      <c r="KL9" s="72">
        <v>3460</v>
      </c>
      <c r="KM9" s="73">
        <v>4752</v>
      </c>
    </row>
    <row r="10" spans="2:299" ht="21" customHeight="1" x14ac:dyDescent="0.2">
      <c r="B10" s="126" t="s">
        <v>14</v>
      </c>
      <c r="C10" s="313">
        <v>190</v>
      </c>
      <c r="D10" s="82">
        <v>208</v>
      </c>
      <c r="E10" s="83">
        <v>398</v>
      </c>
      <c r="F10" s="241"/>
      <c r="G10" s="82">
        <v>265</v>
      </c>
      <c r="H10" s="82">
        <v>259</v>
      </c>
      <c r="I10" s="82">
        <v>164</v>
      </c>
      <c r="J10" s="82">
        <v>135</v>
      </c>
      <c r="K10" s="82">
        <v>88</v>
      </c>
      <c r="L10" s="84">
        <v>911</v>
      </c>
      <c r="M10" s="85">
        <v>1309</v>
      </c>
      <c r="N10" s="70">
        <v>5</v>
      </c>
      <c r="O10" s="71">
        <v>8</v>
      </c>
      <c r="P10" s="72">
        <v>13</v>
      </c>
      <c r="Q10" s="244"/>
      <c r="R10" s="71">
        <v>8</v>
      </c>
      <c r="S10" s="71">
        <v>10</v>
      </c>
      <c r="T10" s="71">
        <v>5</v>
      </c>
      <c r="U10" s="71">
        <v>7</v>
      </c>
      <c r="V10" s="71">
        <v>11</v>
      </c>
      <c r="W10" s="72">
        <v>41</v>
      </c>
      <c r="X10" s="73">
        <v>54</v>
      </c>
      <c r="Y10" s="70">
        <v>21</v>
      </c>
      <c r="Z10" s="71">
        <v>21</v>
      </c>
      <c r="AA10" s="72">
        <v>42</v>
      </c>
      <c r="AB10" s="244"/>
      <c r="AC10" s="71">
        <v>20</v>
      </c>
      <c r="AD10" s="71">
        <v>24</v>
      </c>
      <c r="AE10" s="71">
        <v>17</v>
      </c>
      <c r="AF10" s="71">
        <v>8</v>
      </c>
      <c r="AG10" s="71">
        <v>11</v>
      </c>
      <c r="AH10" s="72">
        <v>80</v>
      </c>
      <c r="AI10" s="73">
        <v>122</v>
      </c>
      <c r="AJ10" s="70">
        <v>21</v>
      </c>
      <c r="AK10" s="71">
        <v>38</v>
      </c>
      <c r="AL10" s="72">
        <v>59</v>
      </c>
      <c r="AM10" s="244"/>
      <c r="AN10" s="71">
        <v>39</v>
      </c>
      <c r="AO10" s="71">
        <v>40</v>
      </c>
      <c r="AP10" s="71">
        <v>15</v>
      </c>
      <c r="AQ10" s="71">
        <v>18</v>
      </c>
      <c r="AR10" s="71">
        <v>14</v>
      </c>
      <c r="AS10" s="72">
        <v>126</v>
      </c>
      <c r="AT10" s="73">
        <v>185</v>
      </c>
      <c r="AU10" s="70">
        <v>42</v>
      </c>
      <c r="AV10" s="71">
        <v>48</v>
      </c>
      <c r="AW10" s="72">
        <v>90</v>
      </c>
      <c r="AX10" s="244"/>
      <c r="AY10" s="71">
        <v>60</v>
      </c>
      <c r="AZ10" s="71">
        <v>51</v>
      </c>
      <c r="BA10" s="71">
        <v>32</v>
      </c>
      <c r="BB10" s="71">
        <v>28</v>
      </c>
      <c r="BC10" s="71">
        <v>18</v>
      </c>
      <c r="BD10" s="72">
        <v>189</v>
      </c>
      <c r="BE10" s="73">
        <v>279</v>
      </c>
      <c r="BF10" s="70">
        <v>61</v>
      </c>
      <c r="BG10" s="71">
        <v>45</v>
      </c>
      <c r="BH10" s="72">
        <v>106</v>
      </c>
      <c r="BI10" s="244"/>
      <c r="BJ10" s="71">
        <v>77</v>
      </c>
      <c r="BK10" s="71">
        <v>69</v>
      </c>
      <c r="BL10" s="71">
        <v>60</v>
      </c>
      <c r="BM10" s="71">
        <v>36</v>
      </c>
      <c r="BN10" s="71">
        <v>15</v>
      </c>
      <c r="BO10" s="72">
        <v>257</v>
      </c>
      <c r="BP10" s="73">
        <v>363</v>
      </c>
      <c r="BQ10" s="70">
        <v>40</v>
      </c>
      <c r="BR10" s="71">
        <v>48</v>
      </c>
      <c r="BS10" s="72">
        <v>88</v>
      </c>
      <c r="BT10" s="244"/>
      <c r="BU10" s="71">
        <v>61</v>
      </c>
      <c r="BV10" s="71">
        <v>65</v>
      </c>
      <c r="BW10" s="71">
        <v>35</v>
      </c>
      <c r="BX10" s="71">
        <v>38</v>
      </c>
      <c r="BY10" s="71">
        <v>19</v>
      </c>
      <c r="BZ10" s="72">
        <v>218</v>
      </c>
      <c r="CA10" s="73">
        <v>306</v>
      </c>
      <c r="CB10" s="70">
        <v>0</v>
      </c>
      <c r="CC10" s="71">
        <v>0</v>
      </c>
      <c r="CD10" s="72">
        <v>0</v>
      </c>
      <c r="CE10" s="244"/>
      <c r="CF10" s="71">
        <v>0</v>
      </c>
      <c r="CG10" s="71">
        <v>0</v>
      </c>
      <c r="CH10" s="71">
        <v>0</v>
      </c>
      <c r="CI10" s="71">
        <v>0</v>
      </c>
      <c r="CJ10" s="71">
        <v>0</v>
      </c>
      <c r="CK10" s="72">
        <v>0</v>
      </c>
      <c r="CL10" s="73">
        <v>0</v>
      </c>
      <c r="CM10" s="70">
        <v>190</v>
      </c>
      <c r="CN10" s="71">
        <v>208</v>
      </c>
      <c r="CO10" s="72">
        <v>398</v>
      </c>
      <c r="CP10" s="244"/>
      <c r="CQ10" s="71">
        <v>265</v>
      </c>
      <c r="CR10" s="71">
        <v>259</v>
      </c>
      <c r="CS10" s="71">
        <v>164</v>
      </c>
      <c r="CT10" s="71">
        <v>135</v>
      </c>
      <c r="CU10" s="71">
        <v>88</v>
      </c>
      <c r="CV10" s="72">
        <v>911</v>
      </c>
      <c r="CW10" s="73">
        <v>1309</v>
      </c>
      <c r="CX10" s="123">
        <v>59</v>
      </c>
      <c r="CY10" s="82">
        <v>92</v>
      </c>
      <c r="CZ10" s="83">
        <v>151</v>
      </c>
      <c r="DA10" s="241"/>
      <c r="DB10" s="82">
        <v>101</v>
      </c>
      <c r="DC10" s="82">
        <v>119</v>
      </c>
      <c r="DD10" s="82">
        <v>86</v>
      </c>
      <c r="DE10" s="82">
        <v>67</v>
      </c>
      <c r="DF10" s="82">
        <v>48</v>
      </c>
      <c r="DG10" s="84">
        <v>421</v>
      </c>
      <c r="DH10" s="85">
        <v>572</v>
      </c>
      <c r="DI10" s="70">
        <v>0</v>
      </c>
      <c r="DJ10" s="71">
        <v>3</v>
      </c>
      <c r="DK10" s="72">
        <v>3</v>
      </c>
      <c r="DL10" s="244"/>
      <c r="DM10" s="71">
        <v>0</v>
      </c>
      <c r="DN10" s="71">
        <v>3</v>
      </c>
      <c r="DO10" s="71">
        <v>1</v>
      </c>
      <c r="DP10" s="71">
        <v>0</v>
      </c>
      <c r="DQ10" s="71">
        <v>1</v>
      </c>
      <c r="DR10" s="72">
        <v>5</v>
      </c>
      <c r="DS10" s="73">
        <v>8</v>
      </c>
      <c r="DT10" s="70">
        <v>5</v>
      </c>
      <c r="DU10" s="71">
        <v>6</v>
      </c>
      <c r="DV10" s="72">
        <v>11</v>
      </c>
      <c r="DW10" s="244"/>
      <c r="DX10" s="71">
        <v>7</v>
      </c>
      <c r="DY10" s="71">
        <v>6</v>
      </c>
      <c r="DZ10" s="71">
        <v>6</v>
      </c>
      <c r="EA10" s="71">
        <v>0</v>
      </c>
      <c r="EB10" s="71">
        <v>1</v>
      </c>
      <c r="EC10" s="72">
        <v>20</v>
      </c>
      <c r="ED10" s="73">
        <v>31</v>
      </c>
      <c r="EE10" s="70">
        <v>12</v>
      </c>
      <c r="EF10" s="71">
        <v>17</v>
      </c>
      <c r="EG10" s="72">
        <v>29</v>
      </c>
      <c r="EH10" s="244"/>
      <c r="EI10" s="71">
        <v>9</v>
      </c>
      <c r="EJ10" s="71">
        <v>14</v>
      </c>
      <c r="EK10" s="71">
        <v>11</v>
      </c>
      <c r="EL10" s="71">
        <v>5</v>
      </c>
      <c r="EM10" s="71">
        <v>3</v>
      </c>
      <c r="EN10" s="72">
        <v>42</v>
      </c>
      <c r="EO10" s="73">
        <v>71</v>
      </c>
      <c r="EP10" s="70">
        <v>17</v>
      </c>
      <c r="EQ10" s="71">
        <v>24</v>
      </c>
      <c r="ER10" s="72">
        <v>41</v>
      </c>
      <c r="ES10" s="244"/>
      <c r="ET10" s="71">
        <v>24</v>
      </c>
      <c r="EU10" s="71">
        <v>21</v>
      </c>
      <c r="EV10" s="71">
        <v>14</v>
      </c>
      <c r="EW10" s="71">
        <v>8</v>
      </c>
      <c r="EX10" s="71">
        <v>11</v>
      </c>
      <c r="EY10" s="72">
        <v>78</v>
      </c>
      <c r="EZ10" s="73">
        <v>119</v>
      </c>
      <c r="FA10" s="70">
        <v>17</v>
      </c>
      <c r="FB10" s="71">
        <v>27</v>
      </c>
      <c r="FC10" s="72">
        <v>44</v>
      </c>
      <c r="FD10" s="244"/>
      <c r="FE10" s="71">
        <v>27</v>
      </c>
      <c r="FF10" s="71">
        <v>28</v>
      </c>
      <c r="FG10" s="71">
        <v>13</v>
      </c>
      <c r="FH10" s="71">
        <v>19</v>
      </c>
      <c r="FI10" s="71">
        <v>14</v>
      </c>
      <c r="FJ10" s="72">
        <v>101</v>
      </c>
      <c r="FK10" s="73">
        <v>145</v>
      </c>
      <c r="FL10" s="70">
        <v>8</v>
      </c>
      <c r="FM10" s="71">
        <v>15</v>
      </c>
      <c r="FN10" s="72">
        <v>23</v>
      </c>
      <c r="FO10" s="244"/>
      <c r="FP10" s="71">
        <v>34</v>
      </c>
      <c r="FQ10" s="71">
        <v>47</v>
      </c>
      <c r="FR10" s="71">
        <v>41</v>
      </c>
      <c r="FS10" s="71">
        <v>35</v>
      </c>
      <c r="FT10" s="71">
        <v>18</v>
      </c>
      <c r="FU10" s="72">
        <v>175</v>
      </c>
      <c r="FV10" s="73">
        <v>198</v>
      </c>
      <c r="FW10" s="70">
        <v>0</v>
      </c>
      <c r="FX10" s="71">
        <v>0</v>
      </c>
      <c r="FY10" s="72">
        <v>0</v>
      </c>
      <c r="FZ10" s="244"/>
      <c r="GA10" s="71">
        <v>0</v>
      </c>
      <c r="GB10" s="71">
        <v>0</v>
      </c>
      <c r="GC10" s="71">
        <v>0</v>
      </c>
      <c r="GD10" s="71">
        <v>0</v>
      </c>
      <c r="GE10" s="71">
        <v>0</v>
      </c>
      <c r="GF10" s="72">
        <v>0</v>
      </c>
      <c r="GG10" s="73">
        <v>0</v>
      </c>
      <c r="GH10" s="70">
        <v>59</v>
      </c>
      <c r="GI10" s="71">
        <v>92</v>
      </c>
      <c r="GJ10" s="72">
        <v>151</v>
      </c>
      <c r="GK10" s="244"/>
      <c r="GL10" s="71">
        <v>101</v>
      </c>
      <c r="GM10" s="71">
        <v>119</v>
      </c>
      <c r="GN10" s="71">
        <v>86</v>
      </c>
      <c r="GO10" s="71">
        <v>67</v>
      </c>
      <c r="GP10" s="71">
        <v>48</v>
      </c>
      <c r="GQ10" s="72">
        <v>421</v>
      </c>
      <c r="GR10" s="73">
        <v>572</v>
      </c>
      <c r="GS10" s="123">
        <v>249</v>
      </c>
      <c r="GT10" s="82">
        <v>300</v>
      </c>
      <c r="GU10" s="83">
        <v>549</v>
      </c>
      <c r="GV10" s="241"/>
      <c r="GW10" s="82">
        <v>366</v>
      </c>
      <c r="GX10" s="82">
        <v>378</v>
      </c>
      <c r="GY10" s="82">
        <v>250</v>
      </c>
      <c r="GZ10" s="82">
        <v>202</v>
      </c>
      <c r="HA10" s="82">
        <v>136</v>
      </c>
      <c r="HB10" s="84">
        <v>1332</v>
      </c>
      <c r="HC10" s="85">
        <v>1881</v>
      </c>
      <c r="HD10" s="70">
        <v>5</v>
      </c>
      <c r="HE10" s="71">
        <v>11</v>
      </c>
      <c r="HF10" s="72">
        <v>16</v>
      </c>
      <c r="HG10" s="244"/>
      <c r="HH10" s="71">
        <v>8</v>
      </c>
      <c r="HI10" s="71">
        <v>13</v>
      </c>
      <c r="HJ10" s="71">
        <v>6</v>
      </c>
      <c r="HK10" s="71">
        <v>7</v>
      </c>
      <c r="HL10" s="71">
        <v>12</v>
      </c>
      <c r="HM10" s="72">
        <v>46</v>
      </c>
      <c r="HN10" s="73">
        <v>62</v>
      </c>
      <c r="HO10" s="70">
        <v>26</v>
      </c>
      <c r="HP10" s="71">
        <v>27</v>
      </c>
      <c r="HQ10" s="72">
        <v>53</v>
      </c>
      <c r="HR10" s="244"/>
      <c r="HS10" s="71">
        <v>27</v>
      </c>
      <c r="HT10" s="71">
        <v>30</v>
      </c>
      <c r="HU10" s="71">
        <v>23</v>
      </c>
      <c r="HV10" s="71">
        <v>8</v>
      </c>
      <c r="HW10" s="71">
        <v>12</v>
      </c>
      <c r="HX10" s="72">
        <v>100</v>
      </c>
      <c r="HY10" s="73">
        <v>153</v>
      </c>
      <c r="HZ10" s="70">
        <v>33</v>
      </c>
      <c r="IA10" s="71">
        <v>55</v>
      </c>
      <c r="IB10" s="72">
        <v>88</v>
      </c>
      <c r="IC10" s="244"/>
      <c r="ID10" s="71">
        <v>48</v>
      </c>
      <c r="IE10" s="71">
        <v>54</v>
      </c>
      <c r="IF10" s="71">
        <v>26</v>
      </c>
      <c r="IG10" s="71">
        <v>23</v>
      </c>
      <c r="IH10" s="71">
        <v>17</v>
      </c>
      <c r="II10" s="72">
        <v>168</v>
      </c>
      <c r="IJ10" s="73">
        <v>256</v>
      </c>
      <c r="IK10" s="70">
        <v>59</v>
      </c>
      <c r="IL10" s="71">
        <v>72</v>
      </c>
      <c r="IM10" s="72">
        <v>131</v>
      </c>
      <c r="IN10" s="244"/>
      <c r="IO10" s="71">
        <v>84</v>
      </c>
      <c r="IP10" s="71">
        <v>72</v>
      </c>
      <c r="IQ10" s="71">
        <v>46</v>
      </c>
      <c r="IR10" s="71">
        <v>36</v>
      </c>
      <c r="IS10" s="71">
        <v>29</v>
      </c>
      <c r="IT10" s="72">
        <v>267</v>
      </c>
      <c r="IU10" s="73">
        <v>398</v>
      </c>
      <c r="IV10" s="70">
        <v>78</v>
      </c>
      <c r="IW10" s="71">
        <v>72</v>
      </c>
      <c r="IX10" s="72">
        <v>150</v>
      </c>
      <c r="IY10" s="244"/>
      <c r="IZ10" s="71">
        <v>104</v>
      </c>
      <c r="JA10" s="71">
        <v>97</v>
      </c>
      <c r="JB10" s="71">
        <v>73</v>
      </c>
      <c r="JC10" s="71">
        <v>55</v>
      </c>
      <c r="JD10" s="71">
        <v>29</v>
      </c>
      <c r="JE10" s="72">
        <v>358</v>
      </c>
      <c r="JF10" s="73">
        <v>508</v>
      </c>
      <c r="JG10" s="70">
        <v>48</v>
      </c>
      <c r="JH10" s="71">
        <v>63</v>
      </c>
      <c r="JI10" s="72">
        <v>111</v>
      </c>
      <c r="JJ10" s="244"/>
      <c r="JK10" s="71">
        <v>95</v>
      </c>
      <c r="JL10" s="71">
        <v>112</v>
      </c>
      <c r="JM10" s="71">
        <v>76</v>
      </c>
      <c r="JN10" s="71">
        <v>73</v>
      </c>
      <c r="JO10" s="71">
        <v>37</v>
      </c>
      <c r="JP10" s="72">
        <v>393</v>
      </c>
      <c r="JQ10" s="73">
        <v>504</v>
      </c>
      <c r="JR10" s="70">
        <v>0</v>
      </c>
      <c r="JS10" s="71">
        <v>0</v>
      </c>
      <c r="JT10" s="72">
        <v>0</v>
      </c>
      <c r="JU10" s="244"/>
      <c r="JV10" s="71">
        <v>0</v>
      </c>
      <c r="JW10" s="71">
        <v>0</v>
      </c>
      <c r="JX10" s="71">
        <v>0</v>
      </c>
      <c r="JY10" s="71">
        <v>0</v>
      </c>
      <c r="JZ10" s="71">
        <v>0</v>
      </c>
      <c r="KA10" s="72">
        <v>0</v>
      </c>
      <c r="KB10" s="73">
        <v>0</v>
      </c>
      <c r="KC10" s="70">
        <v>249</v>
      </c>
      <c r="KD10" s="71">
        <v>300</v>
      </c>
      <c r="KE10" s="72">
        <v>549</v>
      </c>
      <c r="KF10" s="244"/>
      <c r="KG10" s="71">
        <v>366</v>
      </c>
      <c r="KH10" s="71">
        <v>378</v>
      </c>
      <c r="KI10" s="71">
        <v>250</v>
      </c>
      <c r="KJ10" s="71">
        <v>202</v>
      </c>
      <c r="KK10" s="71">
        <v>136</v>
      </c>
      <c r="KL10" s="72">
        <v>1332</v>
      </c>
      <c r="KM10" s="73">
        <v>1881</v>
      </c>
    </row>
    <row r="11" spans="2:299" ht="21" customHeight="1" x14ac:dyDescent="0.2">
      <c r="B11" s="126" t="s">
        <v>7</v>
      </c>
      <c r="C11" s="313">
        <v>111</v>
      </c>
      <c r="D11" s="82">
        <v>86</v>
      </c>
      <c r="E11" s="83">
        <v>197</v>
      </c>
      <c r="F11" s="241"/>
      <c r="G11" s="82">
        <v>237</v>
      </c>
      <c r="H11" s="82">
        <v>149</v>
      </c>
      <c r="I11" s="82">
        <v>81</v>
      </c>
      <c r="J11" s="82">
        <v>73</v>
      </c>
      <c r="K11" s="82">
        <v>34</v>
      </c>
      <c r="L11" s="84">
        <v>574</v>
      </c>
      <c r="M11" s="85">
        <v>771</v>
      </c>
      <c r="N11" s="70">
        <v>5</v>
      </c>
      <c r="O11" s="71">
        <v>3</v>
      </c>
      <c r="P11" s="72">
        <v>8</v>
      </c>
      <c r="Q11" s="244"/>
      <c r="R11" s="71">
        <v>5</v>
      </c>
      <c r="S11" s="71">
        <v>3</v>
      </c>
      <c r="T11" s="71">
        <v>6</v>
      </c>
      <c r="U11" s="71">
        <v>4</v>
      </c>
      <c r="V11" s="71">
        <v>3</v>
      </c>
      <c r="W11" s="72">
        <v>21</v>
      </c>
      <c r="X11" s="73">
        <v>29</v>
      </c>
      <c r="Y11" s="70">
        <v>11</v>
      </c>
      <c r="Z11" s="71">
        <v>5</v>
      </c>
      <c r="AA11" s="72">
        <v>16</v>
      </c>
      <c r="AB11" s="244"/>
      <c r="AC11" s="71">
        <v>17</v>
      </c>
      <c r="AD11" s="71">
        <v>12</v>
      </c>
      <c r="AE11" s="71">
        <v>7</v>
      </c>
      <c r="AF11" s="71">
        <v>3</v>
      </c>
      <c r="AG11" s="71">
        <v>5</v>
      </c>
      <c r="AH11" s="72">
        <v>44</v>
      </c>
      <c r="AI11" s="73">
        <v>60</v>
      </c>
      <c r="AJ11" s="70">
        <v>12</v>
      </c>
      <c r="AK11" s="71">
        <v>11</v>
      </c>
      <c r="AL11" s="72">
        <v>23</v>
      </c>
      <c r="AM11" s="244"/>
      <c r="AN11" s="71">
        <v>32</v>
      </c>
      <c r="AO11" s="71">
        <v>17</v>
      </c>
      <c r="AP11" s="71">
        <v>13</v>
      </c>
      <c r="AQ11" s="71">
        <v>13</v>
      </c>
      <c r="AR11" s="71">
        <v>4</v>
      </c>
      <c r="AS11" s="72">
        <v>79</v>
      </c>
      <c r="AT11" s="73">
        <v>102</v>
      </c>
      <c r="AU11" s="70">
        <v>25</v>
      </c>
      <c r="AV11" s="71">
        <v>23</v>
      </c>
      <c r="AW11" s="72">
        <v>48</v>
      </c>
      <c r="AX11" s="244"/>
      <c r="AY11" s="71">
        <v>57</v>
      </c>
      <c r="AZ11" s="71">
        <v>28</v>
      </c>
      <c r="BA11" s="71">
        <v>14</v>
      </c>
      <c r="BB11" s="71">
        <v>8</v>
      </c>
      <c r="BC11" s="71">
        <v>9</v>
      </c>
      <c r="BD11" s="72">
        <v>116</v>
      </c>
      <c r="BE11" s="73">
        <v>164</v>
      </c>
      <c r="BF11" s="70">
        <v>33</v>
      </c>
      <c r="BG11" s="71">
        <v>25</v>
      </c>
      <c r="BH11" s="72">
        <v>58</v>
      </c>
      <c r="BI11" s="244"/>
      <c r="BJ11" s="71">
        <v>68</v>
      </c>
      <c r="BK11" s="71">
        <v>43</v>
      </c>
      <c r="BL11" s="71">
        <v>15</v>
      </c>
      <c r="BM11" s="71">
        <v>22</v>
      </c>
      <c r="BN11" s="71">
        <v>8</v>
      </c>
      <c r="BO11" s="72">
        <v>156</v>
      </c>
      <c r="BP11" s="73">
        <v>214</v>
      </c>
      <c r="BQ11" s="70">
        <v>25</v>
      </c>
      <c r="BR11" s="71">
        <v>19</v>
      </c>
      <c r="BS11" s="72">
        <v>44</v>
      </c>
      <c r="BT11" s="244"/>
      <c r="BU11" s="71">
        <v>58</v>
      </c>
      <c r="BV11" s="71">
        <v>46</v>
      </c>
      <c r="BW11" s="71">
        <v>26</v>
      </c>
      <c r="BX11" s="71">
        <v>23</v>
      </c>
      <c r="BY11" s="71">
        <v>5</v>
      </c>
      <c r="BZ11" s="72">
        <v>158</v>
      </c>
      <c r="CA11" s="73">
        <v>202</v>
      </c>
      <c r="CB11" s="70">
        <v>0</v>
      </c>
      <c r="CC11" s="71">
        <v>0</v>
      </c>
      <c r="CD11" s="72">
        <v>0</v>
      </c>
      <c r="CE11" s="244"/>
      <c r="CF11" s="71">
        <v>0</v>
      </c>
      <c r="CG11" s="71">
        <v>0</v>
      </c>
      <c r="CH11" s="71">
        <v>0</v>
      </c>
      <c r="CI11" s="71">
        <v>0</v>
      </c>
      <c r="CJ11" s="71">
        <v>0</v>
      </c>
      <c r="CK11" s="72">
        <v>0</v>
      </c>
      <c r="CL11" s="73">
        <v>0</v>
      </c>
      <c r="CM11" s="70">
        <v>111</v>
      </c>
      <c r="CN11" s="71">
        <v>86</v>
      </c>
      <c r="CO11" s="72">
        <v>197</v>
      </c>
      <c r="CP11" s="244"/>
      <c r="CQ11" s="71">
        <v>237</v>
      </c>
      <c r="CR11" s="71">
        <v>149</v>
      </c>
      <c r="CS11" s="71">
        <v>81</v>
      </c>
      <c r="CT11" s="71">
        <v>73</v>
      </c>
      <c r="CU11" s="71">
        <v>34</v>
      </c>
      <c r="CV11" s="72">
        <v>574</v>
      </c>
      <c r="CW11" s="73">
        <v>771</v>
      </c>
      <c r="CX11" s="123">
        <v>44</v>
      </c>
      <c r="CY11" s="82">
        <v>40</v>
      </c>
      <c r="CZ11" s="83">
        <v>84</v>
      </c>
      <c r="DA11" s="241"/>
      <c r="DB11" s="82">
        <v>73</v>
      </c>
      <c r="DC11" s="82">
        <v>39</v>
      </c>
      <c r="DD11" s="82">
        <v>32</v>
      </c>
      <c r="DE11" s="82">
        <v>34</v>
      </c>
      <c r="DF11" s="82">
        <v>18</v>
      </c>
      <c r="DG11" s="84">
        <v>196</v>
      </c>
      <c r="DH11" s="85">
        <v>280</v>
      </c>
      <c r="DI11" s="70">
        <v>0</v>
      </c>
      <c r="DJ11" s="71">
        <v>0</v>
      </c>
      <c r="DK11" s="72">
        <v>0</v>
      </c>
      <c r="DL11" s="244"/>
      <c r="DM11" s="71">
        <v>2</v>
      </c>
      <c r="DN11" s="71">
        <v>1</v>
      </c>
      <c r="DO11" s="71">
        <v>4</v>
      </c>
      <c r="DP11" s="71">
        <v>1</v>
      </c>
      <c r="DQ11" s="71">
        <v>0</v>
      </c>
      <c r="DR11" s="72">
        <v>8</v>
      </c>
      <c r="DS11" s="73">
        <v>8</v>
      </c>
      <c r="DT11" s="70">
        <v>1</v>
      </c>
      <c r="DU11" s="71">
        <v>2</v>
      </c>
      <c r="DV11" s="72">
        <v>3</v>
      </c>
      <c r="DW11" s="244"/>
      <c r="DX11" s="71">
        <v>6</v>
      </c>
      <c r="DY11" s="71">
        <v>4</v>
      </c>
      <c r="DZ11" s="71">
        <v>2</v>
      </c>
      <c r="EA11" s="71">
        <v>3</v>
      </c>
      <c r="EB11" s="71">
        <v>3</v>
      </c>
      <c r="EC11" s="72">
        <v>18</v>
      </c>
      <c r="ED11" s="73">
        <v>21</v>
      </c>
      <c r="EE11" s="70">
        <v>4</v>
      </c>
      <c r="EF11" s="71">
        <v>5</v>
      </c>
      <c r="EG11" s="72">
        <v>9</v>
      </c>
      <c r="EH11" s="244"/>
      <c r="EI11" s="71">
        <v>13</v>
      </c>
      <c r="EJ11" s="71">
        <v>8</v>
      </c>
      <c r="EK11" s="71">
        <v>4</v>
      </c>
      <c r="EL11" s="71">
        <v>6</v>
      </c>
      <c r="EM11" s="71">
        <v>3</v>
      </c>
      <c r="EN11" s="72">
        <v>34</v>
      </c>
      <c r="EO11" s="73">
        <v>43</v>
      </c>
      <c r="EP11" s="70">
        <v>17</v>
      </c>
      <c r="EQ11" s="71">
        <v>10</v>
      </c>
      <c r="ER11" s="72">
        <v>27</v>
      </c>
      <c r="ES11" s="244"/>
      <c r="ET11" s="71">
        <v>17</v>
      </c>
      <c r="EU11" s="71">
        <v>9</v>
      </c>
      <c r="EV11" s="71">
        <v>3</v>
      </c>
      <c r="EW11" s="71">
        <v>4</v>
      </c>
      <c r="EX11" s="71">
        <v>2</v>
      </c>
      <c r="EY11" s="72">
        <v>35</v>
      </c>
      <c r="EZ11" s="73">
        <v>62</v>
      </c>
      <c r="FA11" s="70">
        <v>14</v>
      </c>
      <c r="FB11" s="71">
        <v>13</v>
      </c>
      <c r="FC11" s="72">
        <v>27</v>
      </c>
      <c r="FD11" s="244"/>
      <c r="FE11" s="71">
        <v>23</v>
      </c>
      <c r="FF11" s="71">
        <v>4</v>
      </c>
      <c r="FG11" s="71">
        <v>9</v>
      </c>
      <c r="FH11" s="71">
        <v>8</v>
      </c>
      <c r="FI11" s="71">
        <v>4</v>
      </c>
      <c r="FJ11" s="72">
        <v>48</v>
      </c>
      <c r="FK11" s="73">
        <v>75</v>
      </c>
      <c r="FL11" s="70">
        <v>8</v>
      </c>
      <c r="FM11" s="71">
        <v>10</v>
      </c>
      <c r="FN11" s="72">
        <v>18</v>
      </c>
      <c r="FO11" s="244"/>
      <c r="FP11" s="71">
        <v>12</v>
      </c>
      <c r="FQ11" s="71">
        <v>13</v>
      </c>
      <c r="FR11" s="71">
        <v>10</v>
      </c>
      <c r="FS11" s="71">
        <v>12</v>
      </c>
      <c r="FT11" s="71">
        <v>6</v>
      </c>
      <c r="FU11" s="72">
        <v>53</v>
      </c>
      <c r="FV11" s="73">
        <v>71</v>
      </c>
      <c r="FW11" s="70">
        <v>0</v>
      </c>
      <c r="FX11" s="71">
        <v>0</v>
      </c>
      <c r="FY11" s="72">
        <v>0</v>
      </c>
      <c r="FZ11" s="244"/>
      <c r="GA11" s="71">
        <v>0</v>
      </c>
      <c r="GB11" s="71">
        <v>0</v>
      </c>
      <c r="GC11" s="71">
        <v>0</v>
      </c>
      <c r="GD11" s="71">
        <v>0</v>
      </c>
      <c r="GE11" s="71">
        <v>0</v>
      </c>
      <c r="GF11" s="72">
        <v>0</v>
      </c>
      <c r="GG11" s="73">
        <v>0</v>
      </c>
      <c r="GH11" s="70">
        <v>44</v>
      </c>
      <c r="GI11" s="71">
        <v>40</v>
      </c>
      <c r="GJ11" s="72">
        <v>84</v>
      </c>
      <c r="GK11" s="244"/>
      <c r="GL11" s="71">
        <v>73</v>
      </c>
      <c r="GM11" s="71">
        <v>39</v>
      </c>
      <c r="GN11" s="71">
        <v>32</v>
      </c>
      <c r="GO11" s="71">
        <v>34</v>
      </c>
      <c r="GP11" s="71">
        <v>18</v>
      </c>
      <c r="GQ11" s="72">
        <v>196</v>
      </c>
      <c r="GR11" s="73">
        <v>280</v>
      </c>
      <c r="GS11" s="123">
        <v>155</v>
      </c>
      <c r="GT11" s="82">
        <v>126</v>
      </c>
      <c r="GU11" s="83">
        <v>281</v>
      </c>
      <c r="GV11" s="241"/>
      <c r="GW11" s="82">
        <v>310</v>
      </c>
      <c r="GX11" s="82">
        <v>188</v>
      </c>
      <c r="GY11" s="82">
        <v>113</v>
      </c>
      <c r="GZ11" s="82">
        <v>107</v>
      </c>
      <c r="HA11" s="82">
        <v>52</v>
      </c>
      <c r="HB11" s="84">
        <v>770</v>
      </c>
      <c r="HC11" s="85">
        <v>1051</v>
      </c>
      <c r="HD11" s="70">
        <v>5</v>
      </c>
      <c r="HE11" s="71">
        <v>3</v>
      </c>
      <c r="HF11" s="72">
        <v>8</v>
      </c>
      <c r="HG11" s="244"/>
      <c r="HH11" s="71">
        <v>7</v>
      </c>
      <c r="HI11" s="71">
        <v>4</v>
      </c>
      <c r="HJ11" s="71">
        <v>10</v>
      </c>
      <c r="HK11" s="71">
        <v>5</v>
      </c>
      <c r="HL11" s="71">
        <v>3</v>
      </c>
      <c r="HM11" s="72">
        <v>29</v>
      </c>
      <c r="HN11" s="73">
        <v>37</v>
      </c>
      <c r="HO11" s="70">
        <v>12</v>
      </c>
      <c r="HP11" s="71">
        <v>7</v>
      </c>
      <c r="HQ11" s="72">
        <v>19</v>
      </c>
      <c r="HR11" s="244"/>
      <c r="HS11" s="71">
        <v>23</v>
      </c>
      <c r="HT11" s="71">
        <v>16</v>
      </c>
      <c r="HU11" s="71">
        <v>9</v>
      </c>
      <c r="HV11" s="71">
        <v>6</v>
      </c>
      <c r="HW11" s="71">
        <v>8</v>
      </c>
      <c r="HX11" s="72">
        <v>62</v>
      </c>
      <c r="HY11" s="73">
        <v>81</v>
      </c>
      <c r="HZ11" s="70">
        <v>16</v>
      </c>
      <c r="IA11" s="71">
        <v>16</v>
      </c>
      <c r="IB11" s="72">
        <v>32</v>
      </c>
      <c r="IC11" s="244"/>
      <c r="ID11" s="71">
        <v>45</v>
      </c>
      <c r="IE11" s="71">
        <v>25</v>
      </c>
      <c r="IF11" s="71">
        <v>17</v>
      </c>
      <c r="IG11" s="71">
        <v>19</v>
      </c>
      <c r="IH11" s="71">
        <v>7</v>
      </c>
      <c r="II11" s="72">
        <v>113</v>
      </c>
      <c r="IJ11" s="73">
        <v>145</v>
      </c>
      <c r="IK11" s="70">
        <v>42</v>
      </c>
      <c r="IL11" s="71">
        <v>33</v>
      </c>
      <c r="IM11" s="72">
        <v>75</v>
      </c>
      <c r="IN11" s="244"/>
      <c r="IO11" s="71">
        <v>74</v>
      </c>
      <c r="IP11" s="71">
        <v>37</v>
      </c>
      <c r="IQ11" s="71">
        <v>17</v>
      </c>
      <c r="IR11" s="71">
        <v>12</v>
      </c>
      <c r="IS11" s="71">
        <v>11</v>
      </c>
      <c r="IT11" s="72">
        <v>151</v>
      </c>
      <c r="IU11" s="73">
        <v>226</v>
      </c>
      <c r="IV11" s="70">
        <v>47</v>
      </c>
      <c r="IW11" s="71">
        <v>38</v>
      </c>
      <c r="IX11" s="72">
        <v>85</v>
      </c>
      <c r="IY11" s="244"/>
      <c r="IZ11" s="71">
        <v>91</v>
      </c>
      <c r="JA11" s="71">
        <v>47</v>
      </c>
      <c r="JB11" s="71">
        <v>24</v>
      </c>
      <c r="JC11" s="71">
        <v>30</v>
      </c>
      <c r="JD11" s="71">
        <v>12</v>
      </c>
      <c r="JE11" s="72">
        <v>204</v>
      </c>
      <c r="JF11" s="73">
        <v>289</v>
      </c>
      <c r="JG11" s="70">
        <v>33</v>
      </c>
      <c r="JH11" s="71">
        <v>29</v>
      </c>
      <c r="JI11" s="72">
        <v>62</v>
      </c>
      <c r="JJ11" s="244"/>
      <c r="JK11" s="71">
        <v>70</v>
      </c>
      <c r="JL11" s="71">
        <v>59</v>
      </c>
      <c r="JM11" s="71">
        <v>36</v>
      </c>
      <c r="JN11" s="71">
        <v>35</v>
      </c>
      <c r="JO11" s="71">
        <v>11</v>
      </c>
      <c r="JP11" s="72">
        <v>211</v>
      </c>
      <c r="JQ11" s="73">
        <v>273</v>
      </c>
      <c r="JR11" s="70">
        <v>0</v>
      </c>
      <c r="JS11" s="71">
        <v>0</v>
      </c>
      <c r="JT11" s="72">
        <v>0</v>
      </c>
      <c r="JU11" s="244"/>
      <c r="JV11" s="71">
        <v>0</v>
      </c>
      <c r="JW11" s="71">
        <v>0</v>
      </c>
      <c r="JX11" s="71">
        <v>0</v>
      </c>
      <c r="JY11" s="71">
        <v>0</v>
      </c>
      <c r="JZ11" s="71">
        <v>0</v>
      </c>
      <c r="KA11" s="72">
        <v>0</v>
      </c>
      <c r="KB11" s="73">
        <v>0</v>
      </c>
      <c r="KC11" s="70">
        <v>155</v>
      </c>
      <c r="KD11" s="71">
        <v>126</v>
      </c>
      <c r="KE11" s="72">
        <v>281</v>
      </c>
      <c r="KF11" s="244"/>
      <c r="KG11" s="71">
        <v>310</v>
      </c>
      <c r="KH11" s="71">
        <v>188</v>
      </c>
      <c r="KI11" s="71">
        <v>113</v>
      </c>
      <c r="KJ11" s="71">
        <v>107</v>
      </c>
      <c r="KK11" s="71">
        <v>52</v>
      </c>
      <c r="KL11" s="72">
        <v>770</v>
      </c>
      <c r="KM11" s="73">
        <v>1051</v>
      </c>
    </row>
    <row r="12" spans="2:299" ht="21" customHeight="1" x14ac:dyDescent="0.2">
      <c r="B12" s="126" t="s">
        <v>8</v>
      </c>
      <c r="C12" s="313">
        <v>49</v>
      </c>
      <c r="D12" s="82">
        <v>33</v>
      </c>
      <c r="E12" s="83">
        <v>82</v>
      </c>
      <c r="F12" s="241"/>
      <c r="G12" s="82">
        <v>120</v>
      </c>
      <c r="H12" s="82">
        <v>77</v>
      </c>
      <c r="I12" s="82">
        <v>54</v>
      </c>
      <c r="J12" s="82">
        <v>56</v>
      </c>
      <c r="K12" s="82">
        <v>25</v>
      </c>
      <c r="L12" s="84">
        <v>332</v>
      </c>
      <c r="M12" s="85">
        <v>414</v>
      </c>
      <c r="N12" s="70">
        <v>2</v>
      </c>
      <c r="O12" s="71">
        <v>1</v>
      </c>
      <c r="P12" s="72">
        <v>3</v>
      </c>
      <c r="Q12" s="244"/>
      <c r="R12" s="71">
        <v>3</v>
      </c>
      <c r="S12" s="71">
        <v>4</v>
      </c>
      <c r="T12" s="71">
        <v>2</v>
      </c>
      <c r="U12" s="71">
        <v>2</v>
      </c>
      <c r="V12" s="71">
        <v>2</v>
      </c>
      <c r="W12" s="72">
        <v>13</v>
      </c>
      <c r="X12" s="73">
        <v>16</v>
      </c>
      <c r="Y12" s="70">
        <v>6</v>
      </c>
      <c r="Z12" s="71">
        <v>7</v>
      </c>
      <c r="AA12" s="72">
        <v>13</v>
      </c>
      <c r="AB12" s="244"/>
      <c r="AC12" s="71">
        <v>8</v>
      </c>
      <c r="AD12" s="71">
        <v>11</v>
      </c>
      <c r="AE12" s="71">
        <v>9</v>
      </c>
      <c r="AF12" s="71">
        <v>5</v>
      </c>
      <c r="AG12" s="71">
        <v>2</v>
      </c>
      <c r="AH12" s="72">
        <v>35</v>
      </c>
      <c r="AI12" s="73">
        <v>48</v>
      </c>
      <c r="AJ12" s="70">
        <v>5</v>
      </c>
      <c r="AK12" s="71">
        <v>7</v>
      </c>
      <c r="AL12" s="72">
        <v>12</v>
      </c>
      <c r="AM12" s="244"/>
      <c r="AN12" s="71">
        <v>16</v>
      </c>
      <c r="AO12" s="71">
        <v>7</v>
      </c>
      <c r="AP12" s="71">
        <v>6</v>
      </c>
      <c r="AQ12" s="71">
        <v>6</v>
      </c>
      <c r="AR12" s="71">
        <v>5</v>
      </c>
      <c r="AS12" s="72">
        <v>40</v>
      </c>
      <c r="AT12" s="73">
        <v>52</v>
      </c>
      <c r="AU12" s="70">
        <v>11</v>
      </c>
      <c r="AV12" s="71">
        <v>4</v>
      </c>
      <c r="AW12" s="72">
        <v>15</v>
      </c>
      <c r="AX12" s="244"/>
      <c r="AY12" s="71">
        <v>27</v>
      </c>
      <c r="AZ12" s="71">
        <v>15</v>
      </c>
      <c r="BA12" s="71">
        <v>8</v>
      </c>
      <c r="BB12" s="71">
        <v>10</v>
      </c>
      <c r="BC12" s="71">
        <v>3</v>
      </c>
      <c r="BD12" s="72">
        <v>63</v>
      </c>
      <c r="BE12" s="73">
        <v>78</v>
      </c>
      <c r="BF12" s="70">
        <v>15</v>
      </c>
      <c r="BG12" s="71">
        <v>5</v>
      </c>
      <c r="BH12" s="72">
        <v>20</v>
      </c>
      <c r="BI12" s="244"/>
      <c r="BJ12" s="71">
        <v>36</v>
      </c>
      <c r="BK12" s="71">
        <v>19</v>
      </c>
      <c r="BL12" s="71">
        <v>14</v>
      </c>
      <c r="BM12" s="71">
        <v>10</v>
      </c>
      <c r="BN12" s="71">
        <v>5</v>
      </c>
      <c r="BO12" s="72">
        <v>84</v>
      </c>
      <c r="BP12" s="73">
        <v>104</v>
      </c>
      <c r="BQ12" s="70">
        <v>10</v>
      </c>
      <c r="BR12" s="71">
        <v>9</v>
      </c>
      <c r="BS12" s="72">
        <v>19</v>
      </c>
      <c r="BT12" s="244"/>
      <c r="BU12" s="71">
        <v>30</v>
      </c>
      <c r="BV12" s="71">
        <v>21</v>
      </c>
      <c r="BW12" s="71">
        <v>15</v>
      </c>
      <c r="BX12" s="71">
        <v>23</v>
      </c>
      <c r="BY12" s="71">
        <v>8</v>
      </c>
      <c r="BZ12" s="72">
        <v>97</v>
      </c>
      <c r="CA12" s="73">
        <v>116</v>
      </c>
      <c r="CB12" s="70">
        <v>0</v>
      </c>
      <c r="CC12" s="71">
        <v>0</v>
      </c>
      <c r="CD12" s="72">
        <v>0</v>
      </c>
      <c r="CE12" s="244"/>
      <c r="CF12" s="71">
        <v>0</v>
      </c>
      <c r="CG12" s="71">
        <v>0</v>
      </c>
      <c r="CH12" s="71">
        <v>0</v>
      </c>
      <c r="CI12" s="71">
        <v>0</v>
      </c>
      <c r="CJ12" s="71">
        <v>0</v>
      </c>
      <c r="CK12" s="72">
        <v>0</v>
      </c>
      <c r="CL12" s="73">
        <v>0</v>
      </c>
      <c r="CM12" s="70">
        <v>49</v>
      </c>
      <c r="CN12" s="71">
        <v>33</v>
      </c>
      <c r="CO12" s="72">
        <v>82</v>
      </c>
      <c r="CP12" s="244"/>
      <c r="CQ12" s="71">
        <v>120</v>
      </c>
      <c r="CR12" s="71">
        <v>77</v>
      </c>
      <c r="CS12" s="71">
        <v>54</v>
      </c>
      <c r="CT12" s="71">
        <v>56</v>
      </c>
      <c r="CU12" s="71">
        <v>25</v>
      </c>
      <c r="CV12" s="72">
        <v>332</v>
      </c>
      <c r="CW12" s="73">
        <v>414</v>
      </c>
      <c r="CX12" s="123">
        <v>22</v>
      </c>
      <c r="CY12" s="82">
        <v>31</v>
      </c>
      <c r="CZ12" s="83">
        <v>53</v>
      </c>
      <c r="DA12" s="241"/>
      <c r="DB12" s="82">
        <v>47</v>
      </c>
      <c r="DC12" s="82">
        <v>32</v>
      </c>
      <c r="DD12" s="82">
        <v>18</v>
      </c>
      <c r="DE12" s="82">
        <v>20</v>
      </c>
      <c r="DF12" s="82">
        <v>13</v>
      </c>
      <c r="DG12" s="84">
        <v>130</v>
      </c>
      <c r="DH12" s="85">
        <v>183</v>
      </c>
      <c r="DI12" s="70">
        <v>1</v>
      </c>
      <c r="DJ12" s="71">
        <v>0</v>
      </c>
      <c r="DK12" s="72">
        <v>1</v>
      </c>
      <c r="DL12" s="244"/>
      <c r="DM12" s="71">
        <v>1</v>
      </c>
      <c r="DN12" s="71">
        <v>0</v>
      </c>
      <c r="DO12" s="71">
        <v>1</v>
      </c>
      <c r="DP12" s="71">
        <v>2</v>
      </c>
      <c r="DQ12" s="71">
        <v>0</v>
      </c>
      <c r="DR12" s="72">
        <v>4</v>
      </c>
      <c r="DS12" s="73">
        <v>5</v>
      </c>
      <c r="DT12" s="70">
        <v>3</v>
      </c>
      <c r="DU12" s="71">
        <v>4</v>
      </c>
      <c r="DV12" s="72">
        <v>7</v>
      </c>
      <c r="DW12" s="244"/>
      <c r="DX12" s="71">
        <v>3</v>
      </c>
      <c r="DY12" s="71">
        <v>1</v>
      </c>
      <c r="DZ12" s="71">
        <v>0</v>
      </c>
      <c r="EA12" s="71">
        <v>1</v>
      </c>
      <c r="EB12" s="71">
        <v>2</v>
      </c>
      <c r="EC12" s="72">
        <v>7</v>
      </c>
      <c r="ED12" s="73">
        <v>14</v>
      </c>
      <c r="EE12" s="70">
        <v>4</v>
      </c>
      <c r="EF12" s="71">
        <v>6</v>
      </c>
      <c r="EG12" s="72">
        <v>10</v>
      </c>
      <c r="EH12" s="244"/>
      <c r="EI12" s="71">
        <v>5</v>
      </c>
      <c r="EJ12" s="71">
        <v>2</v>
      </c>
      <c r="EK12" s="71">
        <v>2</v>
      </c>
      <c r="EL12" s="71">
        <v>1</v>
      </c>
      <c r="EM12" s="71">
        <v>2</v>
      </c>
      <c r="EN12" s="72">
        <v>12</v>
      </c>
      <c r="EO12" s="73">
        <v>22</v>
      </c>
      <c r="EP12" s="70">
        <v>5</v>
      </c>
      <c r="EQ12" s="71">
        <v>9</v>
      </c>
      <c r="ER12" s="72">
        <v>14</v>
      </c>
      <c r="ES12" s="244"/>
      <c r="ET12" s="71">
        <v>9</v>
      </c>
      <c r="EU12" s="71">
        <v>5</v>
      </c>
      <c r="EV12" s="71">
        <v>1</v>
      </c>
      <c r="EW12" s="71">
        <v>4</v>
      </c>
      <c r="EX12" s="71">
        <v>0</v>
      </c>
      <c r="EY12" s="72">
        <v>19</v>
      </c>
      <c r="EZ12" s="73">
        <v>33</v>
      </c>
      <c r="FA12" s="70">
        <v>6</v>
      </c>
      <c r="FB12" s="71">
        <v>4</v>
      </c>
      <c r="FC12" s="72">
        <v>10</v>
      </c>
      <c r="FD12" s="244"/>
      <c r="FE12" s="71">
        <v>15</v>
      </c>
      <c r="FF12" s="71">
        <v>9</v>
      </c>
      <c r="FG12" s="71">
        <v>7</v>
      </c>
      <c r="FH12" s="71">
        <v>1</v>
      </c>
      <c r="FI12" s="71">
        <v>4</v>
      </c>
      <c r="FJ12" s="72">
        <v>36</v>
      </c>
      <c r="FK12" s="73">
        <v>46</v>
      </c>
      <c r="FL12" s="70">
        <v>3</v>
      </c>
      <c r="FM12" s="71">
        <v>8</v>
      </c>
      <c r="FN12" s="72">
        <v>11</v>
      </c>
      <c r="FO12" s="244"/>
      <c r="FP12" s="71">
        <v>14</v>
      </c>
      <c r="FQ12" s="71">
        <v>15</v>
      </c>
      <c r="FR12" s="71">
        <v>7</v>
      </c>
      <c r="FS12" s="71">
        <v>11</v>
      </c>
      <c r="FT12" s="71">
        <v>5</v>
      </c>
      <c r="FU12" s="72">
        <v>52</v>
      </c>
      <c r="FV12" s="73">
        <v>63</v>
      </c>
      <c r="FW12" s="70">
        <v>0</v>
      </c>
      <c r="FX12" s="71">
        <v>0</v>
      </c>
      <c r="FY12" s="72">
        <v>0</v>
      </c>
      <c r="FZ12" s="244"/>
      <c r="GA12" s="71">
        <v>0</v>
      </c>
      <c r="GB12" s="71">
        <v>0</v>
      </c>
      <c r="GC12" s="71">
        <v>0</v>
      </c>
      <c r="GD12" s="71">
        <v>0</v>
      </c>
      <c r="GE12" s="71">
        <v>0</v>
      </c>
      <c r="GF12" s="72">
        <v>0</v>
      </c>
      <c r="GG12" s="73">
        <v>0</v>
      </c>
      <c r="GH12" s="70">
        <v>22</v>
      </c>
      <c r="GI12" s="71">
        <v>31</v>
      </c>
      <c r="GJ12" s="72">
        <v>53</v>
      </c>
      <c r="GK12" s="244"/>
      <c r="GL12" s="71">
        <v>47</v>
      </c>
      <c r="GM12" s="71">
        <v>32</v>
      </c>
      <c r="GN12" s="71">
        <v>18</v>
      </c>
      <c r="GO12" s="71">
        <v>20</v>
      </c>
      <c r="GP12" s="71">
        <v>13</v>
      </c>
      <c r="GQ12" s="72">
        <v>130</v>
      </c>
      <c r="GR12" s="73">
        <v>183</v>
      </c>
      <c r="GS12" s="123">
        <v>71</v>
      </c>
      <c r="GT12" s="82">
        <v>64</v>
      </c>
      <c r="GU12" s="83">
        <v>135</v>
      </c>
      <c r="GV12" s="241"/>
      <c r="GW12" s="82">
        <v>167</v>
      </c>
      <c r="GX12" s="82">
        <v>109</v>
      </c>
      <c r="GY12" s="82">
        <v>72</v>
      </c>
      <c r="GZ12" s="82">
        <v>76</v>
      </c>
      <c r="HA12" s="82">
        <v>38</v>
      </c>
      <c r="HB12" s="84">
        <v>462</v>
      </c>
      <c r="HC12" s="85">
        <v>597</v>
      </c>
      <c r="HD12" s="70">
        <v>3</v>
      </c>
      <c r="HE12" s="71">
        <v>1</v>
      </c>
      <c r="HF12" s="72">
        <v>4</v>
      </c>
      <c r="HG12" s="244"/>
      <c r="HH12" s="71">
        <v>4</v>
      </c>
      <c r="HI12" s="71">
        <v>4</v>
      </c>
      <c r="HJ12" s="71">
        <v>3</v>
      </c>
      <c r="HK12" s="71">
        <v>4</v>
      </c>
      <c r="HL12" s="71">
        <v>2</v>
      </c>
      <c r="HM12" s="72">
        <v>17</v>
      </c>
      <c r="HN12" s="73">
        <v>21</v>
      </c>
      <c r="HO12" s="70">
        <v>9</v>
      </c>
      <c r="HP12" s="71">
        <v>11</v>
      </c>
      <c r="HQ12" s="72">
        <v>20</v>
      </c>
      <c r="HR12" s="244"/>
      <c r="HS12" s="71">
        <v>11</v>
      </c>
      <c r="HT12" s="71">
        <v>12</v>
      </c>
      <c r="HU12" s="71">
        <v>9</v>
      </c>
      <c r="HV12" s="71">
        <v>6</v>
      </c>
      <c r="HW12" s="71">
        <v>4</v>
      </c>
      <c r="HX12" s="72">
        <v>42</v>
      </c>
      <c r="HY12" s="73">
        <v>62</v>
      </c>
      <c r="HZ12" s="70">
        <v>9</v>
      </c>
      <c r="IA12" s="71">
        <v>13</v>
      </c>
      <c r="IB12" s="72">
        <v>22</v>
      </c>
      <c r="IC12" s="244"/>
      <c r="ID12" s="71">
        <v>21</v>
      </c>
      <c r="IE12" s="71">
        <v>9</v>
      </c>
      <c r="IF12" s="71">
        <v>8</v>
      </c>
      <c r="IG12" s="71">
        <v>7</v>
      </c>
      <c r="IH12" s="71">
        <v>7</v>
      </c>
      <c r="II12" s="72">
        <v>52</v>
      </c>
      <c r="IJ12" s="73">
        <v>74</v>
      </c>
      <c r="IK12" s="70">
        <v>16</v>
      </c>
      <c r="IL12" s="71">
        <v>13</v>
      </c>
      <c r="IM12" s="72">
        <v>29</v>
      </c>
      <c r="IN12" s="244"/>
      <c r="IO12" s="71">
        <v>36</v>
      </c>
      <c r="IP12" s="71">
        <v>20</v>
      </c>
      <c r="IQ12" s="71">
        <v>9</v>
      </c>
      <c r="IR12" s="71">
        <v>14</v>
      </c>
      <c r="IS12" s="71">
        <v>3</v>
      </c>
      <c r="IT12" s="72">
        <v>82</v>
      </c>
      <c r="IU12" s="73">
        <v>111</v>
      </c>
      <c r="IV12" s="70">
        <v>21</v>
      </c>
      <c r="IW12" s="71">
        <v>9</v>
      </c>
      <c r="IX12" s="72">
        <v>30</v>
      </c>
      <c r="IY12" s="244"/>
      <c r="IZ12" s="71">
        <v>51</v>
      </c>
      <c r="JA12" s="71">
        <v>28</v>
      </c>
      <c r="JB12" s="71">
        <v>21</v>
      </c>
      <c r="JC12" s="71">
        <v>11</v>
      </c>
      <c r="JD12" s="71">
        <v>9</v>
      </c>
      <c r="JE12" s="72">
        <v>120</v>
      </c>
      <c r="JF12" s="73">
        <v>150</v>
      </c>
      <c r="JG12" s="70">
        <v>13</v>
      </c>
      <c r="JH12" s="71">
        <v>17</v>
      </c>
      <c r="JI12" s="72">
        <v>30</v>
      </c>
      <c r="JJ12" s="244"/>
      <c r="JK12" s="71">
        <v>44</v>
      </c>
      <c r="JL12" s="71">
        <v>36</v>
      </c>
      <c r="JM12" s="71">
        <v>22</v>
      </c>
      <c r="JN12" s="71">
        <v>34</v>
      </c>
      <c r="JO12" s="71">
        <v>13</v>
      </c>
      <c r="JP12" s="72">
        <v>149</v>
      </c>
      <c r="JQ12" s="73">
        <v>179</v>
      </c>
      <c r="JR12" s="70">
        <v>0</v>
      </c>
      <c r="JS12" s="71">
        <v>0</v>
      </c>
      <c r="JT12" s="72">
        <v>0</v>
      </c>
      <c r="JU12" s="244"/>
      <c r="JV12" s="71">
        <v>0</v>
      </c>
      <c r="JW12" s="71">
        <v>0</v>
      </c>
      <c r="JX12" s="71">
        <v>0</v>
      </c>
      <c r="JY12" s="71">
        <v>0</v>
      </c>
      <c r="JZ12" s="71">
        <v>0</v>
      </c>
      <c r="KA12" s="72">
        <v>0</v>
      </c>
      <c r="KB12" s="73">
        <v>0</v>
      </c>
      <c r="KC12" s="70">
        <v>71</v>
      </c>
      <c r="KD12" s="71">
        <v>64</v>
      </c>
      <c r="KE12" s="72">
        <v>135</v>
      </c>
      <c r="KF12" s="244"/>
      <c r="KG12" s="71">
        <v>167</v>
      </c>
      <c r="KH12" s="71">
        <v>109</v>
      </c>
      <c r="KI12" s="71">
        <v>72</v>
      </c>
      <c r="KJ12" s="71">
        <v>76</v>
      </c>
      <c r="KK12" s="71">
        <v>38</v>
      </c>
      <c r="KL12" s="72">
        <v>462</v>
      </c>
      <c r="KM12" s="73">
        <v>597</v>
      </c>
    </row>
    <row r="13" spans="2:299" ht="21" customHeight="1" x14ac:dyDescent="0.2">
      <c r="B13" s="126" t="s">
        <v>9</v>
      </c>
      <c r="C13" s="313">
        <v>199</v>
      </c>
      <c r="D13" s="82">
        <v>107</v>
      </c>
      <c r="E13" s="83">
        <v>306</v>
      </c>
      <c r="F13" s="241"/>
      <c r="G13" s="82">
        <v>218</v>
      </c>
      <c r="H13" s="82">
        <v>145</v>
      </c>
      <c r="I13" s="82">
        <v>95</v>
      </c>
      <c r="J13" s="82">
        <v>86</v>
      </c>
      <c r="K13" s="82">
        <v>59</v>
      </c>
      <c r="L13" s="84">
        <v>603</v>
      </c>
      <c r="M13" s="85">
        <v>909</v>
      </c>
      <c r="N13" s="70">
        <v>3</v>
      </c>
      <c r="O13" s="71">
        <v>2</v>
      </c>
      <c r="P13" s="72">
        <v>5</v>
      </c>
      <c r="Q13" s="244"/>
      <c r="R13" s="71">
        <v>3</v>
      </c>
      <c r="S13" s="71">
        <v>4</v>
      </c>
      <c r="T13" s="71">
        <v>2</v>
      </c>
      <c r="U13" s="71">
        <v>3</v>
      </c>
      <c r="V13" s="71">
        <v>4</v>
      </c>
      <c r="W13" s="72">
        <v>16</v>
      </c>
      <c r="X13" s="73">
        <v>21</v>
      </c>
      <c r="Y13" s="70">
        <v>10</v>
      </c>
      <c r="Z13" s="71">
        <v>7</v>
      </c>
      <c r="AA13" s="72">
        <v>17</v>
      </c>
      <c r="AB13" s="244"/>
      <c r="AC13" s="71">
        <v>4</v>
      </c>
      <c r="AD13" s="71">
        <v>6</v>
      </c>
      <c r="AE13" s="71">
        <v>2</v>
      </c>
      <c r="AF13" s="71">
        <v>2</v>
      </c>
      <c r="AG13" s="71">
        <v>5</v>
      </c>
      <c r="AH13" s="72">
        <v>19</v>
      </c>
      <c r="AI13" s="73">
        <v>36</v>
      </c>
      <c r="AJ13" s="70">
        <v>22</v>
      </c>
      <c r="AK13" s="71">
        <v>12</v>
      </c>
      <c r="AL13" s="72">
        <v>34</v>
      </c>
      <c r="AM13" s="244"/>
      <c r="AN13" s="71">
        <v>18</v>
      </c>
      <c r="AO13" s="71">
        <v>18</v>
      </c>
      <c r="AP13" s="71">
        <v>8</v>
      </c>
      <c r="AQ13" s="71">
        <v>8</v>
      </c>
      <c r="AR13" s="71">
        <v>4</v>
      </c>
      <c r="AS13" s="72">
        <v>56</v>
      </c>
      <c r="AT13" s="73">
        <v>90</v>
      </c>
      <c r="AU13" s="70">
        <v>47</v>
      </c>
      <c r="AV13" s="71">
        <v>16</v>
      </c>
      <c r="AW13" s="72">
        <v>63</v>
      </c>
      <c r="AX13" s="244"/>
      <c r="AY13" s="71">
        <v>57</v>
      </c>
      <c r="AZ13" s="71">
        <v>21</v>
      </c>
      <c r="BA13" s="71">
        <v>18</v>
      </c>
      <c r="BB13" s="71">
        <v>10</v>
      </c>
      <c r="BC13" s="71">
        <v>10</v>
      </c>
      <c r="BD13" s="72">
        <v>116</v>
      </c>
      <c r="BE13" s="73">
        <v>179</v>
      </c>
      <c r="BF13" s="70">
        <v>63</v>
      </c>
      <c r="BG13" s="71">
        <v>45</v>
      </c>
      <c r="BH13" s="72">
        <v>108</v>
      </c>
      <c r="BI13" s="244"/>
      <c r="BJ13" s="71">
        <v>64</v>
      </c>
      <c r="BK13" s="71">
        <v>51</v>
      </c>
      <c r="BL13" s="71">
        <v>26</v>
      </c>
      <c r="BM13" s="71">
        <v>30</v>
      </c>
      <c r="BN13" s="71">
        <v>16</v>
      </c>
      <c r="BO13" s="72">
        <v>187</v>
      </c>
      <c r="BP13" s="73">
        <v>295</v>
      </c>
      <c r="BQ13" s="70">
        <v>54</v>
      </c>
      <c r="BR13" s="71">
        <v>25</v>
      </c>
      <c r="BS13" s="72">
        <v>79</v>
      </c>
      <c r="BT13" s="244"/>
      <c r="BU13" s="71">
        <v>72</v>
      </c>
      <c r="BV13" s="71">
        <v>45</v>
      </c>
      <c r="BW13" s="71">
        <v>39</v>
      </c>
      <c r="BX13" s="71">
        <v>33</v>
      </c>
      <c r="BY13" s="71">
        <v>20</v>
      </c>
      <c r="BZ13" s="72">
        <v>209</v>
      </c>
      <c r="CA13" s="73">
        <v>288</v>
      </c>
      <c r="CB13" s="70">
        <v>0</v>
      </c>
      <c r="CC13" s="71">
        <v>0</v>
      </c>
      <c r="CD13" s="72">
        <v>0</v>
      </c>
      <c r="CE13" s="244"/>
      <c r="CF13" s="71">
        <v>0</v>
      </c>
      <c r="CG13" s="71">
        <v>0</v>
      </c>
      <c r="CH13" s="71">
        <v>0</v>
      </c>
      <c r="CI13" s="71">
        <v>0</v>
      </c>
      <c r="CJ13" s="71">
        <v>0</v>
      </c>
      <c r="CK13" s="72">
        <v>0</v>
      </c>
      <c r="CL13" s="73">
        <v>0</v>
      </c>
      <c r="CM13" s="70">
        <v>199</v>
      </c>
      <c r="CN13" s="71">
        <v>107</v>
      </c>
      <c r="CO13" s="72">
        <v>306</v>
      </c>
      <c r="CP13" s="244"/>
      <c r="CQ13" s="71">
        <v>218</v>
      </c>
      <c r="CR13" s="71">
        <v>145</v>
      </c>
      <c r="CS13" s="71">
        <v>95</v>
      </c>
      <c r="CT13" s="71">
        <v>86</v>
      </c>
      <c r="CU13" s="71">
        <v>59</v>
      </c>
      <c r="CV13" s="72">
        <v>603</v>
      </c>
      <c r="CW13" s="73">
        <v>909</v>
      </c>
      <c r="CX13" s="123">
        <v>74</v>
      </c>
      <c r="CY13" s="82">
        <v>38</v>
      </c>
      <c r="CZ13" s="83">
        <v>112</v>
      </c>
      <c r="DA13" s="241"/>
      <c r="DB13" s="82">
        <v>79</v>
      </c>
      <c r="DC13" s="82">
        <v>42</v>
      </c>
      <c r="DD13" s="82">
        <v>40</v>
      </c>
      <c r="DE13" s="82">
        <v>46</v>
      </c>
      <c r="DF13" s="82">
        <v>27</v>
      </c>
      <c r="DG13" s="84">
        <v>234</v>
      </c>
      <c r="DH13" s="85">
        <v>346</v>
      </c>
      <c r="DI13" s="70">
        <v>0</v>
      </c>
      <c r="DJ13" s="71">
        <v>0</v>
      </c>
      <c r="DK13" s="72">
        <v>0</v>
      </c>
      <c r="DL13" s="244"/>
      <c r="DM13" s="71">
        <v>0</v>
      </c>
      <c r="DN13" s="71">
        <v>0</v>
      </c>
      <c r="DO13" s="71">
        <v>1</v>
      </c>
      <c r="DP13" s="71">
        <v>0</v>
      </c>
      <c r="DQ13" s="71">
        <v>0</v>
      </c>
      <c r="DR13" s="72">
        <v>1</v>
      </c>
      <c r="DS13" s="73">
        <v>1</v>
      </c>
      <c r="DT13" s="70">
        <v>10</v>
      </c>
      <c r="DU13" s="71">
        <v>4</v>
      </c>
      <c r="DV13" s="72">
        <v>14</v>
      </c>
      <c r="DW13" s="244"/>
      <c r="DX13" s="71">
        <v>4</v>
      </c>
      <c r="DY13" s="71">
        <v>1</v>
      </c>
      <c r="DZ13" s="71">
        <v>1</v>
      </c>
      <c r="EA13" s="71">
        <v>1</v>
      </c>
      <c r="EB13" s="71">
        <v>0</v>
      </c>
      <c r="EC13" s="72">
        <v>7</v>
      </c>
      <c r="ED13" s="73">
        <v>21</v>
      </c>
      <c r="EE13" s="70">
        <v>7</v>
      </c>
      <c r="EF13" s="71">
        <v>7</v>
      </c>
      <c r="EG13" s="72">
        <v>14</v>
      </c>
      <c r="EH13" s="244"/>
      <c r="EI13" s="71">
        <v>12</v>
      </c>
      <c r="EJ13" s="71">
        <v>4</v>
      </c>
      <c r="EK13" s="71">
        <v>3</v>
      </c>
      <c r="EL13" s="71">
        <v>5</v>
      </c>
      <c r="EM13" s="71">
        <v>2</v>
      </c>
      <c r="EN13" s="72">
        <v>26</v>
      </c>
      <c r="EO13" s="73">
        <v>40</v>
      </c>
      <c r="EP13" s="70">
        <v>20</v>
      </c>
      <c r="EQ13" s="71">
        <v>9</v>
      </c>
      <c r="ER13" s="72">
        <v>29</v>
      </c>
      <c r="ES13" s="244"/>
      <c r="ET13" s="71">
        <v>15</v>
      </c>
      <c r="EU13" s="71">
        <v>6</v>
      </c>
      <c r="EV13" s="71">
        <v>9</v>
      </c>
      <c r="EW13" s="71">
        <v>7</v>
      </c>
      <c r="EX13" s="71">
        <v>3</v>
      </c>
      <c r="EY13" s="72">
        <v>40</v>
      </c>
      <c r="EZ13" s="73">
        <v>69</v>
      </c>
      <c r="FA13" s="70">
        <v>25</v>
      </c>
      <c r="FB13" s="71">
        <v>8</v>
      </c>
      <c r="FC13" s="72">
        <v>33</v>
      </c>
      <c r="FD13" s="244"/>
      <c r="FE13" s="71">
        <v>19</v>
      </c>
      <c r="FF13" s="71">
        <v>11</v>
      </c>
      <c r="FG13" s="71">
        <v>10</v>
      </c>
      <c r="FH13" s="71">
        <v>8</v>
      </c>
      <c r="FI13" s="71">
        <v>7</v>
      </c>
      <c r="FJ13" s="72">
        <v>55</v>
      </c>
      <c r="FK13" s="73">
        <v>88</v>
      </c>
      <c r="FL13" s="70">
        <v>12</v>
      </c>
      <c r="FM13" s="71">
        <v>10</v>
      </c>
      <c r="FN13" s="72">
        <v>22</v>
      </c>
      <c r="FO13" s="244"/>
      <c r="FP13" s="71">
        <v>29</v>
      </c>
      <c r="FQ13" s="71">
        <v>20</v>
      </c>
      <c r="FR13" s="71">
        <v>16</v>
      </c>
      <c r="FS13" s="71">
        <v>25</v>
      </c>
      <c r="FT13" s="71">
        <v>15</v>
      </c>
      <c r="FU13" s="72">
        <v>105</v>
      </c>
      <c r="FV13" s="73">
        <v>127</v>
      </c>
      <c r="FW13" s="70">
        <v>0</v>
      </c>
      <c r="FX13" s="71">
        <v>0</v>
      </c>
      <c r="FY13" s="72">
        <v>0</v>
      </c>
      <c r="FZ13" s="244"/>
      <c r="GA13" s="71">
        <v>0</v>
      </c>
      <c r="GB13" s="71">
        <v>0</v>
      </c>
      <c r="GC13" s="71">
        <v>0</v>
      </c>
      <c r="GD13" s="71">
        <v>0</v>
      </c>
      <c r="GE13" s="71">
        <v>0</v>
      </c>
      <c r="GF13" s="72">
        <v>0</v>
      </c>
      <c r="GG13" s="73">
        <v>0</v>
      </c>
      <c r="GH13" s="70">
        <v>74</v>
      </c>
      <c r="GI13" s="71">
        <v>38</v>
      </c>
      <c r="GJ13" s="72">
        <v>112</v>
      </c>
      <c r="GK13" s="244"/>
      <c r="GL13" s="71">
        <v>79</v>
      </c>
      <c r="GM13" s="71">
        <v>42</v>
      </c>
      <c r="GN13" s="71">
        <v>40</v>
      </c>
      <c r="GO13" s="71">
        <v>46</v>
      </c>
      <c r="GP13" s="71">
        <v>27</v>
      </c>
      <c r="GQ13" s="72">
        <v>234</v>
      </c>
      <c r="GR13" s="73">
        <v>346</v>
      </c>
      <c r="GS13" s="123">
        <v>273</v>
      </c>
      <c r="GT13" s="82">
        <v>145</v>
      </c>
      <c r="GU13" s="83">
        <v>418</v>
      </c>
      <c r="GV13" s="241"/>
      <c r="GW13" s="82">
        <v>297</v>
      </c>
      <c r="GX13" s="82">
        <v>187</v>
      </c>
      <c r="GY13" s="82">
        <v>135</v>
      </c>
      <c r="GZ13" s="82">
        <v>132</v>
      </c>
      <c r="HA13" s="82">
        <v>86</v>
      </c>
      <c r="HB13" s="84">
        <v>837</v>
      </c>
      <c r="HC13" s="85">
        <v>1255</v>
      </c>
      <c r="HD13" s="70">
        <v>3</v>
      </c>
      <c r="HE13" s="71">
        <v>2</v>
      </c>
      <c r="HF13" s="72">
        <v>5</v>
      </c>
      <c r="HG13" s="244"/>
      <c r="HH13" s="71">
        <v>3</v>
      </c>
      <c r="HI13" s="71">
        <v>4</v>
      </c>
      <c r="HJ13" s="71">
        <v>3</v>
      </c>
      <c r="HK13" s="71">
        <v>3</v>
      </c>
      <c r="HL13" s="71">
        <v>4</v>
      </c>
      <c r="HM13" s="72">
        <v>17</v>
      </c>
      <c r="HN13" s="73">
        <v>22</v>
      </c>
      <c r="HO13" s="70">
        <v>20</v>
      </c>
      <c r="HP13" s="71">
        <v>11</v>
      </c>
      <c r="HQ13" s="72">
        <v>31</v>
      </c>
      <c r="HR13" s="244"/>
      <c r="HS13" s="71">
        <v>8</v>
      </c>
      <c r="HT13" s="71">
        <v>7</v>
      </c>
      <c r="HU13" s="71">
        <v>3</v>
      </c>
      <c r="HV13" s="71">
        <v>3</v>
      </c>
      <c r="HW13" s="71">
        <v>5</v>
      </c>
      <c r="HX13" s="72">
        <v>26</v>
      </c>
      <c r="HY13" s="73">
        <v>57</v>
      </c>
      <c r="HZ13" s="70">
        <v>29</v>
      </c>
      <c r="IA13" s="71">
        <v>19</v>
      </c>
      <c r="IB13" s="72">
        <v>48</v>
      </c>
      <c r="IC13" s="244"/>
      <c r="ID13" s="71">
        <v>30</v>
      </c>
      <c r="IE13" s="71">
        <v>22</v>
      </c>
      <c r="IF13" s="71">
        <v>11</v>
      </c>
      <c r="IG13" s="71">
        <v>13</v>
      </c>
      <c r="IH13" s="71">
        <v>6</v>
      </c>
      <c r="II13" s="72">
        <v>82</v>
      </c>
      <c r="IJ13" s="73">
        <v>130</v>
      </c>
      <c r="IK13" s="70">
        <v>67</v>
      </c>
      <c r="IL13" s="71">
        <v>25</v>
      </c>
      <c r="IM13" s="72">
        <v>92</v>
      </c>
      <c r="IN13" s="244"/>
      <c r="IO13" s="71">
        <v>72</v>
      </c>
      <c r="IP13" s="71">
        <v>27</v>
      </c>
      <c r="IQ13" s="71">
        <v>27</v>
      </c>
      <c r="IR13" s="71">
        <v>17</v>
      </c>
      <c r="IS13" s="71">
        <v>13</v>
      </c>
      <c r="IT13" s="72">
        <v>156</v>
      </c>
      <c r="IU13" s="73">
        <v>248</v>
      </c>
      <c r="IV13" s="70">
        <v>88</v>
      </c>
      <c r="IW13" s="71">
        <v>53</v>
      </c>
      <c r="IX13" s="72">
        <v>141</v>
      </c>
      <c r="IY13" s="244"/>
      <c r="IZ13" s="71">
        <v>83</v>
      </c>
      <c r="JA13" s="71">
        <v>62</v>
      </c>
      <c r="JB13" s="71">
        <v>36</v>
      </c>
      <c r="JC13" s="71">
        <v>38</v>
      </c>
      <c r="JD13" s="71">
        <v>23</v>
      </c>
      <c r="JE13" s="72">
        <v>242</v>
      </c>
      <c r="JF13" s="73">
        <v>383</v>
      </c>
      <c r="JG13" s="70">
        <v>66</v>
      </c>
      <c r="JH13" s="71">
        <v>35</v>
      </c>
      <c r="JI13" s="72">
        <v>101</v>
      </c>
      <c r="JJ13" s="244"/>
      <c r="JK13" s="71">
        <v>101</v>
      </c>
      <c r="JL13" s="71">
        <v>65</v>
      </c>
      <c r="JM13" s="71">
        <v>55</v>
      </c>
      <c r="JN13" s="71">
        <v>58</v>
      </c>
      <c r="JO13" s="71">
        <v>35</v>
      </c>
      <c r="JP13" s="72">
        <v>314</v>
      </c>
      <c r="JQ13" s="73">
        <v>415</v>
      </c>
      <c r="JR13" s="70">
        <v>0</v>
      </c>
      <c r="JS13" s="71">
        <v>0</v>
      </c>
      <c r="JT13" s="72">
        <v>0</v>
      </c>
      <c r="JU13" s="244"/>
      <c r="JV13" s="71">
        <v>0</v>
      </c>
      <c r="JW13" s="71">
        <v>0</v>
      </c>
      <c r="JX13" s="71">
        <v>0</v>
      </c>
      <c r="JY13" s="71">
        <v>0</v>
      </c>
      <c r="JZ13" s="71">
        <v>0</v>
      </c>
      <c r="KA13" s="72">
        <v>0</v>
      </c>
      <c r="KB13" s="73">
        <v>0</v>
      </c>
      <c r="KC13" s="70">
        <v>273</v>
      </c>
      <c r="KD13" s="71">
        <v>145</v>
      </c>
      <c r="KE13" s="72">
        <v>418</v>
      </c>
      <c r="KF13" s="244"/>
      <c r="KG13" s="71">
        <v>297</v>
      </c>
      <c r="KH13" s="71">
        <v>187</v>
      </c>
      <c r="KI13" s="71">
        <v>135</v>
      </c>
      <c r="KJ13" s="71">
        <v>132</v>
      </c>
      <c r="KK13" s="71">
        <v>86</v>
      </c>
      <c r="KL13" s="72">
        <v>837</v>
      </c>
      <c r="KM13" s="73">
        <v>1255</v>
      </c>
    </row>
    <row r="14" spans="2:299" ht="21" customHeight="1" x14ac:dyDescent="0.2">
      <c r="B14" s="126" t="s">
        <v>10</v>
      </c>
      <c r="C14" s="313">
        <v>291</v>
      </c>
      <c r="D14" s="82">
        <v>188</v>
      </c>
      <c r="E14" s="83">
        <v>479</v>
      </c>
      <c r="F14" s="241"/>
      <c r="G14" s="82">
        <v>262</v>
      </c>
      <c r="H14" s="82">
        <v>163</v>
      </c>
      <c r="I14" s="82">
        <v>89</v>
      </c>
      <c r="J14" s="82">
        <v>87</v>
      </c>
      <c r="K14" s="82">
        <v>82</v>
      </c>
      <c r="L14" s="84">
        <v>683</v>
      </c>
      <c r="M14" s="85">
        <v>1162</v>
      </c>
      <c r="N14" s="70">
        <v>6</v>
      </c>
      <c r="O14" s="71">
        <v>5</v>
      </c>
      <c r="P14" s="72">
        <v>11</v>
      </c>
      <c r="Q14" s="244"/>
      <c r="R14" s="71">
        <v>8</v>
      </c>
      <c r="S14" s="71">
        <v>9</v>
      </c>
      <c r="T14" s="71">
        <v>1</v>
      </c>
      <c r="U14" s="71">
        <v>5</v>
      </c>
      <c r="V14" s="71">
        <v>2</v>
      </c>
      <c r="W14" s="72">
        <v>25</v>
      </c>
      <c r="X14" s="73">
        <v>36</v>
      </c>
      <c r="Y14" s="70">
        <v>29</v>
      </c>
      <c r="Z14" s="71">
        <v>18</v>
      </c>
      <c r="AA14" s="72">
        <v>47</v>
      </c>
      <c r="AB14" s="244"/>
      <c r="AC14" s="71">
        <v>21</v>
      </c>
      <c r="AD14" s="71">
        <v>17</v>
      </c>
      <c r="AE14" s="71">
        <v>9</v>
      </c>
      <c r="AF14" s="71">
        <v>5</v>
      </c>
      <c r="AG14" s="71">
        <v>13</v>
      </c>
      <c r="AH14" s="72">
        <v>65</v>
      </c>
      <c r="AI14" s="73">
        <v>112</v>
      </c>
      <c r="AJ14" s="70">
        <v>32</v>
      </c>
      <c r="AK14" s="71">
        <v>33</v>
      </c>
      <c r="AL14" s="72">
        <v>65</v>
      </c>
      <c r="AM14" s="244"/>
      <c r="AN14" s="71">
        <v>33</v>
      </c>
      <c r="AO14" s="71">
        <v>18</v>
      </c>
      <c r="AP14" s="71">
        <v>9</v>
      </c>
      <c r="AQ14" s="71">
        <v>8</v>
      </c>
      <c r="AR14" s="71">
        <v>14</v>
      </c>
      <c r="AS14" s="72">
        <v>82</v>
      </c>
      <c r="AT14" s="73">
        <v>147</v>
      </c>
      <c r="AU14" s="70">
        <v>62</v>
      </c>
      <c r="AV14" s="71">
        <v>41</v>
      </c>
      <c r="AW14" s="72">
        <v>103</v>
      </c>
      <c r="AX14" s="244"/>
      <c r="AY14" s="71">
        <v>58</v>
      </c>
      <c r="AZ14" s="71">
        <v>28</v>
      </c>
      <c r="BA14" s="71">
        <v>13</v>
      </c>
      <c r="BB14" s="71">
        <v>17</v>
      </c>
      <c r="BC14" s="71">
        <v>18</v>
      </c>
      <c r="BD14" s="72">
        <v>134</v>
      </c>
      <c r="BE14" s="73">
        <v>237</v>
      </c>
      <c r="BF14" s="70">
        <v>85</v>
      </c>
      <c r="BG14" s="71">
        <v>49</v>
      </c>
      <c r="BH14" s="72">
        <v>134</v>
      </c>
      <c r="BI14" s="244"/>
      <c r="BJ14" s="71">
        <v>69</v>
      </c>
      <c r="BK14" s="71">
        <v>42</v>
      </c>
      <c r="BL14" s="71">
        <v>28</v>
      </c>
      <c r="BM14" s="71">
        <v>19</v>
      </c>
      <c r="BN14" s="71">
        <v>18</v>
      </c>
      <c r="BO14" s="72">
        <v>176</v>
      </c>
      <c r="BP14" s="73">
        <v>310</v>
      </c>
      <c r="BQ14" s="70">
        <v>77</v>
      </c>
      <c r="BR14" s="71">
        <v>42</v>
      </c>
      <c r="BS14" s="72">
        <v>119</v>
      </c>
      <c r="BT14" s="244"/>
      <c r="BU14" s="71">
        <v>73</v>
      </c>
      <c r="BV14" s="71">
        <v>49</v>
      </c>
      <c r="BW14" s="71">
        <v>29</v>
      </c>
      <c r="BX14" s="71">
        <v>33</v>
      </c>
      <c r="BY14" s="71">
        <v>17</v>
      </c>
      <c r="BZ14" s="72">
        <v>201</v>
      </c>
      <c r="CA14" s="73">
        <v>320</v>
      </c>
      <c r="CB14" s="70">
        <v>0</v>
      </c>
      <c r="CC14" s="71">
        <v>0</v>
      </c>
      <c r="CD14" s="72">
        <v>0</v>
      </c>
      <c r="CE14" s="244"/>
      <c r="CF14" s="71">
        <v>0</v>
      </c>
      <c r="CG14" s="71">
        <v>0</v>
      </c>
      <c r="CH14" s="71">
        <v>0</v>
      </c>
      <c r="CI14" s="71">
        <v>0</v>
      </c>
      <c r="CJ14" s="71">
        <v>0</v>
      </c>
      <c r="CK14" s="72">
        <v>0</v>
      </c>
      <c r="CL14" s="73">
        <v>0</v>
      </c>
      <c r="CM14" s="70">
        <v>291</v>
      </c>
      <c r="CN14" s="71">
        <v>188</v>
      </c>
      <c r="CO14" s="72">
        <v>479</v>
      </c>
      <c r="CP14" s="244"/>
      <c r="CQ14" s="71">
        <v>262</v>
      </c>
      <c r="CR14" s="71">
        <v>163</v>
      </c>
      <c r="CS14" s="71">
        <v>89</v>
      </c>
      <c r="CT14" s="71">
        <v>87</v>
      </c>
      <c r="CU14" s="71">
        <v>82</v>
      </c>
      <c r="CV14" s="72">
        <v>683</v>
      </c>
      <c r="CW14" s="73">
        <v>1162</v>
      </c>
      <c r="CX14" s="123">
        <v>105</v>
      </c>
      <c r="CY14" s="82">
        <v>73</v>
      </c>
      <c r="CZ14" s="83">
        <v>178</v>
      </c>
      <c r="DA14" s="241"/>
      <c r="DB14" s="82">
        <v>128</v>
      </c>
      <c r="DC14" s="82">
        <v>47</v>
      </c>
      <c r="DD14" s="82">
        <v>46</v>
      </c>
      <c r="DE14" s="82">
        <v>41</v>
      </c>
      <c r="DF14" s="82">
        <v>38</v>
      </c>
      <c r="DG14" s="84">
        <v>300</v>
      </c>
      <c r="DH14" s="85">
        <v>478</v>
      </c>
      <c r="DI14" s="70">
        <v>6</v>
      </c>
      <c r="DJ14" s="71">
        <v>3</v>
      </c>
      <c r="DK14" s="72">
        <v>9</v>
      </c>
      <c r="DL14" s="244"/>
      <c r="DM14" s="71">
        <v>2</v>
      </c>
      <c r="DN14" s="71">
        <v>0</v>
      </c>
      <c r="DO14" s="71">
        <v>1</v>
      </c>
      <c r="DP14" s="71">
        <v>0</v>
      </c>
      <c r="DQ14" s="71">
        <v>1</v>
      </c>
      <c r="DR14" s="72">
        <v>4</v>
      </c>
      <c r="DS14" s="73">
        <v>13</v>
      </c>
      <c r="DT14" s="70">
        <v>6</v>
      </c>
      <c r="DU14" s="71">
        <v>4</v>
      </c>
      <c r="DV14" s="72">
        <v>10</v>
      </c>
      <c r="DW14" s="244"/>
      <c r="DX14" s="71">
        <v>6</v>
      </c>
      <c r="DY14" s="71">
        <v>0</v>
      </c>
      <c r="DZ14" s="71">
        <v>1</v>
      </c>
      <c r="EA14" s="71">
        <v>1</v>
      </c>
      <c r="EB14" s="71">
        <v>2</v>
      </c>
      <c r="EC14" s="72">
        <v>10</v>
      </c>
      <c r="ED14" s="73">
        <v>20</v>
      </c>
      <c r="EE14" s="70">
        <v>18</v>
      </c>
      <c r="EF14" s="71">
        <v>10</v>
      </c>
      <c r="EG14" s="72">
        <v>28</v>
      </c>
      <c r="EH14" s="244"/>
      <c r="EI14" s="71">
        <v>9</v>
      </c>
      <c r="EJ14" s="71">
        <v>6</v>
      </c>
      <c r="EK14" s="71">
        <v>4</v>
      </c>
      <c r="EL14" s="71">
        <v>0</v>
      </c>
      <c r="EM14" s="71">
        <v>1</v>
      </c>
      <c r="EN14" s="72">
        <v>20</v>
      </c>
      <c r="EO14" s="73">
        <v>48</v>
      </c>
      <c r="EP14" s="70">
        <v>25</v>
      </c>
      <c r="EQ14" s="71">
        <v>19</v>
      </c>
      <c r="ER14" s="72">
        <v>44</v>
      </c>
      <c r="ES14" s="244"/>
      <c r="ET14" s="71">
        <v>22</v>
      </c>
      <c r="EU14" s="71">
        <v>6</v>
      </c>
      <c r="EV14" s="71">
        <v>5</v>
      </c>
      <c r="EW14" s="71">
        <v>2</v>
      </c>
      <c r="EX14" s="71">
        <v>4</v>
      </c>
      <c r="EY14" s="72">
        <v>39</v>
      </c>
      <c r="EZ14" s="73">
        <v>83</v>
      </c>
      <c r="FA14" s="70">
        <v>29</v>
      </c>
      <c r="FB14" s="71">
        <v>21</v>
      </c>
      <c r="FC14" s="72">
        <v>50</v>
      </c>
      <c r="FD14" s="244"/>
      <c r="FE14" s="71">
        <v>34</v>
      </c>
      <c r="FF14" s="71">
        <v>15</v>
      </c>
      <c r="FG14" s="71">
        <v>14</v>
      </c>
      <c r="FH14" s="71">
        <v>8</v>
      </c>
      <c r="FI14" s="71">
        <v>9</v>
      </c>
      <c r="FJ14" s="72">
        <v>80</v>
      </c>
      <c r="FK14" s="73">
        <v>130</v>
      </c>
      <c r="FL14" s="70">
        <v>21</v>
      </c>
      <c r="FM14" s="71">
        <v>16</v>
      </c>
      <c r="FN14" s="72">
        <v>37</v>
      </c>
      <c r="FO14" s="244"/>
      <c r="FP14" s="71">
        <v>55</v>
      </c>
      <c r="FQ14" s="71">
        <v>20</v>
      </c>
      <c r="FR14" s="71">
        <v>21</v>
      </c>
      <c r="FS14" s="71">
        <v>30</v>
      </c>
      <c r="FT14" s="71">
        <v>21</v>
      </c>
      <c r="FU14" s="72">
        <v>147</v>
      </c>
      <c r="FV14" s="73">
        <v>184</v>
      </c>
      <c r="FW14" s="70">
        <v>0</v>
      </c>
      <c r="FX14" s="71">
        <v>0</v>
      </c>
      <c r="FY14" s="72">
        <v>0</v>
      </c>
      <c r="FZ14" s="244"/>
      <c r="GA14" s="71">
        <v>0</v>
      </c>
      <c r="GB14" s="71">
        <v>0</v>
      </c>
      <c r="GC14" s="71">
        <v>0</v>
      </c>
      <c r="GD14" s="71">
        <v>0</v>
      </c>
      <c r="GE14" s="71">
        <v>0</v>
      </c>
      <c r="GF14" s="72">
        <v>0</v>
      </c>
      <c r="GG14" s="73">
        <v>0</v>
      </c>
      <c r="GH14" s="70">
        <v>105</v>
      </c>
      <c r="GI14" s="71">
        <v>73</v>
      </c>
      <c r="GJ14" s="72">
        <v>178</v>
      </c>
      <c r="GK14" s="244"/>
      <c r="GL14" s="71">
        <v>128</v>
      </c>
      <c r="GM14" s="71">
        <v>47</v>
      </c>
      <c r="GN14" s="71">
        <v>46</v>
      </c>
      <c r="GO14" s="71">
        <v>41</v>
      </c>
      <c r="GP14" s="71">
        <v>38</v>
      </c>
      <c r="GQ14" s="72">
        <v>300</v>
      </c>
      <c r="GR14" s="73">
        <v>478</v>
      </c>
      <c r="GS14" s="123">
        <v>396</v>
      </c>
      <c r="GT14" s="82">
        <v>261</v>
      </c>
      <c r="GU14" s="83">
        <v>657</v>
      </c>
      <c r="GV14" s="241"/>
      <c r="GW14" s="82">
        <v>390</v>
      </c>
      <c r="GX14" s="82">
        <v>210</v>
      </c>
      <c r="GY14" s="82">
        <v>135</v>
      </c>
      <c r="GZ14" s="82">
        <v>128</v>
      </c>
      <c r="HA14" s="82">
        <v>120</v>
      </c>
      <c r="HB14" s="84">
        <v>983</v>
      </c>
      <c r="HC14" s="85">
        <v>1640</v>
      </c>
      <c r="HD14" s="70">
        <v>12</v>
      </c>
      <c r="HE14" s="71">
        <v>8</v>
      </c>
      <c r="HF14" s="72">
        <v>20</v>
      </c>
      <c r="HG14" s="244"/>
      <c r="HH14" s="71">
        <v>10</v>
      </c>
      <c r="HI14" s="71">
        <v>9</v>
      </c>
      <c r="HJ14" s="71">
        <v>2</v>
      </c>
      <c r="HK14" s="71">
        <v>5</v>
      </c>
      <c r="HL14" s="71">
        <v>3</v>
      </c>
      <c r="HM14" s="72">
        <v>29</v>
      </c>
      <c r="HN14" s="73">
        <v>49</v>
      </c>
      <c r="HO14" s="70">
        <v>35</v>
      </c>
      <c r="HP14" s="71">
        <v>22</v>
      </c>
      <c r="HQ14" s="72">
        <v>57</v>
      </c>
      <c r="HR14" s="244"/>
      <c r="HS14" s="71">
        <v>27</v>
      </c>
      <c r="HT14" s="71">
        <v>17</v>
      </c>
      <c r="HU14" s="71">
        <v>10</v>
      </c>
      <c r="HV14" s="71">
        <v>6</v>
      </c>
      <c r="HW14" s="71">
        <v>15</v>
      </c>
      <c r="HX14" s="72">
        <v>75</v>
      </c>
      <c r="HY14" s="73">
        <v>132</v>
      </c>
      <c r="HZ14" s="70">
        <v>50</v>
      </c>
      <c r="IA14" s="71">
        <v>43</v>
      </c>
      <c r="IB14" s="72">
        <v>93</v>
      </c>
      <c r="IC14" s="244"/>
      <c r="ID14" s="71">
        <v>42</v>
      </c>
      <c r="IE14" s="71">
        <v>24</v>
      </c>
      <c r="IF14" s="71">
        <v>13</v>
      </c>
      <c r="IG14" s="71">
        <v>8</v>
      </c>
      <c r="IH14" s="71">
        <v>15</v>
      </c>
      <c r="II14" s="72">
        <v>102</v>
      </c>
      <c r="IJ14" s="73">
        <v>195</v>
      </c>
      <c r="IK14" s="70">
        <v>87</v>
      </c>
      <c r="IL14" s="71">
        <v>60</v>
      </c>
      <c r="IM14" s="72">
        <v>147</v>
      </c>
      <c r="IN14" s="244"/>
      <c r="IO14" s="71">
        <v>80</v>
      </c>
      <c r="IP14" s="71">
        <v>34</v>
      </c>
      <c r="IQ14" s="71">
        <v>18</v>
      </c>
      <c r="IR14" s="71">
        <v>19</v>
      </c>
      <c r="IS14" s="71">
        <v>22</v>
      </c>
      <c r="IT14" s="72">
        <v>173</v>
      </c>
      <c r="IU14" s="73">
        <v>320</v>
      </c>
      <c r="IV14" s="70">
        <v>114</v>
      </c>
      <c r="IW14" s="71">
        <v>70</v>
      </c>
      <c r="IX14" s="72">
        <v>184</v>
      </c>
      <c r="IY14" s="244"/>
      <c r="IZ14" s="71">
        <v>103</v>
      </c>
      <c r="JA14" s="71">
        <v>57</v>
      </c>
      <c r="JB14" s="71">
        <v>42</v>
      </c>
      <c r="JC14" s="71">
        <v>27</v>
      </c>
      <c r="JD14" s="71">
        <v>27</v>
      </c>
      <c r="JE14" s="72">
        <v>256</v>
      </c>
      <c r="JF14" s="73">
        <v>440</v>
      </c>
      <c r="JG14" s="70">
        <v>98</v>
      </c>
      <c r="JH14" s="71">
        <v>58</v>
      </c>
      <c r="JI14" s="72">
        <v>156</v>
      </c>
      <c r="JJ14" s="244"/>
      <c r="JK14" s="71">
        <v>128</v>
      </c>
      <c r="JL14" s="71">
        <v>69</v>
      </c>
      <c r="JM14" s="71">
        <v>50</v>
      </c>
      <c r="JN14" s="71">
        <v>63</v>
      </c>
      <c r="JO14" s="71">
        <v>38</v>
      </c>
      <c r="JP14" s="72">
        <v>348</v>
      </c>
      <c r="JQ14" s="73">
        <v>504</v>
      </c>
      <c r="JR14" s="70">
        <v>0</v>
      </c>
      <c r="JS14" s="71">
        <v>0</v>
      </c>
      <c r="JT14" s="72">
        <v>0</v>
      </c>
      <c r="JU14" s="244"/>
      <c r="JV14" s="71">
        <v>0</v>
      </c>
      <c r="JW14" s="71">
        <v>0</v>
      </c>
      <c r="JX14" s="71">
        <v>0</v>
      </c>
      <c r="JY14" s="71">
        <v>0</v>
      </c>
      <c r="JZ14" s="71">
        <v>0</v>
      </c>
      <c r="KA14" s="72">
        <v>0</v>
      </c>
      <c r="KB14" s="73">
        <v>0</v>
      </c>
      <c r="KC14" s="70">
        <v>396</v>
      </c>
      <c r="KD14" s="71">
        <v>261</v>
      </c>
      <c r="KE14" s="72">
        <v>657</v>
      </c>
      <c r="KF14" s="244"/>
      <c r="KG14" s="71">
        <v>390</v>
      </c>
      <c r="KH14" s="71">
        <v>210</v>
      </c>
      <c r="KI14" s="71">
        <v>135</v>
      </c>
      <c r="KJ14" s="71">
        <v>128</v>
      </c>
      <c r="KK14" s="71">
        <v>120</v>
      </c>
      <c r="KL14" s="72">
        <v>983</v>
      </c>
      <c r="KM14" s="73">
        <v>1640</v>
      </c>
    </row>
    <row r="15" spans="2:299" ht="21" customHeight="1" x14ac:dyDescent="0.2">
      <c r="B15" s="126" t="s">
        <v>11</v>
      </c>
      <c r="C15" s="313">
        <v>51</v>
      </c>
      <c r="D15" s="82">
        <v>42</v>
      </c>
      <c r="E15" s="83">
        <v>93</v>
      </c>
      <c r="F15" s="241"/>
      <c r="G15" s="82">
        <v>96</v>
      </c>
      <c r="H15" s="82">
        <v>48</v>
      </c>
      <c r="I15" s="82">
        <v>37</v>
      </c>
      <c r="J15" s="82">
        <v>34</v>
      </c>
      <c r="K15" s="82">
        <v>18</v>
      </c>
      <c r="L15" s="84">
        <v>233</v>
      </c>
      <c r="M15" s="85">
        <v>326</v>
      </c>
      <c r="N15" s="70">
        <v>1</v>
      </c>
      <c r="O15" s="71">
        <v>2</v>
      </c>
      <c r="P15" s="72">
        <v>3</v>
      </c>
      <c r="Q15" s="244"/>
      <c r="R15" s="71">
        <v>5</v>
      </c>
      <c r="S15" s="71">
        <v>0</v>
      </c>
      <c r="T15" s="71">
        <v>0</v>
      </c>
      <c r="U15" s="71">
        <v>1</v>
      </c>
      <c r="V15" s="71">
        <v>0</v>
      </c>
      <c r="W15" s="72">
        <v>6</v>
      </c>
      <c r="X15" s="73">
        <v>9</v>
      </c>
      <c r="Y15" s="70">
        <v>3</v>
      </c>
      <c r="Z15" s="71">
        <v>1</v>
      </c>
      <c r="AA15" s="72">
        <v>4</v>
      </c>
      <c r="AB15" s="244"/>
      <c r="AC15" s="71">
        <v>6</v>
      </c>
      <c r="AD15" s="71">
        <v>3</v>
      </c>
      <c r="AE15" s="71">
        <v>5</v>
      </c>
      <c r="AF15" s="71">
        <v>2</v>
      </c>
      <c r="AG15" s="71">
        <v>2</v>
      </c>
      <c r="AH15" s="72">
        <v>18</v>
      </c>
      <c r="AI15" s="73">
        <v>22</v>
      </c>
      <c r="AJ15" s="70">
        <v>8</v>
      </c>
      <c r="AK15" s="71">
        <v>8</v>
      </c>
      <c r="AL15" s="72">
        <v>16</v>
      </c>
      <c r="AM15" s="244"/>
      <c r="AN15" s="71">
        <v>22</v>
      </c>
      <c r="AO15" s="71">
        <v>7</v>
      </c>
      <c r="AP15" s="71">
        <v>7</v>
      </c>
      <c r="AQ15" s="71">
        <v>4</v>
      </c>
      <c r="AR15" s="71">
        <v>2</v>
      </c>
      <c r="AS15" s="72">
        <v>42</v>
      </c>
      <c r="AT15" s="73">
        <v>58</v>
      </c>
      <c r="AU15" s="70">
        <v>8</v>
      </c>
      <c r="AV15" s="71">
        <v>7</v>
      </c>
      <c r="AW15" s="72">
        <v>15</v>
      </c>
      <c r="AX15" s="244"/>
      <c r="AY15" s="71">
        <v>20</v>
      </c>
      <c r="AZ15" s="71">
        <v>17</v>
      </c>
      <c r="BA15" s="71">
        <v>7</v>
      </c>
      <c r="BB15" s="71">
        <v>13</v>
      </c>
      <c r="BC15" s="71">
        <v>5</v>
      </c>
      <c r="BD15" s="72">
        <v>62</v>
      </c>
      <c r="BE15" s="73">
        <v>77</v>
      </c>
      <c r="BF15" s="70">
        <v>22</v>
      </c>
      <c r="BG15" s="71">
        <v>16</v>
      </c>
      <c r="BH15" s="72">
        <v>38</v>
      </c>
      <c r="BI15" s="244"/>
      <c r="BJ15" s="71">
        <v>27</v>
      </c>
      <c r="BK15" s="71">
        <v>11</v>
      </c>
      <c r="BL15" s="71">
        <v>6</v>
      </c>
      <c r="BM15" s="71">
        <v>6</v>
      </c>
      <c r="BN15" s="71">
        <v>5</v>
      </c>
      <c r="BO15" s="72">
        <v>55</v>
      </c>
      <c r="BP15" s="73">
        <v>93</v>
      </c>
      <c r="BQ15" s="70">
        <v>9</v>
      </c>
      <c r="BR15" s="71">
        <v>8</v>
      </c>
      <c r="BS15" s="72">
        <v>17</v>
      </c>
      <c r="BT15" s="244"/>
      <c r="BU15" s="71">
        <v>16</v>
      </c>
      <c r="BV15" s="71">
        <v>10</v>
      </c>
      <c r="BW15" s="71">
        <v>12</v>
      </c>
      <c r="BX15" s="71">
        <v>8</v>
      </c>
      <c r="BY15" s="71">
        <v>4</v>
      </c>
      <c r="BZ15" s="72">
        <v>50</v>
      </c>
      <c r="CA15" s="73">
        <v>67</v>
      </c>
      <c r="CB15" s="70">
        <v>0</v>
      </c>
      <c r="CC15" s="71">
        <v>0</v>
      </c>
      <c r="CD15" s="72">
        <v>0</v>
      </c>
      <c r="CE15" s="244"/>
      <c r="CF15" s="71">
        <v>0</v>
      </c>
      <c r="CG15" s="71">
        <v>0</v>
      </c>
      <c r="CH15" s="71">
        <v>0</v>
      </c>
      <c r="CI15" s="71">
        <v>0</v>
      </c>
      <c r="CJ15" s="71">
        <v>0</v>
      </c>
      <c r="CK15" s="72">
        <v>0</v>
      </c>
      <c r="CL15" s="73">
        <v>0</v>
      </c>
      <c r="CM15" s="70">
        <v>51</v>
      </c>
      <c r="CN15" s="71">
        <v>42</v>
      </c>
      <c r="CO15" s="72">
        <v>93</v>
      </c>
      <c r="CP15" s="244"/>
      <c r="CQ15" s="71">
        <v>96</v>
      </c>
      <c r="CR15" s="71">
        <v>48</v>
      </c>
      <c r="CS15" s="71">
        <v>37</v>
      </c>
      <c r="CT15" s="71">
        <v>34</v>
      </c>
      <c r="CU15" s="71">
        <v>18</v>
      </c>
      <c r="CV15" s="72">
        <v>233</v>
      </c>
      <c r="CW15" s="73">
        <v>326</v>
      </c>
      <c r="CX15" s="123">
        <v>22</v>
      </c>
      <c r="CY15" s="82">
        <v>16</v>
      </c>
      <c r="CZ15" s="83">
        <v>38</v>
      </c>
      <c r="DA15" s="241"/>
      <c r="DB15" s="82">
        <v>48</v>
      </c>
      <c r="DC15" s="82">
        <v>27</v>
      </c>
      <c r="DD15" s="82">
        <v>26</v>
      </c>
      <c r="DE15" s="82">
        <v>27</v>
      </c>
      <c r="DF15" s="82">
        <v>13</v>
      </c>
      <c r="DG15" s="84">
        <v>141</v>
      </c>
      <c r="DH15" s="85">
        <v>179</v>
      </c>
      <c r="DI15" s="70">
        <v>0</v>
      </c>
      <c r="DJ15" s="71">
        <v>1</v>
      </c>
      <c r="DK15" s="72">
        <v>1</v>
      </c>
      <c r="DL15" s="244"/>
      <c r="DM15" s="71">
        <v>1</v>
      </c>
      <c r="DN15" s="71">
        <v>0</v>
      </c>
      <c r="DO15" s="71">
        <v>0</v>
      </c>
      <c r="DP15" s="71">
        <v>0</v>
      </c>
      <c r="DQ15" s="71">
        <v>0</v>
      </c>
      <c r="DR15" s="72">
        <v>1</v>
      </c>
      <c r="DS15" s="73">
        <v>2</v>
      </c>
      <c r="DT15" s="70">
        <v>0</v>
      </c>
      <c r="DU15" s="71">
        <v>2</v>
      </c>
      <c r="DV15" s="72">
        <v>2</v>
      </c>
      <c r="DW15" s="244"/>
      <c r="DX15" s="71">
        <v>4</v>
      </c>
      <c r="DY15" s="71">
        <v>1</v>
      </c>
      <c r="DZ15" s="71">
        <v>0</v>
      </c>
      <c r="EA15" s="71">
        <v>1</v>
      </c>
      <c r="EB15" s="71">
        <v>1</v>
      </c>
      <c r="EC15" s="72">
        <v>7</v>
      </c>
      <c r="ED15" s="73">
        <v>9</v>
      </c>
      <c r="EE15" s="70">
        <v>5</v>
      </c>
      <c r="EF15" s="71">
        <v>3</v>
      </c>
      <c r="EG15" s="72">
        <v>8</v>
      </c>
      <c r="EH15" s="244"/>
      <c r="EI15" s="71">
        <v>6</v>
      </c>
      <c r="EJ15" s="71">
        <v>1</v>
      </c>
      <c r="EK15" s="71">
        <v>3</v>
      </c>
      <c r="EL15" s="71">
        <v>2</v>
      </c>
      <c r="EM15" s="71">
        <v>0</v>
      </c>
      <c r="EN15" s="72">
        <v>12</v>
      </c>
      <c r="EO15" s="73">
        <v>20</v>
      </c>
      <c r="EP15" s="70">
        <v>0</v>
      </c>
      <c r="EQ15" s="71">
        <v>2</v>
      </c>
      <c r="ER15" s="72">
        <v>2</v>
      </c>
      <c r="ES15" s="244"/>
      <c r="ET15" s="71">
        <v>10</v>
      </c>
      <c r="EU15" s="71">
        <v>7</v>
      </c>
      <c r="EV15" s="71">
        <v>1</v>
      </c>
      <c r="EW15" s="71">
        <v>3</v>
      </c>
      <c r="EX15" s="71">
        <v>2</v>
      </c>
      <c r="EY15" s="72">
        <v>23</v>
      </c>
      <c r="EZ15" s="73">
        <v>25</v>
      </c>
      <c r="FA15" s="70">
        <v>12</v>
      </c>
      <c r="FB15" s="71">
        <v>2</v>
      </c>
      <c r="FC15" s="72">
        <v>14</v>
      </c>
      <c r="FD15" s="244"/>
      <c r="FE15" s="71">
        <v>14</v>
      </c>
      <c r="FF15" s="71">
        <v>14</v>
      </c>
      <c r="FG15" s="71">
        <v>10</v>
      </c>
      <c r="FH15" s="71">
        <v>5</v>
      </c>
      <c r="FI15" s="71">
        <v>5</v>
      </c>
      <c r="FJ15" s="72">
        <v>48</v>
      </c>
      <c r="FK15" s="73">
        <v>62</v>
      </c>
      <c r="FL15" s="70">
        <v>5</v>
      </c>
      <c r="FM15" s="71">
        <v>6</v>
      </c>
      <c r="FN15" s="72">
        <v>11</v>
      </c>
      <c r="FO15" s="244"/>
      <c r="FP15" s="71">
        <v>13</v>
      </c>
      <c r="FQ15" s="71">
        <v>4</v>
      </c>
      <c r="FR15" s="71">
        <v>12</v>
      </c>
      <c r="FS15" s="71">
        <v>16</v>
      </c>
      <c r="FT15" s="71">
        <v>5</v>
      </c>
      <c r="FU15" s="72">
        <v>50</v>
      </c>
      <c r="FV15" s="73">
        <v>61</v>
      </c>
      <c r="FW15" s="70">
        <v>0</v>
      </c>
      <c r="FX15" s="71">
        <v>0</v>
      </c>
      <c r="FY15" s="72">
        <v>0</v>
      </c>
      <c r="FZ15" s="244"/>
      <c r="GA15" s="71">
        <v>0</v>
      </c>
      <c r="GB15" s="71">
        <v>0</v>
      </c>
      <c r="GC15" s="71">
        <v>0</v>
      </c>
      <c r="GD15" s="71">
        <v>0</v>
      </c>
      <c r="GE15" s="71">
        <v>0</v>
      </c>
      <c r="GF15" s="72">
        <v>0</v>
      </c>
      <c r="GG15" s="73">
        <v>0</v>
      </c>
      <c r="GH15" s="70">
        <v>22</v>
      </c>
      <c r="GI15" s="71">
        <v>16</v>
      </c>
      <c r="GJ15" s="72">
        <v>38</v>
      </c>
      <c r="GK15" s="244"/>
      <c r="GL15" s="71">
        <v>48</v>
      </c>
      <c r="GM15" s="71">
        <v>27</v>
      </c>
      <c r="GN15" s="71">
        <v>26</v>
      </c>
      <c r="GO15" s="71">
        <v>27</v>
      </c>
      <c r="GP15" s="71">
        <v>13</v>
      </c>
      <c r="GQ15" s="72">
        <v>141</v>
      </c>
      <c r="GR15" s="73">
        <v>179</v>
      </c>
      <c r="GS15" s="123">
        <v>73</v>
      </c>
      <c r="GT15" s="82">
        <v>58</v>
      </c>
      <c r="GU15" s="83">
        <v>131</v>
      </c>
      <c r="GV15" s="241"/>
      <c r="GW15" s="82">
        <v>144</v>
      </c>
      <c r="GX15" s="82">
        <v>75</v>
      </c>
      <c r="GY15" s="82">
        <v>63</v>
      </c>
      <c r="GZ15" s="82">
        <v>61</v>
      </c>
      <c r="HA15" s="82">
        <v>31</v>
      </c>
      <c r="HB15" s="84">
        <v>374</v>
      </c>
      <c r="HC15" s="85">
        <v>505</v>
      </c>
      <c r="HD15" s="70">
        <v>1</v>
      </c>
      <c r="HE15" s="71">
        <v>3</v>
      </c>
      <c r="HF15" s="72">
        <v>4</v>
      </c>
      <c r="HG15" s="244"/>
      <c r="HH15" s="71">
        <v>6</v>
      </c>
      <c r="HI15" s="71">
        <v>0</v>
      </c>
      <c r="HJ15" s="71">
        <v>0</v>
      </c>
      <c r="HK15" s="71">
        <v>1</v>
      </c>
      <c r="HL15" s="71">
        <v>0</v>
      </c>
      <c r="HM15" s="72">
        <v>7</v>
      </c>
      <c r="HN15" s="73">
        <v>11</v>
      </c>
      <c r="HO15" s="70">
        <v>3</v>
      </c>
      <c r="HP15" s="71">
        <v>3</v>
      </c>
      <c r="HQ15" s="72">
        <v>6</v>
      </c>
      <c r="HR15" s="244"/>
      <c r="HS15" s="71">
        <v>10</v>
      </c>
      <c r="HT15" s="71">
        <v>4</v>
      </c>
      <c r="HU15" s="71">
        <v>5</v>
      </c>
      <c r="HV15" s="71">
        <v>3</v>
      </c>
      <c r="HW15" s="71">
        <v>3</v>
      </c>
      <c r="HX15" s="72">
        <v>25</v>
      </c>
      <c r="HY15" s="73">
        <v>31</v>
      </c>
      <c r="HZ15" s="70">
        <v>13</v>
      </c>
      <c r="IA15" s="71">
        <v>11</v>
      </c>
      <c r="IB15" s="72">
        <v>24</v>
      </c>
      <c r="IC15" s="244"/>
      <c r="ID15" s="71">
        <v>28</v>
      </c>
      <c r="IE15" s="71">
        <v>8</v>
      </c>
      <c r="IF15" s="71">
        <v>10</v>
      </c>
      <c r="IG15" s="71">
        <v>6</v>
      </c>
      <c r="IH15" s="71">
        <v>2</v>
      </c>
      <c r="II15" s="72">
        <v>54</v>
      </c>
      <c r="IJ15" s="73">
        <v>78</v>
      </c>
      <c r="IK15" s="70">
        <v>8</v>
      </c>
      <c r="IL15" s="71">
        <v>9</v>
      </c>
      <c r="IM15" s="72">
        <v>17</v>
      </c>
      <c r="IN15" s="244"/>
      <c r="IO15" s="71">
        <v>30</v>
      </c>
      <c r="IP15" s="71">
        <v>24</v>
      </c>
      <c r="IQ15" s="71">
        <v>8</v>
      </c>
      <c r="IR15" s="71">
        <v>16</v>
      </c>
      <c r="IS15" s="71">
        <v>7</v>
      </c>
      <c r="IT15" s="72">
        <v>85</v>
      </c>
      <c r="IU15" s="73">
        <v>102</v>
      </c>
      <c r="IV15" s="70">
        <v>34</v>
      </c>
      <c r="IW15" s="71">
        <v>18</v>
      </c>
      <c r="IX15" s="72">
        <v>52</v>
      </c>
      <c r="IY15" s="244"/>
      <c r="IZ15" s="71">
        <v>41</v>
      </c>
      <c r="JA15" s="71">
        <v>25</v>
      </c>
      <c r="JB15" s="71">
        <v>16</v>
      </c>
      <c r="JC15" s="71">
        <v>11</v>
      </c>
      <c r="JD15" s="71">
        <v>10</v>
      </c>
      <c r="JE15" s="72">
        <v>103</v>
      </c>
      <c r="JF15" s="73">
        <v>155</v>
      </c>
      <c r="JG15" s="70">
        <v>14</v>
      </c>
      <c r="JH15" s="71">
        <v>14</v>
      </c>
      <c r="JI15" s="72">
        <v>28</v>
      </c>
      <c r="JJ15" s="244"/>
      <c r="JK15" s="71">
        <v>29</v>
      </c>
      <c r="JL15" s="71">
        <v>14</v>
      </c>
      <c r="JM15" s="71">
        <v>24</v>
      </c>
      <c r="JN15" s="71">
        <v>24</v>
      </c>
      <c r="JO15" s="71">
        <v>9</v>
      </c>
      <c r="JP15" s="72">
        <v>100</v>
      </c>
      <c r="JQ15" s="73">
        <v>128</v>
      </c>
      <c r="JR15" s="70">
        <v>0</v>
      </c>
      <c r="JS15" s="71">
        <v>0</v>
      </c>
      <c r="JT15" s="72">
        <v>0</v>
      </c>
      <c r="JU15" s="244"/>
      <c r="JV15" s="71">
        <v>0</v>
      </c>
      <c r="JW15" s="71">
        <v>0</v>
      </c>
      <c r="JX15" s="71">
        <v>0</v>
      </c>
      <c r="JY15" s="71">
        <v>0</v>
      </c>
      <c r="JZ15" s="71">
        <v>0</v>
      </c>
      <c r="KA15" s="72">
        <v>0</v>
      </c>
      <c r="KB15" s="73">
        <v>0</v>
      </c>
      <c r="KC15" s="70">
        <v>73</v>
      </c>
      <c r="KD15" s="71">
        <v>58</v>
      </c>
      <c r="KE15" s="72">
        <v>131</v>
      </c>
      <c r="KF15" s="244"/>
      <c r="KG15" s="71">
        <v>144</v>
      </c>
      <c r="KH15" s="71">
        <v>75</v>
      </c>
      <c r="KI15" s="71">
        <v>63</v>
      </c>
      <c r="KJ15" s="71">
        <v>61</v>
      </c>
      <c r="KK15" s="71">
        <v>31</v>
      </c>
      <c r="KL15" s="72">
        <v>374</v>
      </c>
      <c r="KM15" s="73">
        <v>505</v>
      </c>
    </row>
    <row r="16" spans="2:299" ht="21" customHeight="1" x14ac:dyDescent="0.2">
      <c r="B16" s="126" t="s">
        <v>12</v>
      </c>
      <c r="C16" s="313">
        <v>130</v>
      </c>
      <c r="D16" s="82">
        <v>93</v>
      </c>
      <c r="E16" s="83">
        <v>223</v>
      </c>
      <c r="F16" s="241"/>
      <c r="G16" s="82">
        <v>120</v>
      </c>
      <c r="H16" s="82">
        <v>81</v>
      </c>
      <c r="I16" s="82">
        <v>50</v>
      </c>
      <c r="J16" s="82">
        <v>59</v>
      </c>
      <c r="K16" s="82">
        <v>34</v>
      </c>
      <c r="L16" s="84">
        <v>344</v>
      </c>
      <c r="M16" s="85">
        <v>567</v>
      </c>
      <c r="N16" s="86">
        <v>2</v>
      </c>
      <c r="O16" s="71">
        <v>5</v>
      </c>
      <c r="P16" s="72">
        <v>7</v>
      </c>
      <c r="Q16" s="244"/>
      <c r="R16" s="71">
        <v>2</v>
      </c>
      <c r="S16" s="71">
        <v>4</v>
      </c>
      <c r="T16" s="71">
        <v>2</v>
      </c>
      <c r="U16" s="71">
        <v>2</v>
      </c>
      <c r="V16" s="71">
        <v>0</v>
      </c>
      <c r="W16" s="72">
        <v>10</v>
      </c>
      <c r="X16" s="73">
        <v>17</v>
      </c>
      <c r="Y16" s="70">
        <v>10</v>
      </c>
      <c r="Z16" s="71">
        <v>11</v>
      </c>
      <c r="AA16" s="72">
        <v>21</v>
      </c>
      <c r="AB16" s="244"/>
      <c r="AC16" s="71">
        <v>6</v>
      </c>
      <c r="AD16" s="71">
        <v>7</v>
      </c>
      <c r="AE16" s="71">
        <v>3</v>
      </c>
      <c r="AF16" s="71">
        <v>5</v>
      </c>
      <c r="AG16" s="71">
        <v>5</v>
      </c>
      <c r="AH16" s="72">
        <v>26</v>
      </c>
      <c r="AI16" s="73">
        <v>47</v>
      </c>
      <c r="AJ16" s="86">
        <v>17</v>
      </c>
      <c r="AK16" s="71">
        <v>10</v>
      </c>
      <c r="AL16" s="72">
        <v>27</v>
      </c>
      <c r="AM16" s="244"/>
      <c r="AN16" s="71">
        <v>7</v>
      </c>
      <c r="AO16" s="71">
        <v>9</v>
      </c>
      <c r="AP16" s="71">
        <v>3</v>
      </c>
      <c r="AQ16" s="71">
        <v>6</v>
      </c>
      <c r="AR16" s="71">
        <v>2</v>
      </c>
      <c r="AS16" s="72">
        <v>27</v>
      </c>
      <c r="AT16" s="73">
        <v>54</v>
      </c>
      <c r="AU16" s="70">
        <v>29</v>
      </c>
      <c r="AV16" s="71">
        <v>27</v>
      </c>
      <c r="AW16" s="72">
        <v>56</v>
      </c>
      <c r="AX16" s="244"/>
      <c r="AY16" s="71">
        <v>29</v>
      </c>
      <c r="AZ16" s="71">
        <v>21</v>
      </c>
      <c r="BA16" s="71">
        <v>13</v>
      </c>
      <c r="BB16" s="71">
        <v>10</v>
      </c>
      <c r="BC16" s="71">
        <v>13</v>
      </c>
      <c r="BD16" s="72">
        <v>86</v>
      </c>
      <c r="BE16" s="73">
        <v>142</v>
      </c>
      <c r="BF16" s="86">
        <v>40</v>
      </c>
      <c r="BG16" s="71">
        <v>19</v>
      </c>
      <c r="BH16" s="72">
        <v>59</v>
      </c>
      <c r="BI16" s="244"/>
      <c r="BJ16" s="71">
        <v>39</v>
      </c>
      <c r="BK16" s="71">
        <v>23</v>
      </c>
      <c r="BL16" s="71">
        <v>15</v>
      </c>
      <c r="BM16" s="71">
        <v>22</v>
      </c>
      <c r="BN16" s="71">
        <v>7</v>
      </c>
      <c r="BO16" s="72">
        <v>106</v>
      </c>
      <c r="BP16" s="73">
        <v>165</v>
      </c>
      <c r="BQ16" s="70">
        <v>32</v>
      </c>
      <c r="BR16" s="71">
        <v>21</v>
      </c>
      <c r="BS16" s="72">
        <v>53</v>
      </c>
      <c r="BT16" s="244"/>
      <c r="BU16" s="71">
        <v>37</v>
      </c>
      <c r="BV16" s="71">
        <v>17</v>
      </c>
      <c r="BW16" s="71">
        <v>14</v>
      </c>
      <c r="BX16" s="71">
        <v>14</v>
      </c>
      <c r="BY16" s="71">
        <v>7</v>
      </c>
      <c r="BZ16" s="72">
        <v>89</v>
      </c>
      <c r="CA16" s="73">
        <v>142</v>
      </c>
      <c r="CB16" s="70">
        <v>0</v>
      </c>
      <c r="CC16" s="71">
        <v>0</v>
      </c>
      <c r="CD16" s="72">
        <v>0</v>
      </c>
      <c r="CE16" s="244"/>
      <c r="CF16" s="71">
        <v>0</v>
      </c>
      <c r="CG16" s="71">
        <v>0</v>
      </c>
      <c r="CH16" s="71">
        <v>0</v>
      </c>
      <c r="CI16" s="71">
        <v>0</v>
      </c>
      <c r="CJ16" s="71">
        <v>0</v>
      </c>
      <c r="CK16" s="72">
        <v>0</v>
      </c>
      <c r="CL16" s="73">
        <v>0</v>
      </c>
      <c r="CM16" s="70">
        <v>130</v>
      </c>
      <c r="CN16" s="71">
        <v>93</v>
      </c>
      <c r="CO16" s="72">
        <v>223</v>
      </c>
      <c r="CP16" s="244"/>
      <c r="CQ16" s="71">
        <v>120</v>
      </c>
      <c r="CR16" s="71">
        <v>81</v>
      </c>
      <c r="CS16" s="71">
        <v>50</v>
      </c>
      <c r="CT16" s="71">
        <v>59</v>
      </c>
      <c r="CU16" s="71">
        <v>34</v>
      </c>
      <c r="CV16" s="72">
        <v>344</v>
      </c>
      <c r="CW16" s="73">
        <v>567</v>
      </c>
      <c r="CX16" s="123">
        <v>35</v>
      </c>
      <c r="CY16" s="82">
        <v>30</v>
      </c>
      <c r="CZ16" s="83">
        <v>65</v>
      </c>
      <c r="DA16" s="241"/>
      <c r="DB16" s="82">
        <v>43</v>
      </c>
      <c r="DC16" s="82">
        <v>31</v>
      </c>
      <c r="DD16" s="82">
        <v>31</v>
      </c>
      <c r="DE16" s="82">
        <v>31</v>
      </c>
      <c r="DF16" s="82">
        <v>11</v>
      </c>
      <c r="DG16" s="84">
        <v>147</v>
      </c>
      <c r="DH16" s="85">
        <v>212</v>
      </c>
      <c r="DI16" s="86">
        <v>0</v>
      </c>
      <c r="DJ16" s="71">
        <v>1</v>
      </c>
      <c r="DK16" s="72">
        <v>1</v>
      </c>
      <c r="DL16" s="244"/>
      <c r="DM16" s="71">
        <v>1</v>
      </c>
      <c r="DN16" s="71">
        <v>0</v>
      </c>
      <c r="DO16" s="71">
        <v>1</v>
      </c>
      <c r="DP16" s="71">
        <v>0</v>
      </c>
      <c r="DQ16" s="71">
        <v>0</v>
      </c>
      <c r="DR16" s="72">
        <v>2</v>
      </c>
      <c r="DS16" s="73">
        <v>3</v>
      </c>
      <c r="DT16" s="70">
        <v>2</v>
      </c>
      <c r="DU16" s="71">
        <v>1</v>
      </c>
      <c r="DV16" s="72">
        <v>3</v>
      </c>
      <c r="DW16" s="244"/>
      <c r="DX16" s="71">
        <v>2</v>
      </c>
      <c r="DY16" s="71">
        <v>1</v>
      </c>
      <c r="DZ16" s="71">
        <v>0</v>
      </c>
      <c r="EA16" s="71">
        <v>2</v>
      </c>
      <c r="EB16" s="71">
        <v>0</v>
      </c>
      <c r="EC16" s="72">
        <v>5</v>
      </c>
      <c r="ED16" s="73">
        <v>8</v>
      </c>
      <c r="EE16" s="86">
        <v>5</v>
      </c>
      <c r="EF16" s="71">
        <v>4</v>
      </c>
      <c r="EG16" s="72">
        <v>9</v>
      </c>
      <c r="EH16" s="244"/>
      <c r="EI16" s="71">
        <v>6</v>
      </c>
      <c r="EJ16" s="71">
        <v>3</v>
      </c>
      <c r="EK16" s="71">
        <v>0</v>
      </c>
      <c r="EL16" s="71">
        <v>1</v>
      </c>
      <c r="EM16" s="71">
        <v>2</v>
      </c>
      <c r="EN16" s="72">
        <v>12</v>
      </c>
      <c r="EO16" s="73">
        <v>21</v>
      </c>
      <c r="EP16" s="70">
        <v>10</v>
      </c>
      <c r="EQ16" s="71">
        <v>11</v>
      </c>
      <c r="ER16" s="72">
        <v>21</v>
      </c>
      <c r="ES16" s="244"/>
      <c r="ET16" s="71">
        <v>9</v>
      </c>
      <c r="EU16" s="71">
        <v>5</v>
      </c>
      <c r="EV16" s="71">
        <v>3</v>
      </c>
      <c r="EW16" s="71">
        <v>6</v>
      </c>
      <c r="EX16" s="71">
        <v>2</v>
      </c>
      <c r="EY16" s="72">
        <v>25</v>
      </c>
      <c r="EZ16" s="73">
        <v>46</v>
      </c>
      <c r="FA16" s="86">
        <v>11</v>
      </c>
      <c r="FB16" s="71">
        <v>5</v>
      </c>
      <c r="FC16" s="72">
        <v>16</v>
      </c>
      <c r="FD16" s="244"/>
      <c r="FE16" s="71">
        <v>10</v>
      </c>
      <c r="FF16" s="71">
        <v>11</v>
      </c>
      <c r="FG16" s="71">
        <v>14</v>
      </c>
      <c r="FH16" s="71">
        <v>6</v>
      </c>
      <c r="FI16" s="71">
        <v>1</v>
      </c>
      <c r="FJ16" s="72">
        <v>42</v>
      </c>
      <c r="FK16" s="73">
        <v>58</v>
      </c>
      <c r="FL16" s="70">
        <v>7</v>
      </c>
      <c r="FM16" s="71">
        <v>8</v>
      </c>
      <c r="FN16" s="72">
        <v>15</v>
      </c>
      <c r="FO16" s="244"/>
      <c r="FP16" s="71">
        <v>15</v>
      </c>
      <c r="FQ16" s="71">
        <v>11</v>
      </c>
      <c r="FR16" s="71">
        <v>13</v>
      </c>
      <c r="FS16" s="71">
        <v>16</v>
      </c>
      <c r="FT16" s="71">
        <v>6</v>
      </c>
      <c r="FU16" s="72">
        <v>61</v>
      </c>
      <c r="FV16" s="73">
        <v>76</v>
      </c>
      <c r="FW16" s="70">
        <v>0</v>
      </c>
      <c r="FX16" s="71">
        <v>0</v>
      </c>
      <c r="FY16" s="72">
        <v>0</v>
      </c>
      <c r="FZ16" s="244"/>
      <c r="GA16" s="71">
        <v>0</v>
      </c>
      <c r="GB16" s="71">
        <v>0</v>
      </c>
      <c r="GC16" s="71">
        <v>0</v>
      </c>
      <c r="GD16" s="71">
        <v>0</v>
      </c>
      <c r="GE16" s="71">
        <v>0</v>
      </c>
      <c r="GF16" s="72">
        <v>0</v>
      </c>
      <c r="GG16" s="73">
        <v>0</v>
      </c>
      <c r="GH16" s="70">
        <v>35</v>
      </c>
      <c r="GI16" s="71">
        <v>30</v>
      </c>
      <c r="GJ16" s="72">
        <v>65</v>
      </c>
      <c r="GK16" s="244"/>
      <c r="GL16" s="71">
        <v>43</v>
      </c>
      <c r="GM16" s="71">
        <v>31</v>
      </c>
      <c r="GN16" s="71">
        <v>31</v>
      </c>
      <c r="GO16" s="71">
        <v>31</v>
      </c>
      <c r="GP16" s="71">
        <v>11</v>
      </c>
      <c r="GQ16" s="72">
        <v>147</v>
      </c>
      <c r="GR16" s="73">
        <v>212</v>
      </c>
      <c r="GS16" s="123">
        <v>165</v>
      </c>
      <c r="GT16" s="82">
        <v>123</v>
      </c>
      <c r="GU16" s="83">
        <v>288</v>
      </c>
      <c r="GV16" s="241"/>
      <c r="GW16" s="82">
        <v>163</v>
      </c>
      <c r="GX16" s="82">
        <v>112</v>
      </c>
      <c r="GY16" s="82">
        <v>81</v>
      </c>
      <c r="GZ16" s="82">
        <v>90</v>
      </c>
      <c r="HA16" s="82">
        <v>45</v>
      </c>
      <c r="HB16" s="84">
        <v>491</v>
      </c>
      <c r="HC16" s="85">
        <v>779</v>
      </c>
      <c r="HD16" s="86">
        <v>2</v>
      </c>
      <c r="HE16" s="71">
        <v>6</v>
      </c>
      <c r="HF16" s="72">
        <v>8</v>
      </c>
      <c r="HG16" s="244"/>
      <c r="HH16" s="71">
        <v>3</v>
      </c>
      <c r="HI16" s="71">
        <v>4</v>
      </c>
      <c r="HJ16" s="71">
        <v>3</v>
      </c>
      <c r="HK16" s="71">
        <v>2</v>
      </c>
      <c r="HL16" s="71">
        <v>0</v>
      </c>
      <c r="HM16" s="72">
        <v>12</v>
      </c>
      <c r="HN16" s="73">
        <v>20</v>
      </c>
      <c r="HO16" s="70">
        <v>12</v>
      </c>
      <c r="HP16" s="71">
        <v>12</v>
      </c>
      <c r="HQ16" s="72">
        <v>24</v>
      </c>
      <c r="HR16" s="244"/>
      <c r="HS16" s="71">
        <v>8</v>
      </c>
      <c r="HT16" s="71">
        <v>8</v>
      </c>
      <c r="HU16" s="71">
        <v>3</v>
      </c>
      <c r="HV16" s="71">
        <v>7</v>
      </c>
      <c r="HW16" s="71">
        <v>5</v>
      </c>
      <c r="HX16" s="72">
        <v>31</v>
      </c>
      <c r="HY16" s="73">
        <v>55</v>
      </c>
      <c r="HZ16" s="86">
        <v>22</v>
      </c>
      <c r="IA16" s="71">
        <v>14</v>
      </c>
      <c r="IB16" s="72">
        <v>36</v>
      </c>
      <c r="IC16" s="244"/>
      <c r="ID16" s="71">
        <v>13</v>
      </c>
      <c r="IE16" s="71">
        <v>12</v>
      </c>
      <c r="IF16" s="71">
        <v>3</v>
      </c>
      <c r="IG16" s="71">
        <v>7</v>
      </c>
      <c r="IH16" s="71">
        <v>4</v>
      </c>
      <c r="II16" s="72">
        <v>39</v>
      </c>
      <c r="IJ16" s="73">
        <v>75</v>
      </c>
      <c r="IK16" s="70">
        <v>39</v>
      </c>
      <c r="IL16" s="71">
        <v>38</v>
      </c>
      <c r="IM16" s="72">
        <v>77</v>
      </c>
      <c r="IN16" s="244"/>
      <c r="IO16" s="71">
        <v>38</v>
      </c>
      <c r="IP16" s="71">
        <v>26</v>
      </c>
      <c r="IQ16" s="71">
        <v>16</v>
      </c>
      <c r="IR16" s="71">
        <v>16</v>
      </c>
      <c r="IS16" s="71">
        <v>15</v>
      </c>
      <c r="IT16" s="72">
        <v>111</v>
      </c>
      <c r="IU16" s="73">
        <v>188</v>
      </c>
      <c r="IV16" s="86">
        <v>51</v>
      </c>
      <c r="IW16" s="71">
        <v>24</v>
      </c>
      <c r="IX16" s="72">
        <v>75</v>
      </c>
      <c r="IY16" s="244"/>
      <c r="IZ16" s="71">
        <v>49</v>
      </c>
      <c r="JA16" s="71">
        <v>34</v>
      </c>
      <c r="JB16" s="71">
        <v>29</v>
      </c>
      <c r="JC16" s="71">
        <v>28</v>
      </c>
      <c r="JD16" s="71">
        <v>8</v>
      </c>
      <c r="JE16" s="72">
        <v>148</v>
      </c>
      <c r="JF16" s="73">
        <v>223</v>
      </c>
      <c r="JG16" s="70">
        <v>39</v>
      </c>
      <c r="JH16" s="71">
        <v>29</v>
      </c>
      <c r="JI16" s="72">
        <v>68</v>
      </c>
      <c r="JJ16" s="244"/>
      <c r="JK16" s="71">
        <v>52</v>
      </c>
      <c r="JL16" s="71">
        <v>28</v>
      </c>
      <c r="JM16" s="71">
        <v>27</v>
      </c>
      <c r="JN16" s="71">
        <v>30</v>
      </c>
      <c r="JO16" s="71">
        <v>13</v>
      </c>
      <c r="JP16" s="72">
        <v>150</v>
      </c>
      <c r="JQ16" s="73">
        <v>218</v>
      </c>
      <c r="JR16" s="70">
        <v>0</v>
      </c>
      <c r="JS16" s="71">
        <v>0</v>
      </c>
      <c r="JT16" s="72">
        <v>0</v>
      </c>
      <c r="JU16" s="244"/>
      <c r="JV16" s="71">
        <v>0</v>
      </c>
      <c r="JW16" s="71">
        <v>0</v>
      </c>
      <c r="JX16" s="71">
        <v>0</v>
      </c>
      <c r="JY16" s="71">
        <v>0</v>
      </c>
      <c r="JZ16" s="71">
        <v>0</v>
      </c>
      <c r="KA16" s="72">
        <v>0</v>
      </c>
      <c r="KB16" s="73">
        <v>0</v>
      </c>
      <c r="KC16" s="70">
        <v>165</v>
      </c>
      <c r="KD16" s="71">
        <v>123</v>
      </c>
      <c r="KE16" s="72">
        <v>288</v>
      </c>
      <c r="KF16" s="244"/>
      <c r="KG16" s="71">
        <v>163</v>
      </c>
      <c r="KH16" s="71">
        <v>112</v>
      </c>
      <c r="KI16" s="71">
        <v>81</v>
      </c>
      <c r="KJ16" s="71">
        <v>90</v>
      </c>
      <c r="KK16" s="71">
        <v>45</v>
      </c>
      <c r="KL16" s="72">
        <v>491</v>
      </c>
      <c r="KM16" s="73">
        <v>779</v>
      </c>
    </row>
    <row r="17" spans="2:299" ht="21" customHeight="1" x14ac:dyDescent="0.2">
      <c r="B17" s="126" t="s">
        <v>13</v>
      </c>
      <c r="C17" s="313">
        <v>47</v>
      </c>
      <c r="D17" s="82">
        <v>41</v>
      </c>
      <c r="E17" s="83">
        <v>88</v>
      </c>
      <c r="F17" s="241"/>
      <c r="G17" s="82">
        <v>63</v>
      </c>
      <c r="H17" s="82">
        <v>60</v>
      </c>
      <c r="I17" s="82">
        <v>34</v>
      </c>
      <c r="J17" s="82">
        <v>23</v>
      </c>
      <c r="K17" s="82">
        <v>22</v>
      </c>
      <c r="L17" s="84">
        <v>202</v>
      </c>
      <c r="M17" s="85">
        <v>290</v>
      </c>
      <c r="N17" s="70">
        <v>1</v>
      </c>
      <c r="O17" s="71">
        <v>2</v>
      </c>
      <c r="P17" s="72">
        <v>3</v>
      </c>
      <c r="Q17" s="244"/>
      <c r="R17" s="71">
        <v>1</v>
      </c>
      <c r="S17" s="71">
        <v>1</v>
      </c>
      <c r="T17" s="71">
        <v>0</v>
      </c>
      <c r="U17" s="71">
        <v>1</v>
      </c>
      <c r="V17" s="71">
        <v>0</v>
      </c>
      <c r="W17" s="72">
        <v>3</v>
      </c>
      <c r="X17" s="73">
        <v>6</v>
      </c>
      <c r="Y17" s="70">
        <v>2</v>
      </c>
      <c r="Z17" s="71">
        <v>1</v>
      </c>
      <c r="AA17" s="72">
        <v>3</v>
      </c>
      <c r="AB17" s="244"/>
      <c r="AC17" s="71">
        <v>5</v>
      </c>
      <c r="AD17" s="71">
        <v>2</v>
      </c>
      <c r="AE17" s="71">
        <v>0</v>
      </c>
      <c r="AF17" s="71">
        <v>0</v>
      </c>
      <c r="AG17" s="71">
        <v>1</v>
      </c>
      <c r="AH17" s="72">
        <v>8</v>
      </c>
      <c r="AI17" s="73">
        <v>11</v>
      </c>
      <c r="AJ17" s="70">
        <v>4</v>
      </c>
      <c r="AK17" s="71">
        <v>4</v>
      </c>
      <c r="AL17" s="72">
        <v>8</v>
      </c>
      <c r="AM17" s="244"/>
      <c r="AN17" s="71">
        <v>8</v>
      </c>
      <c r="AO17" s="71">
        <v>5</v>
      </c>
      <c r="AP17" s="71">
        <v>5</v>
      </c>
      <c r="AQ17" s="71">
        <v>2</v>
      </c>
      <c r="AR17" s="71">
        <v>2</v>
      </c>
      <c r="AS17" s="72">
        <v>22</v>
      </c>
      <c r="AT17" s="73">
        <v>30</v>
      </c>
      <c r="AU17" s="70">
        <v>11</v>
      </c>
      <c r="AV17" s="71">
        <v>10</v>
      </c>
      <c r="AW17" s="72">
        <v>21</v>
      </c>
      <c r="AX17" s="244"/>
      <c r="AY17" s="71">
        <v>19</v>
      </c>
      <c r="AZ17" s="71">
        <v>10</v>
      </c>
      <c r="BA17" s="71">
        <v>7</v>
      </c>
      <c r="BB17" s="71">
        <v>6</v>
      </c>
      <c r="BC17" s="71">
        <v>6</v>
      </c>
      <c r="BD17" s="72">
        <v>48</v>
      </c>
      <c r="BE17" s="73">
        <v>69</v>
      </c>
      <c r="BF17" s="70">
        <v>14</v>
      </c>
      <c r="BG17" s="71">
        <v>12</v>
      </c>
      <c r="BH17" s="72">
        <v>26</v>
      </c>
      <c r="BI17" s="244"/>
      <c r="BJ17" s="71">
        <v>16</v>
      </c>
      <c r="BK17" s="71">
        <v>20</v>
      </c>
      <c r="BL17" s="71">
        <v>6</v>
      </c>
      <c r="BM17" s="71">
        <v>6</v>
      </c>
      <c r="BN17" s="71">
        <v>8</v>
      </c>
      <c r="BO17" s="72">
        <v>56</v>
      </c>
      <c r="BP17" s="73">
        <v>82</v>
      </c>
      <c r="BQ17" s="70">
        <v>15</v>
      </c>
      <c r="BR17" s="71">
        <v>12</v>
      </c>
      <c r="BS17" s="72">
        <v>27</v>
      </c>
      <c r="BT17" s="244"/>
      <c r="BU17" s="71">
        <v>14</v>
      </c>
      <c r="BV17" s="71">
        <v>22</v>
      </c>
      <c r="BW17" s="71">
        <v>16</v>
      </c>
      <c r="BX17" s="71">
        <v>8</v>
      </c>
      <c r="BY17" s="71">
        <v>5</v>
      </c>
      <c r="BZ17" s="72">
        <v>65</v>
      </c>
      <c r="CA17" s="73">
        <v>92</v>
      </c>
      <c r="CB17" s="70">
        <v>0</v>
      </c>
      <c r="CC17" s="71">
        <v>0</v>
      </c>
      <c r="CD17" s="72">
        <v>0</v>
      </c>
      <c r="CE17" s="244"/>
      <c r="CF17" s="71">
        <v>0</v>
      </c>
      <c r="CG17" s="71">
        <v>0</v>
      </c>
      <c r="CH17" s="71">
        <v>0</v>
      </c>
      <c r="CI17" s="71">
        <v>0</v>
      </c>
      <c r="CJ17" s="71">
        <v>0</v>
      </c>
      <c r="CK17" s="72">
        <v>0</v>
      </c>
      <c r="CL17" s="73">
        <v>0</v>
      </c>
      <c r="CM17" s="70">
        <v>47</v>
      </c>
      <c r="CN17" s="71">
        <v>41</v>
      </c>
      <c r="CO17" s="72">
        <v>88</v>
      </c>
      <c r="CP17" s="244"/>
      <c r="CQ17" s="71">
        <v>63</v>
      </c>
      <c r="CR17" s="71">
        <v>60</v>
      </c>
      <c r="CS17" s="71">
        <v>34</v>
      </c>
      <c r="CT17" s="71">
        <v>23</v>
      </c>
      <c r="CU17" s="71">
        <v>22</v>
      </c>
      <c r="CV17" s="72">
        <v>202</v>
      </c>
      <c r="CW17" s="73">
        <v>290</v>
      </c>
      <c r="CX17" s="123">
        <v>19</v>
      </c>
      <c r="CY17" s="82">
        <v>14</v>
      </c>
      <c r="CZ17" s="83">
        <v>33</v>
      </c>
      <c r="DA17" s="241"/>
      <c r="DB17" s="82">
        <v>29</v>
      </c>
      <c r="DC17" s="82">
        <v>20</v>
      </c>
      <c r="DD17" s="82">
        <v>12</v>
      </c>
      <c r="DE17" s="82">
        <v>12</v>
      </c>
      <c r="DF17" s="82">
        <v>14</v>
      </c>
      <c r="DG17" s="84">
        <v>87</v>
      </c>
      <c r="DH17" s="85">
        <v>120</v>
      </c>
      <c r="DI17" s="70">
        <v>1</v>
      </c>
      <c r="DJ17" s="71">
        <v>0</v>
      </c>
      <c r="DK17" s="72">
        <v>1</v>
      </c>
      <c r="DL17" s="244"/>
      <c r="DM17" s="71">
        <v>0</v>
      </c>
      <c r="DN17" s="71">
        <v>0</v>
      </c>
      <c r="DO17" s="71">
        <v>0</v>
      </c>
      <c r="DP17" s="71">
        <v>0</v>
      </c>
      <c r="DQ17" s="71">
        <v>0</v>
      </c>
      <c r="DR17" s="72">
        <v>0</v>
      </c>
      <c r="DS17" s="73">
        <v>1</v>
      </c>
      <c r="DT17" s="70">
        <v>2</v>
      </c>
      <c r="DU17" s="71">
        <v>0</v>
      </c>
      <c r="DV17" s="72">
        <v>2</v>
      </c>
      <c r="DW17" s="244"/>
      <c r="DX17" s="71">
        <v>4</v>
      </c>
      <c r="DY17" s="71">
        <v>0</v>
      </c>
      <c r="DZ17" s="71">
        <v>1</v>
      </c>
      <c r="EA17" s="71">
        <v>0</v>
      </c>
      <c r="EB17" s="71">
        <v>1</v>
      </c>
      <c r="EC17" s="72">
        <v>6</v>
      </c>
      <c r="ED17" s="73">
        <v>8</v>
      </c>
      <c r="EE17" s="70">
        <v>4</v>
      </c>
      <c r="EF17" s="71">
        <v>1</v>
      </c>
      <c r="EG17" s="72">
        <v>5</v>
      </c>
      <c r="EH17" s="244"/>
      <c r="EI17" s="71">
        <v>4</v>
      </c>
      <c r="EJ17" s="71">
        <v>0</v>
      </c>
      <c r="EK17" s="71">
        <v>0</v>
      </c>
      <c r="EL17" s="71">
        <v>1</v>
      </c>
      <c r="EM17" s="71">
        <v>1</v>
      </c>
      <c r="EN17" s="72">
        <v>6</v>
      </c>
      <c r="EO17" s="73">
        <v>11</v>
      </c>
      <c r="EP17" s="70">
        <v>3</v>
      </c>
      <c r="EQ17" s="71">
        <v>5</v>
      </c>
      <c r="ER17" s="72">
        <v>8</v>
      </c>
      <c r="ES17" s="244"/>
      <c r="ET17" s="71">
        <v>6</v>
      </c>
      <c r="EU17" s="71">
        <v>4</v>
      </c>
      <c r="EV17" s="71">
        <v>2</v>
      </c>
      <c r="EW17" s="71">
        <v>0</v>
      </c>
      <c r="EX17" s="71">
        <v>2</v>
      </c>
      <c r="EY17" s="72">
        <v>14</v>
      </c>
      <c r="EZ17" s="73">
        <v>22</v>
      </c>
      <c r="FA17" s="70">
        <v>5</v>
      </c>
      <c r="FB17" s="71">
        <v>5</v>
      </c>
      <c r="FC17" s="72">
        <v>10</v>
      </c>
      <c r="FD17" s="244"/>
      <c r="FE17" s="71">
        <v>8</v>
      </c>
      <c r="FF17" s="71">
        <v>8</v>
      </c>
      <c r="FG17" s="71">
        <v>2</v>
      </c>
      <c r="FH17" s="71">
        <v>3</v>
      </c>
      <c r="FI17" s="71">
        <v>0</v>
      </c>
      <c r="FJ17" s="72">
        <v>21</v>
      </c>
      <c r="FK17" s="73">
        <v>31</v>
      </c>
      <c r="FL17" s="70">
        <v>4</v>
      </c>
      <c r="FM17" s="71">
        <v>3</v>
      </c>
      <c r="FN17" s="72">
        <v>7</v>
      </c>
      <c r="FO17" s="244"/>
      <c r="FP17" s="71">
        <v>7</v>
      </c>
      <c r="FQ17" s="71">
        <v>8</v>
      </c>
      <c r="FR17" s="71">
        <v>7</v>
      </c>
      <c r="FS17" s="71">
        <v>8</v>
      </c>
      <c r="FT17" s="71">
        <v>10</v>
      </c>
      <c r="FU17" s="72">
        <v>40</v>
      </c>
      <c r="FV17" s="73">
        <v>47</v>
      </c>
      <c r="FW17" s="70">
        <v>0</v>
      </c>
      <c r="FX17" s="71">
        <v>0</v>
      </c>
      <c r="FY17" s="72">
        <v>0</v>
      </c>
      <c r="FZ17" s="244"/>
      <c r="GA17" s="71">
        <v>0</v>
      </c>
      <c r="GB17" s="71">
        <v>0</v>
      </c>
      <c r="GC17" s="71">
        <v>0</v>
      </c>
      <c r="GD17" s="71">
        <v>0</v>
      </c>
      <c r="GE17" s="71">
        <v>0</v>
      </c>
      <c r="GF17" s="72">
        <v>0</v>
      </c>
      <c r="GG17" s="73">
        <v>0</v>
      </c>
      <c r="GH17" s="70">
        <v>19</v>
      </c>
      <c r="GI17" s="71">
        <v>14</v>
      </c>
      <c r="GJ17" s="72">
        <v>33</v>
      </c>
      <c r="GK17" s="244"/>
      <c r="GL17" s="71">
        <v>29</v>
      </c>
      <c r="GM17" s="71">
        <v>20</v>
      </c>
      <c r="GN17" s="71">
        <v>12</v>
      </c>
      <c r="GO17" s="71">
        <v>12</v>
      </c>
      <c r="GP17" s="71">
        <v>14</v>
      </c>
      <c r="GQ17" s="72">
        <v>87</v>
      </c>
      <c r="GR17" s="73">
        <v>120</v>
      </c>
      <c r="GS17" s="123">
        <v>66</v>
      </c>
      <c r="GT17" s="82">
        <v>55</v>
      </c>
      <c r="GU17" s="83">
        <v>121</v>
      </c>
      <c r="GV17" s="241"/>
      <c r="GW17" s="82">
        <v>92</v>
      </c>
      <c r="GX17" s="82">
        <v>80</v>
      </c>
      <c r="GY17" s="82">
        <v>46</v>
      </c>
      <c r="GZ17" s="82">
        <v>35</v>
      </c>
      <c r="HA17" s="82">
        <v>36</v>
      </c>
      <c r="HB17" s="84">
        <v>289</v>
      </c>
      <c r="HC17" s="85">
        <v>410</v>
      </c>
      <c r="HD17" s="70">
        <v>2</v>
      </c>
      <c r="HE17" s="71">
        <v>2</v>
      </c>
      <c r="HF17" s="72">
        <v>4</v>
      </c>
      <c r="HG17" s="244"/>
      <c r="HH17" s="71">
        <v>1</v>
      </c>
      <c r="HI17" s="71">
        <v>1</v>
      </c>
      <c r="HJ17" s="71">
        <v>0</v>
      </c>
      <c r="HK17" s="71">
        <v>1</v>
      </c>
      <c r="HL17" s="71">
        <v>0</v>
      </c>
      <c r="HM17" s="72">
        <v>3</v>
      </c>
      <c r="HN17" s="73">
        <v>7</v>
      </c>
      <c r="HO17" s="70">
        <v>4</v>
      </c>
      <c r="HP17" s="71">
        <v>1</v>
      </c>
      <c r="HQ17" s="72">
        <v>5</v>
      </c>
      <c r="HR17" s="244"/>
      <c r="HS17" s="71">
        <v>9</v>
      </c>
      <c r="HT17" s="71">
        <v>2</v>
      </c>
      <c r="HU17" s="71">
        <v>1</v>
      </c>
      <c r="HV17" s="71">
        <v>0</v>
      </c>
      <c r="HW17" s="71">
        <v>2</v>
      </c>
      <c r="HX17" s="72">
        <v>14</v>
      </c>
      <c r="HY17" s="73">
        <v>19</v>
      </c>
      <c r="HZ17" s="70">
        <v>8</v>
      </c>
      <c r="IA17" s="71">
        <v>5</v>
      </c>
      <c r="IB17" s="72">
        <v>13</v>
      </c>
      <c r="IC17" s="244"/>
      <c r="ID17" s="71">
        <v>12</v>
      </c>
      <c r="IE17" s="71">
        <v>5</v>
      </c>
      <c r="IF17" s="71">
        <v>5</v>
      </c>
      <c r="IG17" s="71">
        <v>3</v>
      </c>
      <c r="IH17" s="71">
        <v>3</v>
      </c>
      <c r="II17" s="72">
        <v>28</v>
      </c>
      <c r="IJ17" s="73">
        <v>41</v>
      </c>
      <c r="IK17" s="70">
        <v>14</v>
      </c>
      <c r="IL17" s="71">
        <v>15</v>
      </c>
      <c r="IM17" s="72">
        <v>29</v>
      </c>
      <c r="IN17" s="244"/>
      <c r="IO17" s="71">
        <v>25</v>
      </c>
      <c r="IP17" s="71">
        <v>14</v>
      </c>
      <c r="IQ17" s="71">
        <v>9</v>
      </c>
      <c r="IR17" s="71">
        <v>6</v>
      </c>
      <c r="IS17" s="71">
        <v>8</v>
      </c>
      <c r="IT17" s="72">
        <v>62</v>
      </c>
      <c r="IU17" s="73">
        <v>91</v>
      </c>
      <c r="IV17" s="70">
        <v>19</v>
      </c>
      <c r="IW17" s="71">
        <v>17</v>
      </c>
      <c r="IX17" s="72">
        <v>36</v>
      </c>
      <c r="IY17" s="244"/>
      <c r="IZ17" s="71">
        <v>24</v>
      </c>
      <c r="JA17" s="71">
        <v>28</v>
      </c>
      <c r="JB17" s="71">
        <v>8</v>
      </c>
      <c r="JC17" s="71">
        <v>9</v>
      </c>
      <c r="JD17" s="71">
        <v>8</v>
      </c>
      <c r="JE17" s="72">
        <v>77</v>
      </c>
      <c r="JF17" s="73">
        <v>113</v>
      </c>
      <c r="JG17" s="70">
        <v>19</v>
      </c>
      <c r="JH17" s="71">
        <v>15</v>
      </c>
      <c r="JI17" s="72">
        <v>34</v>
      </c>
      <c r="JJ17" s="244"/>
      <c r="JK17" s="71">
        <v>21</v>
      </c>
      <c r="JL17" s="71">
        <v>30</v>
      </c>
      <c r="JM17" s="71">
        <v>23</v>
      </c>
      <c r="JN17" s="71">
        <v>16</v>
      </c>
      <c r="JO17" s="71">
        <v>15</v>
      </c>
      <c r="JP17" s="72">
        <v>105</v>
      </c>
      <c r="JQ17" s="73">
        <v>139</v>
      </c>
      <c r="JR17" s="70">
        <v>0</v>
      </c>
      <c r="JS17" s="71">
        <v>0</v>
      </c>
      <c r="JT17" s="72">
        <v>0</v>
      </c>
      <c r="JU17" s="244"/>
      <c r="JV17" s="71">
        <v>0</v>
      </c>
      <c r="JW17" s="71">
        <v>0</v>
      </c>
      <c r="JX17" s="71">
        <v>0</v>
      </c>
      <c r="JY17" s="71">
        <v>0</v>
      </c>
      <c r="JZ17" s="71">
        <v>0</v>
      </c>
      <c r="KA17" s="72">
        <v>0</v>
      </c>
      <c r="KB17" s="73">
        <v>0</v>
      </c>
      <c r="KC17" s="70">
        <v>66</v>
      </c>
      <c r="KD17" s="71">
        <v>55</v>
      </c>
      <c r="KE17" s="72">
        <v>121</v>
      </c>
      <c r="KF17" s="244"/>
      <c r="KG17" s="71">
        <v>92</v>
      </c>
      <c r="KH17" s="71">
        <v>80</v>
      </c>
      <c r="KI17" s="71">
        <v>46</v>
      </c>
      <c r="KJ17" s="71">
        <v>35</v>
      </c>
      <c r="KK17" s="71">
        <v>36</v>
      </c>
      <c r="KL17" s="72">
        <v>289</v>
      </c>
      <c r="KM17" s="73">
        <v>410</v>
      </c>
    </row>
    <row r="18" spans="2:299" ht="21" customHeight="1" x14ac:dyDescent="0.2">
      <c r="B18" s="126" t="s">
        <v>15</v>
      </c>
      <c r="C18" s="313">
        <v>11</v>
      </c>
      <c r="D18" s="82">
        <v>9</v>
      </c>
      <c r="E18" s="83">
        <v>20</v>
      </c>
      <c r="F18" s="241"/>
      <c r="G18" s="82">
        <v>17</v>
      </c>
      <c r="H18" s="82">
        <v>17</v>
      </c>
      <c r="I18" s="82">
        <v>7</v>
      </c>
      <c r="J18" s="82">
        <v>14</v>
      </c>
      <c r="K18" s="82">
        <v>5</v>
      </c>
      <c r="L18" s="84">
        <v>60</v>
      </c>
      <c r="M18" s="85">
        <v>80</v>
      </c>
      <c r="N18" s="70">
        <v>2</v>
      </c>
      <c r="O18" s="71">
        <v>1</v>
      </c>
      <c r="P18" s="72">
        <v>3</v>
      </c>
      <c r="Q18" s="244"/>
      <c r="R18" s="71">
        <v>0</v>
      </c>
      <c r="S18" s="71">
        <v>2</v>
      </c>
      <c r="T18" s="71">
        <v>0</v>
      </c>
      <c r="U18" s="71">
        <v>1</v>
      </c>
      <c r="V18" s="71">
        <v>1</v>
      </c>
      <c r="W18" s="72">
        <v>4</v>
      </c>
      <c r="X18" s="73">
        <v>7</v>
      </c>
      <c r="Y18" s="70">
        <v>0</v>
      </c>
      <c r="Z18" s="71">
        <v>0</v>
      </c>
      <c r="AA18" s="72">
        <v>0</v>
      </c>
      <c r="AB18" s="244"/>
      <c r="AC18" s="71">
        <v>0</v>
      </c>
      <c r="AD18" s="71">
        <v>1</v>
      </c>
      <c r="AE18" s="71">
        <v>0</v>
      </c>
      <c r="AF18" s="71">
        <v>3</v>
      </c>
      <c r="AG18" s="71">
        <v>1</v>
      </c>
      <c r="AH18" s="72">
        <v>5</v>
      </c>
      <c r="AI18" s="73">
        <v>5</v>
      </c>
      <c r="AJ18" s="70">
        <v>0</v>
      </c>
      <c r="AK18" s="71">
        <v>1</v>
      </c>
      <c r="AL18" s="72">
        <v>1</v>
      </c>
      <c r="AM18" s="244"/>
      <c r="AN18" s="71">
        <v>2</v>
      </c>
      <c r="AO18" s="71">
        <v>4</v>
      </c>
      <c r="AP18" s="71">
        <v>2</v>
      </c>
      <c r="AQ18" s="71">
        <v>2</v>
      </c>
      <c r="AR18" s="71">
        <v>0</v>
      </c>
      <c r="AS18" s="72">
        <v>10</v>
      </c>
      <c r="AT18" s="73">
        <v>11</v>
      </c>
      <c r="AU18" s="70">
        <v>2</v>
      </c>
      <c r="AV18" s="71">
        <v>3</v>
      </c>
      <c r="AW18" s="72">
        <v>5</v>
      </c>
      <c r="AX18" s="244"/>
      <c r="AY18" s="71">
        <v>7</v>
      </c>
      <c r="AZ18" s="71">
        <v>3</v>
      </c>
      <c r="BA18" s="71">
        <v>1</v>
      </c>
      <c r="BB18" s="71">
        <v>1</v>
      </c>
      <c r="BC18" s="71">
        <v>1</v>
      </c>
      <c r="BD18" s="72">
        <v>13</v>
      </c>
      <c r="BE18" s="73">
        <v>18</v>
      </c>
      <c r="BF18" s="70">
        <v>3</v>
      </c>
      <c r="BG18" s="71">
        <v>4</v>
      </c>
      <c r="BH18" s="72">
        <v>7</v>
      </c>
      <c r="BI18" s="244"/>
      <c r="BJ18" s="71">
        <v>5</v>
      </c>
      <c r="BK18" s="71">
        <v>2</v>
      </c>
      <c r="BL18" s="71">
        <v>3</v>
      </c>
      <c r="BM18" s="71">
        <v>5</v>
      </c>
      <c r="BN18" s="71">
        <v>0</v>
      </c>
      <c r="BO18" s="72">
        <v>15</v>
      </c>
      <c r="BP18" s="73">
        <v>22</v>
      </c>
      <c r="BQ18" s="70">
        <v>4</v>
      </c>
      <c r="BR18" s="71">
        <v>0</v>
      </c>
      <c r="BS18" s="72">
        <v>4</v>
      </c>
      <c r="BT18" s="244"/>
      <c r="BU18" s="71">
        <v>3</v>
      </c>
      <c r="BV18" s="71">
        <v>5</v>
      </c>
      <c r="BW18" s="71">
        <v>1</v>
      </c>
      <c r="BX18" s="71">
        <v>2</v>
      </c>
      <c r="BY18" s="71">
        <v>2</v>
      </c>
      <c r="BZ18" s="72">
        <v>13</v>
      </c>
      <c r="CA18" s="73">
        <v>17</v>
      </c>
      <c r="CB18" s="70">
        <v>0</v>
      </c>
      <c r="CC18" s="71">
        <v>0</v>
      </c>
      <c r="CD18" s="72">
        <v>0</v>
      </c>
      <c r="CE18" s="244"/>
      <c r="CF18" s="71">
        <v>0</v>
      </c>
      <c r="CG18" s="71">
        <v>0</v>
      </c>
      <c r="CH18" s="71">
        <v>0</v>
      </c>
      <c r="CI18" s="71">
        <v>0</v>
      </c>
      <c r="CJ18" s="71">
        <v>0</v>
      </c>
      <c r="CK18" s="72">
        <v>0</v>
      </c>
      <c r="CL18" s="73">
        <v>0</v>
      </c>
      <c r="CM18" s="70">
        <v>11</v>
      </c>
      <c r="CN18" s="71">
        <v>9</v>
      </c>
      <c r="CO18" s="72">
        <v>20</v>
      </c>
      <c r="CP18" s="244"/>
      <c r="CQ18" s="71">
        <v>17</v>
      </c>
      <c r="CR18" s="71">
        <v>17</v>
      </c>
      <c r="CS18" s="71">
        <v>7</v>
      </c>
      <c r="CT18" s="71">
        <v>14</v>
      </c>
      <c r="CU18" s="71">
        <v>5</v>
      </c>
      <c r="CV18" s="72">
        <v>60</v>
      </c>
      <c r="CW18" s="73">
        <v>80</v>
      </c>
      <c r="CX18" s="123">
        <v>5</v>
      </c>
      <c r="CY18" s="82">
        <v>6</v>
      </c>
      <c r="CZ18" s="83">
        <v>11</v>
      </c>
      <c r="DA18" s="241"/>
      <c r="DB18" s="82">
        <v>9</v>
      </c>
      <c r="DC18" s="82">
        <v>8</v>
      </c>
      <c r="DD18" s="82">
        <v>5</v>
      </c>
      <c r="DE18" s="82">
        <v>4</v>
      </c>
      <c r="DF18" s="82">
        <v>3</v>
      </c>
      <c r="DG18" s="84">
        <v>29</v>
      </c>
      <c r="DH18" s="85">
        <v>40</v>
      </c>
      <c r="DI18" s="70">
        <v>1</v>
      </c>
      <c r="DJ18" s="71">
        <v>0</v>
      </c>
      <c r="DK18" s="72">
        <v>1</v>
      </c>
      <c r="DL18" s="244"/>
      <c r="DM18" s="71">
        <v>0</v>
      </c>
      <c r="DN18" s="71">
        <v>0</v>
      </c>
      <c r="DO18" s="71">
        <v>0</v>
      </c>
      <c r="DP18" s="71">
        <v>0</v>
      </c>
      <c r="DQ18" s="71">
        <v>0</v>
      </c>
      <c r="DR18" s="72">
        <v>0</v>
      </c>
      <c r="DS18" s="73">
        <v>1</v>
      </c>
      <c r="DT18" s="70">
        <v>1</v>
      </c>
      <c r="DU18" s="71">
        <v>0</v>
      </c>
      <c r="DV18" s="72">
        <v>1</v>
      </c>
      <c r="DW18" s="244"/>
      <c r="DX18" s="71">
        <v>0</v>
      </c>
      <c r="DY18" s="71">
        <v>0</v>
      </c>
      <c r="DZ18" s="71">
        <v>0</v>
      </c>
      <c r="EA18" s="71">
        <v>0</v>
      </c>
      <c r="EB18" s="71">
        <v>0</v>
      </c>
      <c r="EC18" s="72">
        <v>0</v>
      </c>
      <c r="ED18" s="73">
        <v>1</v>
      </c>
      <c r="EE18" s="70">
        <v>1</v>
      </c>
      <c r="EF18" s="71">
        <v>2</v>
      </c>
      <c r="EG18" s="72">
        <v>3</v>
      </c>
      <c r="EH18" s="244"/>
      <c r="EI18" s="71">
        <v>3</v>
      </c>
      <c r="EJ18" s="71">
        <v>0</v>
      </c>
      <c r="EK18" s="71">
        <v>1</v>
      </c>
      <c r="EL18" s="71">
        <v>0</v>
      </c>
      <c r="EM18" s="71">
        <v>1</v>
      </c>
      <c r="EN18" s="72">
        <v>5</v>
      </c>
      <c r="EO18" s="73">
        <v>8</v>
      </c>
      <c r="EP18" s="70">
        <v>0</v>
      </c>
      <c r="EQ18" s="71">
        <v>2</v>
      </c>
      <c r="ER18" s="72">
        <v>2</v>
      </c>
      <c r="ES18" s="244"/>
      <c r="ET18" s="71">
        <v>1</v>
      </c>
      <c r="EU18" s="71">
        <v>0</v>
      </c>
      <c r="EV18" s="71">
        <v>0</v>
      </c>
      <c r="EW18" s="71">
        <v>1</v>
      </c>
      <c r="EX18" s="71">
        <v>0</v>
      </c>
      <c r="EY18" s="72">
        <v>2</v>
      </c>
      <c r="EZ18" s="73">
        <v>4</v>
      </c>
      <c r="FA18" s="70">
        <v>0</v>
      </c>
      <c r="FB18" s="71">
        <v>1</v>
      </c>
      <c r="FC18" s="72">
        <v>1</v>
      </c>
      <c r="FD18" s="244"/>
      <c r="FE18" s="71">
        <v>3</v>
      </c>
      <c r="FF18" s="71">
        <v>1</v>
      </c>
      <c r="FG18" s="71">
        <v>1</v>
      </c>
      <c r="FH18" s="71">
        <v>1</v>
      </c>
      <c r="FI18" s="71">
        <v>0</v>
      </c>
      <c r="FJ18" s="72">
        <v>6</v>
      </c>
      <c r="FK18" s="73">
        <v>7</v>
      </c>
      <c r="FL18" s="70">
        <v>2</v>
      </c>
      <c r="FM18" s="71">
        <v>1</v>
      </c>
      <c r="FN18" s="72">
        <v>3</v>
      </c>
      <c r="FO18" s="244"/>
      <c r="FP18" s="71">
        <v>2</v>
      </c>
      <c r="FQ18" s="71">
        <v>7</v>
      </c>
      <c r="FR18" s="71">
        <v>3</v>
      </c>
      <c r="FS18" s="71">
        <v>2</v>
      </c>
      <c r="FT18" s="71">
        <v>2</v>
      </c>
      <c r="FU18" s="72">
        <v>16</v>
      </c>
      <c r="FV18" s="73">
        <v>19</v>
      </c>
      <c r="FW18" s="70">
        <v>0</v>
      </c>
      <c r="FX18" s="71">
        <v>0</v>
      </c>
      <c r="FY18" s="72">
        <v>0</v>
      </c>
      <c r="FZ18" s="244"/>
      <c r="GA18" s="71">
        <v>0</v>
      </c>
      <c r="GB18" s="71">
        <v>0</v>
      </c>
      <c r="GC18" s="71">
        <v>0</v>
      </c>
      <c r="GD18" s="71">
        <v>0</v>
      </c>
      <c r="GE18" s="71">
        <v>0</v>
      </c>
      <c r="GF18" s="72">
        <v>0</v>
      </c>
      <c r="GG18" s="73">
        <v>0</v>
      </c>
      <c r="GH18" s="70">
        <v>5</v>
      </c>
      <c r="GI18" s="71">
        <v>6</v>
      </c>
      <c r="GJ18" s="72">
        <v>11</v>
      </c>
      <c r="GK18" s="244"/>
      <c r="GL18" s="71">
        <v>9</v>
      </c>
      <c r="GM18" s="71">
        <v>8</v>
      </c>
      <c r="GN18" s="71">
        <v>5</v>
      </c>
      <c r="GO18" s="71">
        <v>4</v>
      </c>
      <c r="GP18" s="71">
        <v>3</v>
      </c>
      <c r="GQ18" s="72">
        <v>29</v>
      </c>
      <c r="GR18" s="73">
        <v>40</v>
      </c>
      <c r="GS18" s="123">
        <v>16</v>
      </c>
      <c r="GT18" s="82">
        <v>15</v>
      </c>
      <c r="GU18" s="83">
        <v>31</v>
      </c>
      <c r="GV18" s="241"/>
      <c r="GW18" s="82">
        <v>26</v>
      </c>
      <c r="GX18" s="82">
        <v>25</v>
      </c>
      <c r="GY18" s="82">
        <v>12</v>
      </c>
      <c r="GZ18" s="82">
        <v>18</v>
      </c>
      <c r="HA18" s="82">
        <v>8</v>
      </c>
      <c r="HB18" s="84">
        <v>89</v>
      </c>
      <c r="HC18" s="85">
        <v>120</v>
      </c>
      <c r="HD18" s="70">
        <v>3</v>
      </c>
      <c r="HE18" s="71">
        <v>1</v>
      </c>
      <c r="HF18" s="72">
        <v>4</v>
      </c>
      <c r="HG18" s="244"/>
      <c r="HH18" s="71">
        <v>0</v>
      </c>
      <c r="HI18" s="71">
        <v>2</v>
      </c>
      <c r="HJ18" s="71">
        <v>0</v>
      </c>
      <c r="HK18" s="71">
        <v>1</v>
      </c>
      <c r="HL18" s="71">
        <v>1</v>
      </c>
      <c r="HM18" s="72">
        <v>4</v>
      </c>
      <c r="HN18" s="73">
        <v>8</v>
      </c>
      <c r="HO18" s="70">
        <v>1</v>
      </c>
      <c r="HP18" s="71">
        <v>0</v>
      </c>
      <c r="HQ18" s="72">
        <v>1</v>
      </c>
      <c r="HR18" s="244"/>
      <c r="HS18" s="71">
        <v>0</v>
      </c>
      <c r="HT18" s="71">
        <v>1</v>
      </c>
      <c r="HU18" s="71">
        <v>0</v>
      </c>
      <c r="HV18" s="71">
        <v>3</v>
      </c>
      <c r="HW18" s="71">
        <v>1</v>
      </c>
      <c r="HX18" s="72">
        <v>5</v>
      </c>
      <c r="HY18" s="73">
        <v>6</v>
      </c>
      <c r="HZ18" s="70">
        <v>1</v>
      </c>
      <c r="IA18" s="71">
        <v>3</v>
      </c>
      <c r="IB18" s="72">
        <v>4</v>
      </c>
      <c r="IC18" s="244"/>
      <c r="ID18" s="71">
        <v>5</v>
      </c>
      <c r="IE18" s="71">
        <v>4</v>
      </c>
      <c r="IF18" s="71">
        <v>3</v>
      </c>
      <c r="IG18" s="71">
        <v>2</v>
      </c>
      <c r="IH18" s="71">
        <v>1</v>
      </c>
      <c r="II18" s="72">
        <v>15</v>
      </c>
      <c r="IJ18" s="73">
        <v>19</v>
      </c>
      <c r="IK18" s="70">
        <v>2</v>
      </c>
      <c r="IL18" s="71">
        <v>5</v>
      </c>
      <c r="IM18" s="72">
        <v>7</v>
      </c>
      <c r="IN18" s="244"/>
      <c r="IO18" s="71">
        <v>8</v>
      </c>
      <c r="IP18" s="71">
        <v>3</v>
      </c>
      <c r="IQ18" s="71">
        <v>1</v>
      </c>
      <c r="IR18" s="71">
        <v>2</v>
      </c>
      <c r="IS18" s="71">
        <v>1</v>
      </c>
      <c r="IT18" s="72">
        <v>15</v>
      </c>
      <c r="IU18" s="73">
        <v>22</v>
      </c>
      <c r="IV18" s="70">
        <v>3</v>
      </c>
      <c r="IW18" s="71">
        <v>5</v>
      </c>
      <c r="IX18" s="72">
        <v>8</v>
      </c>
      <c r="IY18" s="244"/>
      <c r="IZ18" s="71">
        <v>8</v>
      </c>
      <c r="JA18" s="71">
        <v>3</v>
      </c>
      <c r="JB18" s="71">
        <v>4</v>
      </c>
      <c r="JC18" s="71">
        <v>6</v>
      </c>
      <c r="JD18" s="71">
        <v>0</v>
      </c>
      <c r="JE18" s="72">
        <v>21</v>
      </c>
      <c r="JF18" s="73">
        <v>29</v>
      </c>
      <c r="JG18" s="70">
        <v>6</v>
      </c>
      <c r="JH18" s="71">
        <v>1</v>
      </c>
      <c r="JI18" s="72">
        <v>7</v>
      </c>
      <c r="JJ18" s="244"/>
      <c r="JK18" s="71">
        <v>5</v>
      </c>
      <c r="JL18" s="71">
        <v>12</v>
      </c>
      <c r="JM18" s="71">
        <v>4</v>
      </c>
      <c r="JN18" s="71">
        <v>4</v>
      </c>
      <c r="JO18" s="71">
        <v>4</v>
      </c>
      <c r="JP18" s="72">
        <v>29</v>
      </c>
      <c r="JQ18" s="73">
        <v>36</v>
      </c>
      <c r="JR18" s="70">
        <v>0</v>
      </c>
      <c r="JS18" s="71">
        <v>0</v>
      </c>
      <c r="JT18" s="72">
        <v>0</v>
      </c>
      <c r="JU18" s="244"/>
      <c r="JV18" s="71">
        <v>0</v>
      </c>
      <c r="JW18" s="71">
        <v>0</v>
      </c>
      <c r="JX18" s="71">
        <v>0</v>
      </c>
      <c r="JY18" s="71">
        <v>0</v>
      </c>
      <c r="JZ18" s="71">
        <v>0</v>
      </c>
      <c r="KA18" s="72">
        <v>0</v>
      </c>
      <c r="KB18" s="73">
        <v>0</v>
      </c>
      <c r="KC18" s="70">
        <v>16</v>
      </c>
      <c r="KD18" s="71">
        <v>15</v>
      </c>
      <c r="KE18" s="72">
        <v>31</v>
      </c>
      <c r="KF18" s="244"/>
      <c r="KG18" s="71">
        <v>26</v>
      </c>
      <c r="KH18" s="71">
        <v>25</v>
      </c>
      <c r="KI18" s="71">
        <v>12</v>
      </c>
      <c r="KJ18" s="71">
        <v>18</v>
      </c>
      <c r="KK18" s="71">
        <v>8</v>
      </c>
      <c r="KL18" s="72">
        <v>89</v>
      </c>
      <c r="KM18" s="73">
        <v>120</v>
      </c>
    </row>
    <row r="19" spans="2:299" ht="21" customHeight="1" x14ac:dyDescent="0.2">
      <c r="B19" s="126" t="s">
        <v>16</v>
      </c>
      <c r="C19" s="313">
        <v>31</v>
      </c>
      <c r="D19" s="82">
        <v>31</v>
      </c>
      <c r="E19" s="83">
        <v>62</v>
      </c>
      <c r="F19" s="241"/>
      <c r="G19" s="82">
        <v>59</v>
      </c>
      <c r="H19" s="82">
        <v>71</v>
      </c>
      <c r="I19" s="82">
        <v>41</v>
      </c>
      <c r="J19" s="82">
        <v>23</v>
      </c>
      <c r="K19" s="82">
        <v>19</v>
      </c>
      <c r="L19" s="84">
        <v>213</v>
      </c>
      <c r="M19" s="85">
        <v>275</v>
      </c>
      <c r="N19" s="70">
        <v>0</v>
      </c>
      <c r="O19" s="71">
        <v>1</v>
      </c>
      <c r="P19" s="72">
        <v>1</v>
      </c>
      <c r="Q19" s="244"/>
      <c r="R19" s="71">
        <v>2</v>
      </c>
      <c r="S19" s="71">
        <v>1</v>
      </c>
      <c r="T19" s="71">
        <v>1</v>
      </c>
      <c r="U19" s="71">
        <v>0</v>
      </c>
      <c r="V19" s="71">
        <v>4</v>
      </c>
      <c r="W19" s="72">
        <v>8</v>
      </c>
      <c r="X19" s="73">
        <v>9</v>
      </c>
      <c r="Y19" s="70">
        <v>2</v>
      </c>
      <c r="Z19" s="71">
        <v>5</v>
      </c>
      <c r="AA19" s="72">
        <v>7</v>
      </c>
      <c r="AB19" s="244"/>
      <c r="AC19" s="71">
        <v>4</v>
      </c>
      <c r="AD19" s="71">
        <v>11</v>
      </c>
      <c r="AE19" s="71">
        <v>3</v>
      </c>
      <c r="AF19" s="71">
        <v>3</v>
      </c>
      <c r="AG19" s="71">
        <v>1</v>
      </c>
      <c r="AH19" s="72">
        <v>22</v>
      </c>
      <c r="AI19" s="73">
        <v>29</v>
      </c>
      <c r="AJ19" s="70">
        <v>9</v>
      </c>
      <c r="AK19" s="71">
        <v>4</v>
      </c>
      <c r="AL19" s="72">
        <v>13</v>
      </c>
      <c r="AM19" s="244"/>
      <c r="AN19" s="71">
        <v>8</v>
      </c>
      <c r="AO19" s="71">
        <v>11</v>
      </c>
      <c r="AP19" s="71">
        <v>10</v>
      </c>
      <c r="AQ19" s="71">
        <v>3</v>
      </c>
      <c r="AR19" s="71">
        <v>2</v>
      </c>
      <c r="AS19" s="72">
        <v>34</v>
      </c>
      <c r="AT19" s="73">
        <v>47</v>
      </c>
      <c r="AU19" s="70">
        <v>10</v>
      </c>
      <c r="AV19" s="71">
        <v>7</v>
      </c>
      <c r="AW19" s="72">
        <v>17</v>
      </c>
      <c r="AX19" s="244"/>
      <c r="AY19" s="71">
        <v>17</v>
      </c>
      <c r="AZ19" s="71">
        <v>23</v>
      </c>
      <c r="BA19" s="71">
        <v>7</v>
      </c>
      <c r="BB19" s="71">
        <v>0</v>
      </c>
      <c r="BC19" s="71">
        <v>5</v>
      </c>
      <c r="BD19" s="72">
        <v>52</v>
      </c>
      <c r="BE19" s="73">
        <v>69</v>
      </c>
      <c r="BF19" s="70">
        <v>7</v>
      </c>
      <c r="BG19" s="71">
        <v>9</v>
      </c>
      <c r="BH19" s="72">
        <v>16</v>
      </c>
      <c r="BI19" s="244"/>
      <c r="BJ19" s="71">
        <v>16</v>
      </c>
      <c r="BK19" s="71">
        <v>10</v>
      </c>
      <c r="BL19" s="71">
        <v>13</v>
      </c>
      <c r="BM19" s="71">
        <v>5</v>
      </c>
      <c r="BN19" s="71">
        <v>6</v>
      </c>
      <c r="BO19" s="72">
        <v>50</v>
      </c>
      <c r="BP19" s="73">
        <v>66</v>
      </c>
      <c r="BQ19" s="70">
        <v>3</v>
      </c>
      <c r="BR19" s="71">
        <v>5</v>
      </c>
      <c r="BS19" s="72">
        <v>8</v>
      </c>
      <c r="BT19" s="244"/>
      <c r="BU19" s="71">
        <v>12</v>
      </c>
      <c r="BV19" s="71">
        <v>15</v>
      </c>
      <c r="BW19" s="71">
        <v>7</v>
      </c>
      <c r="BX19" s="71">
        <v>12</v>
      </c>
      <c r="BY19" s="71">
        <v>1</v>
      </c>
      <c r="BZ19" s="72">
        <v>47</v>
      </c>
      <c r="CA19" s="73">
        <v>55</v>
      </c>
      <c r="CB19" s="70">
        <v>0</v>
      </c>
      <c r="CC19" s="71">
        <v>0</v>
      </c>
      <c r="CD19" s="72">
        <v>0</v>
      </c>
      <c r="CE19" s="244"/>
      <c r="CF19" s="71">
        <v>0</v>
      </c>
      <c r="CG19" s="71">
        <v>0</v>
      </c>
      <c r="CH19" s="71">
        <v>0</v>
      </c>
      <c r="CI19" s="71">
        <v>0</v>
      </c>
      <c r="CJ19" s="71">
        <v>0</v>
      </c>
      <c r="CK19" s="72">
        <v>0</v>
      </c>
      <c r="CL19" s="73">
        <v>0</v>
      </c>
      <c r="CM19" s="70">
        <v>31</v>
      </c>
      <c r="CN19" s="71">
        <v>31</v>
      </c>
      <c r="CO19" s="72">
        <v>62</v>
      </c>
      <c r="CP19" s="244"/>
      <c r="CQ19" s="71">
        <v>59</v>
      </c>
      <c r="CR19" s="71">
        <v>71</v>
      </c>
      <c r="CS19" s="71">
        <v>41</v>
      </c>
      <c r="CT19" s="71">
        <v>23</v>
      </c>
      <c r="CU19" s="71">
        <v>19</v>
      </c>
      <c r="CV19" s="72">
        <v>213</v>
      </c>
      <c r="CW19" s="73">
        <v>275</v>
      </c>
      <c r="CX19" s="123">
        <v>10</v>
      </c>
      <c r="CY19" s="82">
        <v>15</v>
      </c>
      <c r="CZ19" s="83">
        <v>25</v>
      </c>
      <c r="DA19" s="241"/>
      <c r="DB19" s="82">
        <v>22</v>
      </c>
      <c r="DC19" s="82">
        <v>26</v>
      </c>
      <c r="DD19" s="82">
        <v>17</v>
      </c>
      <c r="DE19" s="82">
        <v>16</v>
      </c>
      <c r="DF19" s="82">
        <v>6</v>
      </c>
      <c r="DG19" s="84">
        <v>87</v>
      </c>
      <c r="DH19" s="85">
        <v>112</v>
      </c>
      <c r="DI19" s="70">
        <v>0</v>
      </c>
      <c r="DJ19" s="71">
        <v>0</v>
      </c>
      <c r="DK19" s="72">
        <v>0</v>
      </c>
      <c r="DL19" s="244"/>
      <c r="DM19" s="71">
        <v>1</v>
      </c>
      <c r="DN19" s="71">
        <v>0</v>
      </c>
      <c r="DO19" s="71">
        <v>1</v>
      </c>
      <c r="DP19" s="71">
        <v>0</v>
      </c>
      <c r="DQ19" s="71">
        <v>0</v>
      </c>
      <c r="DR19" s="72">
        <v>2</v>
      </c>
      <c r="DS19" s="73">
        <v>2</v>
      </c>
      <c r="DT19" s="70">
        <v>0</v>
      </c>
      <c r="DU19" s="71">
        <v>2</v>
      </c>
      <c r="DV19" s="72">
        <v>2</v>
      </c>
      <c r="DW19" s="244"/>
      <c r="DX19" s="71">
        <v>3</v>
      </c>
      <c r="DY19" s="71">
        <v>3</v>
      </c>
      <c r="DZ19" s="71">
        <v>2</v>
      </c>
      <c r="EA19" s="71">
        <v>0</v>
      </c>
      <c r="EB19" s="71">
        <v>0</v>
      </c>
      <c r="EC19" s="72">
        <v>8</v>
      </c>
      <c r="ED19" s="73">
        <v>10</v>
      </c>
      <c r="EE19" s="70">
        <v>3</v>
      </c>
      <c r="EF19" s="71">
        <v>2</v>
      </c>
      <c r="EG19" s="72">
        <v>5</v>
      </c>
      <c r="EH19" s="244"/>
      <c r="EI19" s="71">
        <v>1</v>
      </c>
      <c r="EJ19" s="71">
        <v>2</v>
      </c>
      <c r="EK19" s="71">
        <v>1</v>
      </c>
      <c r="EL19" s="71">
        <v>0</v>
      </c>
      <c r="EM19" s="71">
        <v>0</v>
      </c>
      <c r="EN19" s="72">
        <v>4</v>
      </c>
      <c r="EO19" s="73">
        <v>9</v>
      </c>
      <c r="EP19" s="70">
        <v>4</v>
      </c>
      <c r="EQ19" s="71">
        <v>3</v>
      </c>
      <c r="ER19" s="72">
        <v>7</v>
      </c>
      <c r="ES19" s="244"/>
      <c r="ET19" s="71">
        <v>6</v>
      </c>
      <c r="EU19" s="71">
        <v>6</v>
      </c>
      <c r="EV19" s="71">
        <v>1</v>
      </c>
      <c r="EW19" s="71">
        <v>0</v>
      </c>
      <c r="EX19" s="71">
        <v>1</v>
      </c>
      <c r="EY19" s="72">
        <v>14</v>
      </c>
      <c r="EZ19" s="73">
        <v>21</v>
      </c>
      <c r="FA19" s="70">
        <v>1</v>
      </c>
      <c r="FB19" s="71">
        <v>5</v>
      </c>
      <c r="FC19" s="72">
        <v>6</v>
      </c>
      <c r="FD19" s="244"/>
      <c r="FE19" s="71">
        <v>6</v>
      </c>
      <c r="FF19" s="71">
        <v>7</v>
      </c>
      <c r="FG19" s="71">
        <v>6</v>
      </c>
      <c r="FH19" s="71">
        <v>4</v>
      </c>
      <c r="FI19" s="71">
        <v>0</v>
      </c>
      <c r="FJ19" s="72">
        <v>23</v>
      </c>
      <c r="FK19" s="73">
        <v>29</v>
      </c>
      <c r="FL19" s="70">
        <v>2</v>
      </c>
      <c r="FM19" s="71">
        <v>3</v>
      </c>
      <c r="FN19" s="72">
        <v>5</v>
      </c>
      <c r="FO19" s="244"/>
      <c r="FP19" s="71">
        <v>5</v>
      </c>
      <c r="FQ19" s="71">
        <v>8</v>
      </c>
      <c r="FR19" s="71">
        <v>6</v>
      </c>
      <c r="FS19" s="71">
        <v>12</v>
      </c>
      <c r="FT19" s="71">
        <v>5</v>
      </c>
      <c r="FU19" s="72">
        <v>36</v>
      </c>
      <c r="FV19" s="73">
        <v>41</v>
      </c>
      <c r="FW19" s="70">
        <v>0</v>
      </c>
      <c r="FX19" s="71">
        <v>0</v>
      </c>
      <c r="FY19" s="72">
        <v>0</v>
      </c>
      <c r="FZ19" s="244"/>
      <c r="GA19" s="71">
        <v>0</v>
      </c>
      <c r="GB19" s="71">
        <v>0</v>
      </c>
      <c r="GC19" s="71">
        <v>0</v>
      </c>
      <c r="GD19" s="71">
        <v>0</v>
      </c>
      <c r="GE19" s="71">
        <v>0</v>
      </c>
      <c r="GF19" s="72">
        <v>0</v>
      </c>
      <c r="GG19" s="73">
        <v>0</v>
      </c>
      <c r="GH19" s="70">
        <v>10</v>
      </c>
      <c r="GI19" s="71">
        <v>15</v>
      </c>
      <c r="GJ19" s="72">
        <v>25</v>
      </c>
      <c r="GK19" s="244"/>
      <c r="GL19" s="71">
        <v>22</v>
      </c>
      <c r="GM19" s="71">
        <v>26</v>
      </c>
      <c r="GN19" s="71">
        <v>17</v>
      </c>
      <c r="GO19" s="71">
        <v>16</v>
      </c>
      <c r="GP19" s="71">
        <v>6</v>
      </c>
      <c r="GQ19" s="72">
        <v>87</v>
      </c>
      <c r="GR19" s="73">
        <v>112</v>
      </c>
      <c r="GS19" s="123">
        <v>41</v>
      </c>
      <c r="GT19" s="82">
        <v>46</v>
      </c>
      <c r="GU19" s="83">
        <v>87</v>
      </c>
      <c r="GV19" s="241"/>
      <c r="GW19" s="82">
        <v>81</v>
      </c>
      <c r="GX19" s="82">
        <v>97</v>
      </c>
      <c r="GY19" s="82">
        <v>58</v>
      </c>
      <c r="GZ19" s="82">
        <v>39</v>
      </c>
      <c r="HA19" s="82">
        <v>25</v>
      </c>
      <c r="HB19" s="84">
        <v>300</v>
      </c>
      <c r="HC19" s="85">
        <v>387</v>
      </c>
      <c r="HD19" s="70">
        <v>0</v>
      </c>
      <c r="HE19" s="71">
        <v>1</v>
      </c>
      <c r="HF19" s="72">
        <v>1</v>
      </c>
      <c r="HG19" s="244"/>
      <c r="HH19" s="71">
        <v>3</v>
      </c>
      <c r="HI19" s="71">
        <v>1</v>
      </c>
      <c r="HJ19" s="71">
        <v>2</v>
      </c>
      <c r="HK19" s="71">
        <v>0</v>
      </c>
      <c r="HL19" s="71">
        <v>4</v>
      </c>
      <c r="HM19" s="72">
        <v>10</v>
      </c>
      <c r="HN19" s="73">
        <v>11</v>
      </c>
      <c r="HO19" s="70">
        <v>2</v>
      </c>
      <c r="HP19" s="71">
        <v>7</v>
      </c>
      <c r="HQ19" s="72">
        <v>9</v>
      </c>
      <c r="HR19" s="244"/>
      <c r="HS19" s="71">
        <v>7</v>
      </c>
      <c r="HT19" s="71">
        <v>14</v>
      </c>
      <c r="HU19" s="71">
        <v>5</v>
      </c>
      <c r="HV19" s="71">
        <v>3</v>
      </c>
      <c r="HW19" s="71">
        <v>1</v>
      </c>
      <c r="HX19" s="72">
        <v>30</v>
      </c>
      <c r="HY19" s="73">
        <v>39</v>
      </c>
      <c r="HZ19" s="70">
        <v>12</v>
      </c>
      <c r="IA19" s="71">
        <v>6</v>
      </c>
      <c r="IB19" s="72">
        <v>18</v>
      </c>
      <c r="IC19" s="244"/>
      <c r="ID19" s="71">
        <v>9</v>
      </c>
      <c r="IE19" s="71">
        <v>13</v>
      </c>
      <c r="IF19" s="71">
        <v>11</v>
      </c>
      <c r="IG19" s="71">
        <v>3</v>
      </c>
      <c r="IH19" s="71">
        <v>2</v>
      </c>
      <c r="II19" s="72">
        <v>38</v>
      </c>
      <c r="IJ19" s="73">
        <v>56</v>
      </c>
      <c r="IK19" s="70">
        <v>14</v>
      </c>
      <c r="IL19" s="71">
        <v>10</v>
      </c>
      <c r="IM19" s="72">
        <v>24</v>
      </c>
      <c r="IN19" s="244"/>
      <c r="IO19" s="71">
        <v>23</v>
      </c>
      <c r="IP19" s="71">
        <v>29</v>
      </c>
      <c r="IQ19" s="71">
        <v>8</v>
      </c>
      <c r="IR19" s="71">
        <v>0</v>
      </c>
      <c r="IS19" s="71">
        <v>6</v>
      </c>
      <c r="IT19" s="72">
        <v>66</v>
      </c>
      <c r="IU19" s="73">
        <v>90</v>
      </c>
      <c r="IV19" s="70">
        <v>8</v>
      </c>
      <c r="IW19" s="71">
        <v>14</v>
      </c>
      <c r="IX19" s="72">
        <v>22</v>
      </c>
      <c r="IY19" s="244"/>
      <c r="IZ19" s="71">
        <v>22</v>
      </c>
      <c r="JA19" s="71">
        <v>17</v>
      </c>
      <c r="JB19" s="71">
        <v>19</v>
      </c>
      <c r="JC19" s="71">
        <v>9</v>
      </c>
      <c r="JD19" s="71">
        <v>6</v>
      </c>
      <c r="JE19" s="72">
        <v>73</v>
      </c>
      <c r="JF19" s="73">
        <v>95</v>
      </c>
      <c r="JG19" s="70">
        <v>5</v>
      </c>
      <c r="JH19" s="71">
        <v>8</v>
      </c>
      <c r="JI19" s="72">
        <v>13</v>
      </c>
      <c r="JJ19" s="244"/>
      <c r="JK19" s="71">
        <v>17</v>
      </c>
      <c r="JL19" s="71">
        <v>23</v>
      </c>
      <c r="JM19" s="71">
        <v>13</v>
      </c>
      <c r="JN19" s="71">
        <v>24</v>
      </c>
      <c r="JO19" s="71">
        <v>6</v>
      </c>
      <c r="JP19" s="72">
        <v>83</v>
      </c>
      <c r="JQ19" s="73">
        <v>96</v>
      </c>
      <c r="JR19" s="70">
        <v>0</v>
      </c>
      <c r="JS19" s="71">
        <v>0</v>
      </c>
      <c r="JT19" s="72">
        <v>0</v>
      </c>
      <c r="JU19" s="244"/>
      <c r="JV19" s="71">
        <v>0</v>
      </c>
      <c r="JW19" s="71">
        <v>0</v>
      </c>
      <c r="JX19" s="71">
        <v>0</v>
      </c>
      <c r="JY19" s="71">
        <v>0</v>
      </c>
      <c r="JZ19" s="71">
        <v>0</v>
      </c>
      <c r="KA19" s="72">
        <v>0</v>
      </c>
      <c r="KB19" s="73">
        <v>0</v>
      </c>
      <c r="KC19" s="70">
        <v>41</v>
      </c>
      <c r="KD19" s="71">
        <v>46</v>
      </c>
      <c r="KE19" s="72">
        <v>87</v>
      </c>
      <c r="KF19" s="244"/>
      <c r="KG19" s="71">
        <v>81</v>
      </c>
      <c r="KH19" s="71">
        <v>97</v>
      </c>
      <c r="KI19" s="71">
        <v>58</v>
      </c>
      <c r="KJ19" s="71">
        <v>39</v>
      </c>
      <c r="KK19" s="71">
        <v>25</v>
      </c>
      <c r="KL19" s="72">
        <v>300</v>
      </c>
      <c r="KM19" s="73">
        <v>387</v>
      </c>
    </row>
    <row r="20" spans="2:299" ht="21" customHeight="1" x14ac:dyDescent="0.2">
      <c r="B20" s="126" t="s">
        <v>17</v>
      </c>
      <c r="C20" s="313">
        <v>47</v>
      </c>
      <c r="D20" s="82">
        <v>52</v>
      </c>
      <c r="E20" s="83">
        <v>99</v>
      </c>
      <c r="F20" s="241"/>
      <c r="G20" s="82">
        <v>86</v>
      </c>
      <c r="H20" s="82">
        <v>92</v>
      </c>
      <c r="I20" s="82">
        <v>66</v>
      </c>
      <c r="J20" s="82">
        <v>51</v>
      </c>
      <c r="K20" s="82">
        <v>24</v>
      </c>
      <c r="L20" s="84">
        <v>319</v>
      </c>
      <c r="M20" s="85">
        <v>418</v>
      </c>
      <c r="N20" s="70">
        <v>1</v>
      </c>
      <c r="O20" s="71">
        <v>1</v>
      </c>
      <c r="P20" s="72">
        <v>2</v>
      </c>
      <c r="Q20" s="244"/>
      <c r="R20" s="71">
        <v>4</v>
      </c>
      <c r="S20" s="71">
        <v>5</v>
      </c>
      <c r="T20" s="71">
        <v>5</v>
      </c>
      <c r="U20" s="71">
        <v>2</v>
      </c>
      <c r="V20" s="71">
        <v>0</v>
      </c>
      <c r="W20" s="72">
        <v>16</v>
      </c>
      <c r="X20" s="73">
        <v>18</v>
      </c>
      <c r="Y20" s="70">
        <v>3</v>
      </c>
      <c r="Z20" s="71">
        <v>7</v>
      </c>
      <c r="AA20" s="72">
        <v>10</v>
      </c>
      <c r="AB20" s="244"/>
      <c r="AC20" s="71">
        <v>4</v>
      </c>
      <c r="AD20" s="71">
        <v>10</v>
      </c>
      <c r="AE20" s="71">
        <v>8</v>
      </c>
      <c r="AF20" s="71">
        <v>6</v>
      </c>
      <c r="AG20" s="71">
        <v>2</v>
      </c>
      <c r="AH20" s="72">
        <v>30</v>
      </c>
      <c r="AI20" s="73">
        <v>40</v>
      </c>
      <c r="AJ20" s="70">
        <v>5</v>
      </c>
      <c r="AK20" s="71">
        <v>5</v>
      </c>
      <c r="AL20" s="72">
        <v>10</v>
      </c>
      <c r="AM20" s="244"/>
      <c r="AN20" s="71">
        <v>16</v>
      </c>
      <c r="AO20" s="71">
        <v>13</v>
      </c>
      <c r="AP20" s="71">
        <v>13</v>
      </c>
      <c r="AQ20" s="71">
        <v>12</v>
      </c>
      <c r="AR20" s="71">
        <v>6</v>
      </c>
      <c r="AS20" s="72">
        <v>60</v>
      </c>
      <c r="AT20" s="73">
        <v>70</v>
      </c>
      <c r="AU20" s="70">
        <v>11</v>
      </c>
      <c r="AV20" s="71">
        <v>10</v>
      </c>
      <c r="AW20" s="72">
        <v>21</v>
      </c>
      <c r="AX20" s="244"/>
      <c r="AY20" s="71">
        <v>20</v>
      </c>
      <c r="AZ20" s="71">
        <v>21</v>
      </c>
      <c r="BA20" s="71">
        <v>15</v>
      </c>
      <c r="BB20" s="71">
        <v>8</v>
      </c>
      <c r="BC20" s="71">
        <v>5</v>
      </c>
      <c r="BD20" s="72">
        <v>69</v>
      </c>
      <c r="BE20" s="73">
        <v>90</v>
      </c>
      <c r="BF20" s="70">
        <v>17</v>
      </c>
      <c r="BG20" s="71">
        <v>14</v>
      </c>
      <c r="BH20" s="72">
        <v>31</v>
      </c>
      <c r="BI20" s="244"/>
      <c r="BJ20" s="71">
        <v>27</v>
      </c>
      <c r="BK20" s="71">
        <v>22</v>
      </c>
      <c r="BL20" s="71">
        <v>11</v>
      </c>
      <c r="BM20" s="71">
        <v>12</v>
      </c>
      <c r="BN20" s="71">
        <v>4</v>
      </c>
      <c r="BO20" s="72">
        <v>76</v>
      </c>
      <c r="BP20" s="73">
        <v>107</v>
      </c>
      <c r="BQ20" s="70">
        <v>10</v>
      </c>
      <c r="BR20" s="71">
        <v>15</v>
      </c>
      <c r="BS20" s="72">
        <v>25</v>
      </c>
      <c r="BT20" s="244"/>
      <c r="BU20" s="71">
        <v>15</v>
      </c>
      <c r="BV20" s="71">
        <v>21</v>
      </c>
      <c r="BW20" s="71">
        <v>14</v>
      </c>
      <c r="BX20" s="71">
        <v>11</v>
      </c>
      <c r="BY20" s="71">
        <v>7</v>
      </c>
      <c r="BZ20" s="72">
        <v>68</v>
      </c>
      <c r="CA20" s="73">
        <v>93</v>
      </c>
      <c r="CB20" s="70">
        <v>0</v>
      </c>
      <c r="CC20" s="71">
        <v>0</v>
      </c>
      <c r="CD20" s="72">
        <v>0</v>
      </c>
      <c r="CE20" s="244"/>
      <c r="CF20" s="71">
        <v>0</v>
      </c>
      <c r="CG20" s="71">
        <v>0</v>
      </c>
      <c r="CH20" s="71">
        <v>0</v>
      </c>
      <c r="CI20" s="71">
        <v>0</v>
      </c>
      <c r="CJ20" s="71">
        <v>0</v>
      </c>
      <c r="CK20" s="72">
        <v>0</v>
      </c>
      <c r="CL20" s="73">
        <v>0</v>
      </c>
      <c r="CM20" s="70">
        <v>47</v>
      </c>
      <c r="CN20" s="71">
        <v>52</v>
      </c>
      <c r="CO20" s="72">
        <v>99</v>
      </c>
      <c r="CP20" s="244"/>
      <c r="CQ20" s="71">
        <v>86</v>
      </c>
      <c r="CR20" s="71">
        <v>92</v>
      </c>
      <c r="CS20" s="71">
        <v>66</v>
      </c>
      <c r="CT20" s="71">
        <v>51</v>
      </c>
      <c r="CU20" s="71">
        <v>24</v>
      </c>
      <c r="CV20" s="72">
        <v>319</v>
      </c>
      <c r="CW20" s="73">
        <v>418</v>
      </c>
      <c r="CX20" s="123">
        <v>23</v>
      </c>
      <c r="CY20" s="82">
        <v>21</v>
      </c>
      <c r="CZ20" s="83">
        <v>44</v>
      </c>
      <c r="DA20" s="241"/>
      <c r="DB20" s="82">
        <v>29</v>
      </c>
      <c r="DC20" s="82">
        <v>33</v>
      </c>
      <c r="DD20" s="82">
        <v>36</v>
      </c>
      <c r="DE20" s="82">
        <v>21</v>
      </c>
      <c r="DF20" s="82">
        <v>27</v>
      </c>
      <c r="DG20" s="84">
        <v>146</v>
      </c>
      <c r="DH20" s="85">
        <v>190</v>
      </c>
      <c r="DI20" s="70">
        <v>2</v>
      </c>
      <c r="DJ20" s="71">
        <v>1</v>
      </c>
      <c r="DK20" s="72">
        <v>3</v>
      </c>
      <c r="DL20" s="244"/>
      <c r="DM20" s="71">
        <v>0</v>
      </c>
      <c r="DN20" s="71">
        <v>0</v>
      </c>
      <c r="DO20" s="71">
        <v>0</v>
      </c>
      <c r="DP20" s="71">
        <v>0</v>
      </c>
      <c r="DQ20" s="71">
        <v>0</v>
      </c>
      <c r="DR20" s="72">
        <v>0</v>
      </c>
      <c r="DS20" s="73">
        <v>3</v>
      </c>
      <c r="DT20" s="70">
        <v>1</v>
      </c>
      <c r="DU20" s="71">
        <v>1</v>
      </c>
      <c r="DV20" s="72">
        <v>2</v>
      </c>
      <c r="DW20" s="244"/>
      <c r="DX20" s="71">
        <v>0</v>
      </c>
      <c r="DY20" s="71">
        <v>1</v>
      </c>
      <c r="DZ20" s="71">
        <v>1</v>
      </c>
      <c r="EA20" s="71">
        <v>3</v>
      </c>
      <c r="EB20" s="71">
        <v>1</v>
      </c>
      <c r="EC20" s="72">
        <v>6</v>
      </c>
      <c r="ED20" s="73">
        <v>8</v>
      </c>
      <c r="EE20" s="70">
        <v>5</v>
      </c>
      <c r="EF20" s="71">
        <v>2</v>
      </c>
      <c r="EG20" s="72">
        <v>7</v>
      </c>
      <c r="EH20" s="244"/>
      <c r="EI20" s="71">
        <v>6</v>
      </c>
      <c r="EJ20" s="71">
        <v>6</v>
      </c>
      <c r="EK20" s="71">
        <v>3</v>
      </c>
      <c r="EL20" s="71">
        <v>1</v>
      </c>
      <c r="EM20" s="71">
        <v>2</v>
      </c>
      <c r="EN20" s="72">
        <v>18</v>
      </c>
      <c r="EO20" s="73">
        <v>25</v>
      </c>
      <c r="EP20" s="70">
        <v>5</v>
      </c>
      <c r="EQ20" s="71">
        <v>10</v>
      </c>
      <c r="ER20" s="72">
        <v>15</v>
      </c>
      <c r="ES20" s="244"/>
      <c r="ET20" s="71">
        <v>6</v>
      </c>
      <c r="EU20" s="71">
        <v>6</v>
      </c>
      <c r="EV20" s="71">
        <v>11</v>
      </c>
      <c r="EW20" s="71">
        <v>3</v>
      </c>
      <c r="EX20" s="71">
        <v>10</v>
      </c>
      <c r="EY20" s="72">
        <v>36</v>
      </c>
      <c r="EZ20" s="73">
        <v>51</v>
      </c>
      <c r="FA20" s="70">
        <v>4</v>
      </c>
      <c r="FB20" s="71">
        <v>5</v>
      </c>
      <c r="FC20" s="72">
        <v>9</v>
      </c>
      <c r="FD20" s="244"/>
      <c r="FE20" s="71">
        <v>8</v>
      </c>
      <c r="FF20" s="71">
        <v>5</v>
      </c>
      <c r="FG20" s="71">
        <v>8</v>
      </c>
      <c r="FH20" s="71">
        <v>2</v>
      </c>
      <c r="FI20" s="71">
        <v>4</v>
      </c>
      <c r="FJ20" s="72">
        <v>27</v>
      </c>
      <c r="FK20" s="73">
        <v>36</v>
      </c>
      <c r="FL20" s="70">
        <v>6</v>
      </c>
      <c r="FM20" s="71">
        <v>2</v>
      </c>
      <c r="FN20" s="72">
        <v>8</v>
      </c>
      <c r="FO20" s="244"/>
      <c r="FP20" s="71">
        <v>9</v>
      </c>
      <c r="FQ20" s="71">
        <v>15</v>
      </c>
      <c r="FR20" s="71">
        <v>13</v>
      </c>
      <c r="FS20" s="71">
        <v>12</v>
      </c>
      <c r="FT20" s="71">
        <v>10</v>
      </c>
      <c r="FU20" s="72">
        <v>59</v>
      </c>
      <c r="FV20" s="73">
        <v>67</v>
      </c>
      <c r="FW20" s="70">
        <v>0</v>
      </c>
      <c r="FX20" s="71">
        <v>0</v>
      </c>
      <c r="FY20" s="72">
        <v>0</v>
      </c>
      <c r="FZ20" s="244"/>
      <c r="GA20" s="71">
        <v>0</v>
      </c>
      <c r="GB20" s="71">
        <v>0</v>
      </c>
      <c r="GC20" s="71">
        <v>0</v>
      </c>
      <c r="GD20" s="71">
        <v>0</v>
      </c>
      <c r="GE20" s="71">
        <v>0</v>
      </c>
      <c r="GF20" s="72">
        <v>0</v>
      </c>
      <c r="GG20" s="73">
        <v>0</v>
      </c>
      <c r="GH20" s="70">
        <v>23</v>
      </c>
      <c r="GI20" s="71">
        <v>21</v>
      </c>
      <c r="GJ20" s="72">
        <v>44</v>
      </c>
      <c r="GK20" s="244"/>
      <c r="GL20" s="71">
        <v>29</v>
      </c>
      <c r="GM20" s="71">
        <v>33</v>
      </c>
      <c r="GN20" s="71">
        <v>36</v>
      </c>
      <c r="GO20" s="71">
        <v>21</v>
      </c>
      <c r="GP20" s="71">
        <v>27</v>
      </c>
      <c r="GQ20" s="72">
        <v>146</v>
      </c>
      <c r="GR20" s="73">
        <v>190</v>
      </c>
      <c r="GS20" s="123">
        <v>70</v>
      </c>
      <c r="GT20" s="82">
        <v>73</v>
      </c>
      <c r="GU20" s="83">
        <v>143</v>
      </c>
      <c r="GV20" s="241"/>
      <c r="GW20" s="82">
        <v>115</v>
      </c>
      <c r="GX20" s="82">
        <v>125</v>
      </c>
      <c r="GY20" s="82">
        <v>102</v>
      </c>
      <c r="GZ20" s="82">
        <v>72</v>
      </c>
      <c r="HA20" s="82">
        <v>51</v>
      </c>
      <c r="HB20" s="84">
        <v>465</v>
      </c>
      <c r="HC20" s="85">
        <v>608</v>
      </c>
      <c r="HD20" s="70">
        <v>3</v>
      </c>
      <c r="HE20" s="71">
        <v>2</v>
      </c>
      <c r="HF20" s="72">
        <v>5</v>
      </c>
      <c r="HG20" s="244"/>
      <c r="HH20" s="71">
        <v>4</v>
      </c>
      <c r="HI20" s="71">
        <v>5</v>
      </c>
      <c r="HJ20" s="71">
        <v>5</v>
      </c>
      <c r="HK20" s="71">
        <v>2</v>
      </c>
      <c r="HL20" s="71">
        <v>0</v>
      </c>
      <c r="HM20" s="72">
        <v>16</v>
      </c>
      <c r="HN20" s="73">
        <v>21</v>
      </c>
      <c r="HO20" s="70">
        <v>4</v>
      </c>
      <c r="HP20" s="71">
        <v>8</v>
      </c>
      <c r="HQ20" s="72">
        <v>12</v>
      </c>
      <c r="HR20" s="244"/>
      <c r="HS20" s="71">
        <v>4</v>
      </c>
      <c r="HT20" s="71">
        <v>11</v>
      </c>
      <c r="HU20" s="71">
        <v>9</v>
      </c>
      <c r="HV20" s="71">
        <v>9</v>
      </c>
      <c r="HW20" s="71">
        <v>3</v>
      </c>
      <c r="HX20" s="72">
        <v>36</v>
      </c>
      <c r="HY20" s="73">
        <v>48</v>
      </c>
      <c r="HZ20" s="70">
        <v>10</v>
      </c>
      <c r="IA20" s="71">
        <v>7</v>
      </c>
      <c r="IB20" s="72">
        <v>17</v>
      </c>
      <c r="IC20" s="244"/>
      <c r="ID20" s="71">
        <v>22</v>
      </c>
      <c r="IE20" s="71">
        <v>19</v>
      </c>
      <c r="IF20" s="71">
        <v>16</v>
      </c>
      <c r="IG20" s="71">
        <v>13</v>
      </c>
      <c r="IH20" s="71">
        <v>8</v>
      </c>
      <c r="II20" s="72">
        <v>78</v>
      </c>
      <c r="IJ20" s="73">
        <v>95</v>
      </c>
      <c r="IK20" s="70">
        <v>16</v>
      </c>
      <c r="IL20" s="71">
        <v>20</v>
      </c>
      <c r="IM20" s="72">
        <v>36</v>
      </c>
      <c r="IN20" s="244"/>
      <c r="IO20" s="71">
        <v>26</v>
      </c>
      <c r="IP20" s="71">
        <v>27</v>
      </c>
      <c r="IQ20" s="71">
        <v>26</v>
      </c>
      <c r="IR20" s="71">
        <v>11</v>
      </c>
      <c r="IS20" s="71">
        <v>15</v>
      </c>
      <c r="IT20" s="72">
        <v>105</v>
      </c>
      <c r="IU20" s="73">
        <v>141</v>
      </c>
      <c r="IV20" s="70">
        <v>21</v>
      </c>
      <c r="IW20" s="71">
        <v>19</v>
      </c>
      <c r="IX20" s="72">
        <v>40</v>
      </c>
      <c r="IY20" s="244"/>
      <c r="IZ20" s="71">
        <v>35</v>
      </c>
      <c r="JA20" s="71">
        <v>27</v>
      </c>
      <c r="JB20" s="71">
        <v>19</v>
      </c>
      <c r="JC20" s="71">
        <v>14</v>
      </c>
      <c r="JD20" s="71">
        <v>8</v>
      </c>
      <c r="JE20" s="72">
        <v>103</v>
      </c>
      <c r="JF20" s="73">
        <v>143</v>
      </c>
      <c r="JG20" s="70">
        <v>16</v>
      </c>
      <c r="JH20" s="71">
        <v>17</v>
      </c>
      <c r="JI20" s="72">
        <v>33</v>
      </c>
      <c r="JJ20" s="244"/>
      <c r="JK20" s="71">
        <v>24</v>
      </c>
      <c r="JL20" s="71">
        <v>36</v>
      </c>
      <c r="JM20" s="71">
        <v>27</v>
      </c>
      <c r="JN20" s="71">
        <v>23</v>
      </c>
      <c r="JO20" s="71">
        <v>17</v>
      </c>
      <c r="JP20" s="72">
        <v>127</v>
      </c>
      <c r="JQ20" s="73">
        <v>160</v>
      </c>
      <c r="JR20" s="70">
        <v>0</v>
      </c>
      <c r="JS20" s="71">
        <v>0</v>
      </c>
      <c r="JT20" s="72">
        <v>0</v>
      </c>
      <c r="JU20" s="244"/>
      <c r="JV20" s="71">
        <v>0</v>
      </c>
      <c r="JW20" s="71">
        <v>0</v>
      </c>
      <c r="JX20" s="71">
        <v>0</v>
      </c>
      <c r="JY20" s="71">
        <v>0</v>
      </c>
      <c r="JZ20" s="71">
        <v>0</v>
      </c>
      <c r="KA20" s="72">
        <v>0</v>
      </c>
      <c r="KB20" s="73">
        <v>0</v>
      </c>
      <c r="KC20" s="70">
        <v>70</v>
      </c>
      <c r="KD20" s="71">
        <v>73</v>
      </c>
      <c r="KE20" s="72">
        <v>143</v>
      </c>
      <c r="KF20" s="244"/>
      <c r="KG20" s="71">
        <v>115</v>
      </c>
      <c r="KH20" s="71">
        <v>125</v>
      </c>
      <c r="KI20" s="71">
        <v>102</v>
      </c>
      <c r="KJ20" s="71">
        <v>72</v>
      </c>
      <c r="KK20" s="71">
        <v>51</v>
      </c>
      <c r="KL20" s="72">
        <v>465</v>
      </c>
      <c r="KM20" s="73">
        <v>608</v>
      </c>
    </row>
    <row r="21" spans="2:299" ht="21" customHeight="1" x14ac:dyDescent="0.2">
      <c r="B21" s="126" t="s">
        <v>18</v>
      </c>
      <c r="C21" s="313">
        <v>55</v>
      </c>
      <c r="D21" s="82">
        <v>69</v>
      </c>
      <c r="E21" s="83">
        <v>124</v>
      </c>
      <c r="F21" s="241"/>
      <c r="G21" s="82">
        <v>111</v>
      </c>
      <c r="H21" s="82">
        <v>96</v>
      </c>
      <c r="I21" s="82">
        <v>52</v>
      </c>
      <c r="J21" s="82">
        <v>57</v>
      </c>
      <c r="K21" s="82">
        <v>29</v>
      </c>
      <c r="L21" s="84">
        <v>345</v>
      </c>
      <c r="M21" s="85">
        <v>469</v>
      </c>
      <c r="N21" s="70">
        <v>3</v>
      </c>
      <c r="O21" s="71">
        <v>2</v>
      </c>
      <c r="P21" s="72">
        <v>5</v>
      </c>
      <c r="Q21" s="244"/>
      <c r="R21" s="71">
        <v>3</v>
      </c>
      <c r="S21" s="71">
        <v>6</v>
      </c>
      <c r="T21" s="71">
        <v>5</v>
      </c>
      <c r="U21" s="71">
        <v>2</v>
      </c>
      <c r="V21" s="71">
        <v>1</v>
      </c>
      <c r="W21" s="72">
        <v>17</v>
      </c>
      <c r="X21" s="73">
        <v>22</v>
      </c>
      <c r="Y21" s="70">
        <v>9</v>
      </c>
      <c r="Z21" s="71">
        <v>8</v>
      </c>
      <c r="AA21" s="72">
        <v>17</v>
      </c>
      <c r="AB21" s="244"/>
      <c r="AC21" s="71">
        <v>12</v>
      </c>
      <c r="AD21" s="71">
        <v>8</v>
      </c>
      <c r="AE21" s="71">
        <v>4</v>
      </c>
      <c r="AF21" s="71">
        <v>6</v>
      </c>
      <c r="AG21" s="71">
        <v>5</v>
      </c>
      <c r="AH21" s="72">
        <v>35</v>
      </c>
      <c r="AI21" s="73">
        <v>52</v>
      </c>
      <c r="AJ21" s="70">
        <v>7</v>
      </c>
      <c r="AK21" s="71">
        <v>11</v>
      </c>
      <c r="AL21" s="72">
        <v>18</v>
      </c>
      <c r="AM21" s="244"/>
      <c r="AN21" s="71">
        <v>14</v>
      </c>
      <c r="AO21" s="71">
        <v>15</v>
      </c>
      <c r="AP21" s="71">
        <v>8</v>
      </c>
      <c r="AQ21" s="71">
        <v>9</v>
      </c>
      <c r="AR21" s="71">
        <v>6</v>
      </c>
      <c r="AS21" s="72">
        <v>52</v>
      </c>
      <c r="AT21" s="73">
        <v>70</v>
      </c>
      <c r="AU21" s="70">
        <v>12</v>
      </c>
      <c r="AV21" s="71">
        <v>17</v>
      </c>
      <c r="AW21" s="72">
        <v>29</v>
      </c>
      <c r="AX21" s="244"/>
      <c r="AY21" s="71">
        <v>27</v>
      </c>
      <c r="AZ21" s="71">
        <v>20</v>
      </c>
      <c r="BA21" s="71">
        <v>9</v>
      </c>
      <c r="BB21" s="71">
        <v>11</v>
      </c>
      <c r="BC21" s="71">
        <v>8</v>
      </c>
      <c r="BD21" s="72">
        <v>75</v>
      </c>
      <c r="BE21" s="73">
        <v>104</v>
      </c>
      <c r="BF21" s="70">
        <v>12</v>
      </c>
      <c r="BG21" s="71">
        <v>15</v>
      </c>
      <c r="BH21" s="72">
        <v>27</v>
      </c>
      <c r="BI21" s="244"/>
      <c r="BJ21" s="71">
        <v>29</v>
      </c>
      <c r="BK21" s="71">
        <v>31</v>
      </c>
      <c r="BL21" s="71">
        <v>13</v>
      </c>
      <c r="BM21" s="71">
        <v>14</v>
      </c>
      <c r="BN21" s="71">
        <v>4</v>
      </c>
      <c r="BO21" s="72">
        <v>91</v>
      </c>
      <c r="BP21" s="73">
        <v>118</v>
      </c>
      <c r="BQ21" s="70">
        <v>12</v>
      </c>
      <c r="BR21" s="71">
        <v>16</v>
      </c>
      <c r="BS21" s="72">
        <v>28</v>
      </c>
      <c r="BT21" s="244"/>
      <c r="BU21" s="71">
        <v>26</v>
      </c>
      <c r="BV21" s="71">
        <v>16</v>
      </c>
      <c r="BW21" s="71">
        <v>13</v>
      </c>
      <c r="BX21" s="71">
        <v>15</v>
      </c>
      <c r="BY21" s="71">
        <v>5</v>
      </c>
      <c r="BZ21" s="72">
        <v>75</v>
      </c>
      <c r="CA21" s="73">
        <v>103</v>
      </c>
      <c r="CB21" s="70">
        <v>0</v>
      </c>
      <c r="CC21" s="71">
        <v>0</v>
      </c>
      <c r="CD21" s="72">
        <v>0</v>
      </c>
      <c r="CE21" s="244"/>
      <c r="CF21" s="71">
        <v>0</v>
      </c>
      <c r="CG21" s="71">
        <v>0</v>
      </c>
      <c r="CH21" s="71">
        <v>0</v>
      </c>
      <c r="CI21" s="71">
        <v>0</v>
      </c>
      <c r="CJ21" s="71">
        <v>0</v>
      </c>
      <c r="CK21" s="72">
        <v>0</v>
      </c>
      <c r="CL21" s="73">
        <v>0</v>
      </c>
      <c r="CM21" s="70">
        <v>55</v>
      </c>
      <c r="CN21" s="71">
        <v>69</v>
      </c>
      <c r="CO21" s="72">
        <v>124</v>
      </c>
      <c r="CP21" s="244"/>
      <c r="CQ21" s="71">
        <v>111</v>
      </c>
      <c r="CR21" s="71">
        <v>96</v>
      </c>
      <c r="CS21" s="71">
        <v>52</v>
      </c>
      <c r="CT21" s="71">
        <v>57</v>
      </c>
      <c r="CU21" s="71">
        <v>29</v>
      </c>
      <c r="CV21" s="72">
        <v>345</v>
      </c>
      <c r="CW21" s="73">
        <v>469</v>
      </c>
      <c r="CX21" s="123">
        <v>28</v>
      </c>
      <c r="CY21" s="82">
        <v>28</v>
      </c>
      <c r="CZ21" s="83">
        <v>56</v>
      </c>
      <c r="DA21" s="241"/>
      <c r="DB21" s="82">
        <v>46</v>
      </c>
      <c r="DC21" s="82">
        <v>45</v>
      </c>
      <c r="DD21" s="82">
        <v>34</v>
      </c>
      <c r="DE21" s="82">
        <v>24</v>
      </c>
      <c r="DF21" s="82">
        <v>24</v>
      </c>
      <c r="DG21" s="84">
        <v>173</v>
      </c>
      <c r="DH21" s="85">
        <v>229</v>
      </c>
      <c r="DI21" s="70">
        <v>2</v>
      </c>
      <c r="DJ21" s="71">
        <v>1</v>
      </c>
      <c r="DK21" s="72">
        <v>3</v>
      </c>
      <c r="DL21" s="244"/>
      <c r="DM21" s="71">
        <v>0</v>
      </c>
      <c r="DN21" s="71">
        <v>0</v>
      </c>
      <c r="DO21" s="71">
        <v>0</v>
      </c>
      <c r="DP21" s="71">
        <v>0</v>
      </c>
      <c r="DQ21" s="71">
        <v>2</v>
      </c>
      <c r="DR21" s="72">
        <v>2</v>
      </c>
      <c r="DS21" s="73">
        <v>5</v>
      </c>
      <c r="DT21" s="70">
        <v>2</v>
      </c>
      <c r="DU21" s="71">
        <v>4</v>
      </c>
      <c r="DV21" s="72">
        <v>6</v>
      </c>
      <c r="DW21" s="244"/>
      <c r="DX21" s="71">
        <v>2</v>
      </c>
      <c r="DY21" s="71">
        <v>2</v>
      </c>
      <c r="DZ21" s="71">
        <v>0</v>
      </c>
      <c r="EA21" s="71">
        <v>0</v>
      </c>
      <c r="EB21" s="71">
        <v>2</v>
      </c>
      <c r="EC21" s="72">
        <v>6</v>
      </c>
      <c r="ED21" s="73">
        <v>12</v>
      </c>
      <c r="EE21" s="70">
        <v>6</v>
      </c>
      <c r="EF21" s="71">
        <v>6</v>
      </c>
      <c r="EG21" s="72">
        <v>12</v>
      </c>
      <c r="EH21" s="244"/>
      <c r="EI21" s="71">
        <v>6</v>
      </c>
      <c r="EJ21" s="71">
        <v>6</v>
      </c>
      <c r="EK21" s="71">
        <v>2</v>
      </c>
      <c r="EL21" s="71">
        <v>1</v>
      </c>
      <c r="EM21" s="71">
        <v>2</v>
      </c>
      <c r="EN21" s="72">
        <v>17</v>
      </c>
      <c r="EO21" s="73">
        <v>29</v>
      </c>
      <c r="EP21" s="70">
        <v>8</v>
      </c>
      <c r="EQ21" s="71">
        <v>4</v>
      </c>
      <c r="ER21" s="72">
        <v>12</v>
      </c>
      <c r="ES21" s="244"/>
      <c r="ET21" s="71">
        <v>14</v>
      </c>
      <c r="EU21" s="71">
        <v>10</v>
      </c>
      <c r="EV21" s="71">
        <v>4</v>
      </c>
      <c r="EW21" s="71">
        <v>7</v>
      </c>
      <c r="EX21" s="71">
        <v>0</v>
      </c>
      <c r="EY21" s="72">
        <v>35</v>
      </c>
      <c r="EZ21" s="73">
        <v>47</v>
      </c>
      <c r="FA21" s="70">
        <v>9</v>
      </c>
      <c r="FB21" s="71">
        <v>8</v>
      </c>
      <c r="FC21" s="72">
        <v>17</v>
      </c>
      <c r="FD21" s="244"/>
      <c r="FE21" s="71">
        <v>16</v>
      </c>
      <c r="FF21" s="71">
        <v>12</v>
      </c>
      <c r="FG21" s="71">
        <v>14</v>
      </c>
      <c r="FH21" s="71">
        <v>6</v>
      </c>
      <c r="FI21" s="71">
        <v>5</v>
      </c>
      <c r="FJ21" s="72">
        <v>53</v>
      </c>
      <c r="FK21" s="73">
        <v>70</v>
      </c>
      <c r="FL21" s="70">
        <v>1</v>
      </c>
      <c r="FM21" s="71">
        <v>5</v>
      </c>
      <c r="FN21" s="72">
        <v>6</v>
      </c>
      <c r="FO21" s="244"/>
      <c r="FP21" s="71">
        <v>8</v>
      </c>
      <c r="FQ21" s="71">
        <v>15</v>
      </c>
      <c r="FR21" s="71">
        <v>14</v>
      </c>
      <c r="FS21" s="71">
        <v>10</v>
      </c>
      <c r="FT21" s="71">
        <v>13</v>
      </c>
      <c r="FU21" s="72">
        <v>60</v>
      </c>
      <c r="FV21" s="73">
        <v>66</v>
      </c>
      <c r="FW21" s="70">
        <v>0</v>
      </c>
      <c r="FX21" s="71">
        <v>0</v>
      </c>
      <c r="FY21" s="72">
        <v>0</v>
      </c>
      <c r="FZ21" s="244"/>
      <c r="GA21" s="71">
        <v>0</v>
      </c>
      <c r="GB21" s="71">
        <v>0</v>
      </c>
      <c r="GC21" s="71">
        <v>0</v>
      </c>
      <c r="GD21" s="71">
        <v>0</v>
      </c>
      <c r="GE21" s="71">
        <v>0</v>
      </c>
      <c r="GF21" s="72">
        <v>0</v>
      </c>
      <c r="GG21" s="73">
        <v>0</v>
      </c>
      <c r="GH21" s="70">
        <v>28</v>
      </c>
      <c r="GI21" s="71">
        <v>28</v>
      </c>
      <c r="GJ21" s="72">
        <v>56</v>
      </c>
      <c r="GK21" s="244"/>
      <c r="GL21" s="71">
        <v>46</v>
      </c>
      <c r="GM21" s="71">
        <v>45</v>
      </c>
      <c r="GN21" s="71">
        <v>34</v>
      </c>
      <c r="GO21" s="71">
        <v>24</v>
      </c>
      <c r="GP21" s="71">
        <v>24</v>
      </c>
      <c r="GQ21" s="72">
        <v>173</v>
      </c>
      <c r="GR21" s="73">
        <v>229</v>
      </c>
      <c r="GS21" s="123">
        <v>83</v>
      </c>
      <c r="GT21" s="82">
        <v>97</v>
      </c>
      <c r="GU21" s="83">
        <v>180</v>
      </c>
      <c r="GV21" s="241"/>
      <c r="GW21" s="82">
        <v>157</v>
      </c>
      <c r="GX21" s="82">
        <v>141</v>
      </c>
      <c r="GY21" s="82">
        <v>86</v>
      </c>
      <c r="GZ21" s="82">
        <v>81</v>
      </c>
      <c r="HA21" s="82">
        <v>53</v>
      </c>
      <c r="HB21" s="84">
        <v>518</v>
      </c>
      <c r="HC21" s="85">
        <v>698</v>
      </c>
      <c r="HD21" s="70">
        <v>5</v>
      </c>
      <c r="HE21" s="71">
        <v>3</v>
      </c>
      <c r="HF21" s="72">
        <v>8</v>
      </c>
      <c r="HG21" s="244"/>
      <c r="HH21" s="71">
        <v>3</v>
      </c>
      <c r="HI21" s="71">
        <v>6</v>
      </c>
      <c r="HJ21" s="71">
        <v>5</v>
      </c>
      <c r="HK21" s="71">
        <v>2</v>
      </c>
      <c r="HL21" s="71">
        <v>3</v>
      </c>
      <c r="HM21" s="72">
        <v>19</v>
      </c>
      <c r="HN21" s="73">
        <v>27</v>
      </c>
      <c r="HO21" s="70">
        <v>11</v>
      </c>
      <c r="HP21" s="71">
        <v>12</v>
      </c>
      <c r="HQ21" s="72">
        <v>23</v>
      </c>
      <c r="HR21" s="244"/>
      <c r="HS21" s="71">
        <v>14</v>
      </c>
      <c r="HT21" s="71">
        <v>10</v>
      </c>
      <c r="HU21" s="71">
        <v>4</v>
      </c>
      <c r="HV21" s="71">
        <v>6</v>
      </c>
      <c r="HW21" s="71">
        <v>7</v>
      </c>
      <c r="HX21" s="72">
        <v>41</v>
      </c>
      <c r="HY21" s="73">
        <v>64</v>
      </c>
      <c r="HZ21" s="70">
        <v>13</v>
      </c>
      <c r="IA21" s="71">
        <v>17</v>
      </c>
      <c r="IB21" s="72">
        <v>30</v>
      </c>
      <c r="IC21" s="244"/>
      <c r="ID21" s="71">
        <v>20</v>
      </c>
      <c r="IE21" s="71">
        <v>21</v>
      </c>
      <c r="IF21" s="71">
        <v>10</v>
      </c>
      <c r="IG21" s="71">
        <v>10</v>
      </c>
      <c r="IH21" s="71">
        <v>8</v>
      </c>
      <c r="II21" s="72">
        <v>69</v>
      </c>
      <c r="IJ21" s="73">
        <v>99</v>
      </c>
      <c r="IK21" s="70">
        <v>20</v>
      </c>
      <c r="IL21" s="71">
        <v>21</v>
      </c>
      <c r="IM21" s="72">
        <v>41</v>
      </c>
      <c r="IN21" s="244"/>
      <c r="IO21" s="71">
        <v>41</v>
      </c>
      <c r="IP21" s="71">
        <v>30</v>
      </c>
      <c r="IQ21" s="71">
        <v>13</v>
      </c>
      <c r="IR21" s="71">
        <v>18</v>
      </c>
      <c r="IS21" s="71">
        <v>8</v>
      </c>
      <c r="IT21" s="72">
        <v>110</v>
      </c>
      <c r="IU21" s="73">
        <v>151</v>
      </c>
      <c r="IV21" s="70">
        <v>21</v>
      </c>
      <c r="IW21" s="71">
        <v>23</v>
      </c>
      <c r="IX21" s="72">
        <v>44</v>
      </c>
      <c r="IY21" s="244"/>
      <c r="IZ21" s="71">
        <v>45</v>
      </c>
      <c r="JA21" s="71">
        <v>43</v>
      </c>
      <c r="JB21" s="71">
        <v>27</v>
      </c>
      <c r="JC21" s="71">
        <v>20</v>
      </c>
      <c r="JD21" s="71">
        <v>9</v>
      </c>
      <c r="JE21" s="72">
        <v>144</v>
      </c>
      <c r="JF21" s="73">
        <v>188</v>
      </c>
      <c r="JG21" s="70">
        <v>13</v>
      </c>
      <c r="JH21" s="71">
        <v>21</v>
      </c>
      <c r="JI21" s="72">
        <v>34</v>
      </c>
      <c r="JJ21" s="244"/>
      <c r="JK21" s="71">
        <v>34</v>
      </c>
      <c r="JL21" s="71">
        <v>31</v>
      </c>
      <c r="JM21" s="71">
        <v>27</v>
      </c>
      <c r="JN21" s="71">
        <v>25</v>
      </c>
      <c r="JO21" s="71">
        <v>18</v>
      </c>
      <c r="JP21" s="72">
        <v>135</v>
      </c>
      <c r="JQ21" s="73">
        <v>169</v>
      </c>
      <c r="JR21" s="70">
        <v>0</v>
      </c>
      <c r="JS21" s="71">
        <v>0</v>
      </c>
      <c r="JT21" s="72">
        <v>0</v>
      </c>
      <c r="JU21" s="244"/>
      <c r="JV21" s="71">
        <v>0</v>
      </c>
      <c r="JW21" s="71">
        <v>0</v>
      </c>
      <c r="JX21" s="71">
        <v>0</v>
      </c>
      <c r="JY21" s="71">
        <v>0</v>
      </c>
      <c r="JZ21" s="71">
        <v>0</v>
      </c>
      <c r="KA21" s="72">
        <v>0</v>
      </c>
      <c r="KB21" s="73">
        <v>0</v>
      </c>
      <c r="KC21" s="70">
        <v>83</v>
      </c>
      <c r="KD21" s="71">
        <v>97</v>
      </c>
      <c r="KE21" s="72">
        <v>180</v>
      </c>
      <c r="KF21" s="244"/>
      <c r="KG21" s="71">
        <v>157</v>
      </c>
      <c r="KH21" s="71">
        <v>141</v>
      </c>
      <c r="KI21" s="71">
        <v>86</v>
      </c>
      <c r="KJ21" s="71">
        <v>81</v>
      </c>
      <c r="KK21" s="71">
        <v>53</v>
      </c>
      <c r="KL21" s="72">
        <v>518</v>
      </c>
      <c r="KM21" s="73">
        <v>698</v>
      </c>
    </row>
    <row r="22" spans="2:299" ht="21" customHeight="1" x14ac:dyDescent="0.2">
      <c r="B22" s="126" t="s">
        <v>19</v>
      </c>
      <c r="C22" s="313">
        <v>29</v>
      </c>
      <c r="D22" s="82">
        <v>21</v>
      </c>
      <c r="E22" s="83">
        <v>50</v>
      </c>
      <c r="F22" s="241"/>
      <c r="G22" s="82">
        <v>53</v>
      </c>
      <c r="H22" s="82">
        <v>38</v>
      </c>
      <c r="I22" s="82">
        <v>21</v>
      </c>
      <c r="J22" s="82">
        <v>19</v>
      </c>
      <c r="K22" s="82">
        <v>13</v>
      </c>
      <c r="L22" s="84">
        <v>144</v>
      </c>
      <c r="M22" s="85">
        <v>194</v>
      </c>
      <c r="N22" s="86">
        <v>1</v>
      </c>
      <c r="O22" s="71">
        <v>0</v>
      </c>
      <c r="P22" s="72">
        <v>1</v>
      </c>
      <c r="Q22" s="244"/>
      <c r="R22" s="71">
        <v>2</v>
      </c>
      <c r="S22" s="71">
        <v>1</v>
      </c>
      <c r="T22" s="71">
        <v>0</v>
      </c>
      <c r="U22" s="71">
        <v>2</v>
      </c>
      <c r="V22" s="71">
        <v>0</v>
      </c>
      <c r="W22" s="72">
        <v>5</v>
      </c>
      <c r="X22" s="73">
        <v>6</v>
      </c>
      <c r="Y22" s="70">
        <v>2</v>
      </c>
      <c r="Z22" s="71">
        <v>0</v>
      </c>
      <c r="AA22" s="72">
        <v>2</v>
      </c>
      <c r="AB22" s="244"/>
      <c r="AC22" s="71">
        <v>8</v>
      </c>
      <c r="AD22" s="71">
        <v>3</v>
      </c>
      <c r="AE22" s="71">
        <v>2</v>
      </c>
      <c r="AF22" s="71">
        <v>2</v>
      </c>
      <c r="AG22" s="71">
        <v>1</v>
      </c>
      <c r="AH22" s="72">
        <v>16</v>
      </c>
      <c r="AI22" s="73">
        <v>18</v>
      </c>
      <c r="AJ22" s="86">
        <v>6</v>
      </c>
      <c r="AK22" s="71">
        <v>1</v>
      </c>
      <c r="AL22" s="72">
        <v>7</v>
      </c>
      <c r="AM22" s="244"/>
      <c r="AN22" s="71">
        <v>3</v>
      </c>
      <c r="AO22" s="71">
        <v>6</v>
      </c>
      <c r="AP22" s="71">
        <v>2</v>
      </c>
      <c r="AQ22" s="71">
        <v>6</v>
      </c>
      <c r="AR22" s="71">
        <v>1</v>
      </c>
      <c r="AS22" s="72">
        <v>18</v>
      </c>
      <c r="AT22" s="73">
        <v>25</v>
      </c>
      <c r="AU22" s="70">
        <v>3</v>
      </c>
      <c r="AV22" s="71">
        <v>5</v>
      </c>
      <c r="AW22" s="72">
        <v>8</v>
      </c>
      <c r="AX22" s="244"/>
      <c r="AY22" s="71">
        <v>9</v>
      </c>
      <c r="AZ22" s="71">
        <v>9</v>
      </c>
      <c r="BA22" s="71">
        <v>4</v>
      </c>
      <c r="BB22" s="71">
        <v>1</v>
      </c>
      <c r="BC22" s="71">
        <v>5</v>
      </c>
      <c r="BD22" s="72">
        <v>28</v>
      </c>
      <c r="BE22" s="73">
        <v>36</v>
      </c>
      <c r="BF22" s="86">
        <v>11</v>
      </c>
      <c r="BG22" s="71">
        <v>8</v>
      </c>
      <c r="BH22" s="72">
        <v>19</v>
      </c>
      <c r="BI22" s="244"/>
      <c r="BJ22" s="71">
        <v>10</v>
      </c>
      <c r="BK22" s="71">
        <v>9</v>
      </c>
      <c r="BL22" s="71">
        <v>5</v>
      </c>
      <c r="BM22" s="71">
        <v>3</v>
      </c>
      <c r="BN22" s="71">
        <v>4</v>
      </c>
      <c r="BO22" s="72">
        <v>31</v>
      </c>
      <c r="BP22" s="73">
        <v>50</v>
      </c>
      <c r="BQ22" s="70">
        <v>6</v>
      </c>
      <c r="BR22" s="71">
        <v>7</v>
      </c>
      <c r="BS22" s="72">
        <v>13</v>
      </c>
      <c r="BT22" s="244"/>
      <c r="BU22" s="71">
        <v>21</v>
      </c>
      <c r="BV22" s="71">
        <v>10</v>
      </c>
      <c r="BW22" s="71">
        <v>8</v>
      </c>
      <c r="BX22" s="71">
        <v>5</v>
      </c>
      <c r="BY22" s="71">
        <v>2</v>
      </c>
      <c r="BZ22" s="72">
        <v>46</v>
      </c>
      <c r="CA22" s="73">
        <v>59</v>
      </c>
      <c r="CB22" s="70">
        <v>0</v>
      </c>
      <c r="CC22" s="71">
        <v>0</v>
      </c>
      <c r="CD22" s="72">
        <v>0</v>
      </c>
      <c r="CE22" s="244"/>
      <c r="CF22" s="71">
        <v>0</v>
      </c>
      <c r="CG22" s="71">
        <v>0</v>
      </c>
      <c r="CH22" s="71">
        <v>0</v>
      </c>
      <c r="CI22" s="71">
        <v>0</v>
      </c>
      <c r="CJ22" s="71">
        <v>0</v>
      </c>
      <c r="CK22" s="72">
        <v>0</v>
      </c>
      <c r="CL22" s="73">
        <v>0</v>
      </c>
      <c r="CM22" s="70">
        <v>29</v>
      </c>
      <c r="CN22" s="71">
        <v>21</v>
      </c>
      <c r="CO22" s="72">
        <v>50</v>
      </c>
      <c r="CP22" s="244"/>
      <c r="CQ22" s="71">
        <v>53</v>
      </c>
      <c r="CR22" s="71">
        <v>38</v>
      </c>
      <c r="CS22" s="71">
        <v>21</v>
      </c>
      <c r="CT22" s="71">
        <v>19</v>
      </c>
      <c r="CU22" s="71">
        <v>13</v>
      </c>
      <c r="CV22" s="72">
        <v>144</v>
      </c>
      <c r="CW22" s="73">
        <v>194</v>
      </c>
      <c r="CX22" s="123">
        <v>9</v>
      </c>
      <c r="CY22" s="82">
        <v>7</v>
      </c>
      <c r="CZ22" s="83">
        <v>16</v>
      </c>
      <c r="DA22" s="241"/>
      <c r="DB22" s="82">
        <v>14</v>
      </c>
      <c r="DC22" s="82">
        <v>17</v>
      </c>
      <c r="DD22" s="82">
        <v>8</v>
      </c>
      <c r="DE22" s="82">
        <v>7</v>
      </c>
      <c r="DF22" s="82">
        <v>7</v>
      </c>
      <c r="DG22" s="84">
        <v>53</v>
      </c>
      <c r="DH22" s="85">
        <v>69</v>
      </c>
      <c r="DI22" s="86">
        <v>0</v>
      </c>
      <c r="DJ22" s="71">
        <v>0</v>
      </c>
      <c r="DK22" s="72">
        <v>0</v>
      </c>
      <c r="DL22" s="244"/>
      <c r="DM22" s="71">
        <v>0</v>
      </c>
      <c r="DN22" s="71">
        <v>1</v>
      </c>
      <c r="DO22" s="71">
        <v>1</v>
      </c>
      <c r="DP22" s="71">
        <v>0</v>
      </c>
      <c r="DQ22" s="71">
        <v>1</v>
      </c>
      <c r="DR22" s="72">
        <v>3</v>
      </c>
      <c r="DS22" s="73">
        <v>3</v>
      </c>
      <c r="DT22" s="70">
        <v>1</v>
      </c>
      <c r="DU22" s="71">
        <v>1</v>
      </c>
      <c r="DV22" s="72">
        <v>2</v>
      </c>
      <c r="DW22" s="244"/>
      <c r="DX22" s="71">
        <v>1</v>
      </c>
      <c r="DY22" s="71">
        <v>2</v>
      </c>
      <c r="DZ22" s="71">
        <v>0</v>
      </c>
      <c r="EA22" s="71">
        <v>0</v>
      </c>
      <c r="EB22" s="71">
        <v>0</v>
      </c>
      <c r="EC22" s="72">
        <v>3</v>
      </c>
      <c r="ED22" s="73">
        <v>5</v>
      </c>
      <c r="EE22" s="86">
        <v>2</v>
      </c>
      <c r="EF22" s="71">
        <v>0</v>
      </c>
      <c r="EG22" s="72">
        <v>2</v>
      </c>
      <c r="EH22" s="244"/>
      <c r="EI22" s="71">
        <v>0</v>
      </c>
      <c r="EJ22" s="71">
        <v>1</v>
      </c>
      <c r="EK22" s="71">
        <v>1</v>
      </c>
      <c r="EL22" s="71">
        <v>1</v>
      </c>
      <c r="EM22" s="71">
        <v>0</v>
      </c>
      <c r="EN22" s="72">
        <v>3</v>
      </c>
      <c r="EO22" s="73">
        <v>5</v>
      </c>
      <c r="EP22" s="70">
        <v>4</v>
      </c>
      <c r="EQ22" s="71">
        <v>1</v>
      </c>
      <c r="ER22" s="72">
        <v>5</v>
      </c>
      <c r="ES22" s="244"/>
      <c r="ET22" s="71">
        <v>4</v>
      </c>
      <c r="EU22" s="71">
        <v>4</v>
      </c>
      <c r="EV22" s="71">
        <v>3</v>
      </c>
      <c r="EW22" s="71">
        <v>1</v>
      </c>
      <c r="EX22" s="71">
        <v>1</v>
      </c>
      <c r="EY22" s="72">
        <v>13</v>
      </c>
      <c r="EZ22" s="73">
        <v>18</v>
      </c>
      <c r="FA22" s="86">
        <v>0</v>
      </c>
      <c r="FB22" s="71">
        <v>2</v>
      </c>
      <c r="FC22" s="72">
        <v>2</v>
      </c>
      <c r="FD22" s="244"/>
      <c r="FE22" s="71">
        <v>1</v>
      </c>
      <c r="FF22" s="71">
        <v>2</v>
      </c>
      <c r="FG22" s="71">
        <v>1</v>
      </c>
      <c r="FH22" s="71">
        <v>2</v>
      </c>
      <c r="FI22" s="71">
        <v>2</v>
      </c>
      <c r="FJ22" s="72">
        <v>8</v>
      </c>
      <c r="FK22" s="73">
        <v>10</v>
      </c>
      <c r="FL22" s="70">
        <v>2</v>
      </c>
      <c r="FM22" s="71">
        <v>3</v>
      </c>
      <c r="FN22" s="72">
        <v>5</v>
      </c>
      <c r="FO22" s="244"/>
      <c r="FP22" s="71">
        <v>8</v>
      </c>
      <c r="FQ22" s="71">
        <v>7</v>
      </c>
      <c r="FR22" s="71">
        <v>2</v>
      </c>
      <c r="FS22" s="71">
        <v>3</v>
      </c>
      <c r="FT22" s="71">
        <v>3</v>
      </c>
      <c r="FU22" s="72">
        <v>23</v>
      </c>
      <c r="FV22" s="73">
        <v>28</v>
      </c>
      <c r="FW22" s="70">
        <v>0</v>
      </c>
      <c r="FX22" s="71">
        <v>0</v>
      </c>
      <c r="FY22" s="72">
        <v>0</v>
      </c>
      <c r="FZ22" s="244"/>
      <c r="GA22" s="71">
        <v>0</v>
      </c>
      <c r="GB22" s="71">
        <v>0</v>
      </c>
      <c r="GC22" s="71">
        <v>0</v>
      </c>
      <c r="GD22" s="71">
        <v>0</v>
      </c>
      <c r="GE22" s="71">
        <v>0</v>
      </c>
      <c r="GF22" s="72">
        <v>0</v>
      </c>
      <c r="GG22" s="73">
        <v>0</v>
      </c>
      <c r="GH22" s="70">
        <v>9</v>
      </c>
      <c r="GI22" s="71">
        <v>7</v>
      </c>
      <c r="GJ22" s="72">
        <v>16</v>
      </c>
      <c r="GK22" s="244"/>
      <c r="GL22" s="71">
        <v>14</v>
      </c>
      <c r="GM22" s="71">
        <v>17</v>
      </c>
      <c r="GN22" s="71">
        <v>8</v>
      </c>
      <c r="GO22" s="71">
        <v>7</v>
      </c>
      <c r="GP22" s="71">
        <v>7</v>
      </c>
      <c r="GQ22" s="72">
        <v>53</v>
      </c>
      <c r="GR22" s="73">
        <v>69</v>
      </c>
      <c r="GS22" s="123">
        <v>38</v>
      </c>
      <c r="GT22" s="82">
        <v>28</v>
      </c>
      <c r="GU22" s="83">
        <v>66</v>
      </c>
      <c r="GV22" s="241"/>
      <c r="GW22" s="82">
        <v>67</v>
      </c>
      <c r="GX22" s="82">
        <v>55</v>
      </c>
      <c r="GY22" s="82">
        <v>29</v>
      </c>
      <c r="GZ22" s="82">
        <v>26</v>
      </c>
      <c r="HA22" s="82">
        <v>20</v>
      </c>
      <c r="HB22" s="84">
        <v>197</v>
      </c>
      <c r="HC22" s="85">
        <v>263</v>
      </c>
      <c r="HD22" s="86">
        <v>1</v>
      </c>
      <c r="HE22" s="71">
        <v>0</v>
      </c>
      <c r="HF22" s="72">
        <v>1</v>
      </c>
      <c r="HG22" s="244"/>
      <c r="HH22" s="71">
        <v>2</v>
      </c>
      <c r="HI22" s="71">
        <v>2</v>
      </c>
      <c r="HJ22" s="71">
        <v>1</v>
      </c>
      <c r="HK22" s="71">
        <v>2</v>
      </c>
      <c r="HL22" s="71">
        <v>1</v>
      </c>
      <c r="HM22" s="72">
        <v>8</v>
      </c>
      <c r="HN22" s="73">
        <v>9</v>
      </c>
      <c r="HO22" s="70">
        <v>3</v>
      </c>
      <c r="HP22" s="71">
        <v>1</v>
      </c>
      <c r="HQ22" s="72">
        <v>4</v>
      </c>
      <c r="HR22" s="244"/>
      <c r="HS22" s="71">
        <v>9</v>
      </c>
      <c r="HT22" s="71">
        <v>5</v>
      </c>
      <c r="HU22" s="71">
        <v>2</v>
      </c>
      <c r="HV22" s="71">
        <v>2</v>
      </c>
      <c r="HW22" s="71">
        <v>1</v>
      </c>
      <c r="HX22" s="72">
        <v>19</v>
      </c>
      <c r="HY22" s="73">
        <v>23</v>
      </c>
      <c r="HZ22" s="86">
        <v>8</v>
      </c>
      <c r="IA22" s="71">
        <v>1</v>
      </c>
      <c r="IB22" s="72">
        <v>9</v>
      </c>
      <c r="IC22" s="244"/>
      <c r="ID22" s="71">
        <v>3</v>
      </c>
      <c r="IE22" s="71">
        <v>7</v>
      </c>
      <c r="IF22" s="71">
        <v>3</v>
      </c>
      <c r="IG22" s="71">
        <v>7</v>
      </c>
      <c r="IH22" s="71">
        <v>1</v>
      </c>
      <c r="II22" s="72">
        <v>21</v>
      </c>
      <c r="IJ22" s="73">
        <v>30</v>
      </c>
      <c r="IK22" s="70">
        <v>7</v>
      </c>
      <c r="IL22" s="71">
        <v>6</v>
      </c>
      <c r="IM22" s="72">
        <v>13</v>
      </c>
      <c r="IN22" s="244"/>
      <c r="IO22" s="71">
        <v>13</v>
      </c>
      <c r="IP22" s="71">
        <v>13</v>
      </c>
      <c r="IQ22" s="71">
        <v>7</v>
      </c>
      <c r="IR22" s="71">
        <v>2</v>
      </c>
      <c r="IS22" s="71">
        <v>6</v>
      </c>
      <c r="IT22" s="72">
        <v>41</v>
      </c>
      <c r="IU22" s="73">
        <v>54</v>
      </c>
      <c r="IV22" s="86">
        <v>11</v>
      </c>
      <c r="IW22" s="71">
        <v>10</v>
      </c>
      <c r="IX22" s="72">
        <v>21</v>
      </c>
      <c r="IY22" s="244"/>
      <c r="IZ22" s="71">
        <v>11</v>
      </c>
      <c r="JA22" s="71">
        <v>11</v>
      </c>
      <c r="JB22" s="71">
        <v>6</v>
      </c>
      <c r="JC22" s="71">
        <v>5</v>
      </c>
      <c r="JD22" s="71">
        <v>6</v>
      </c>
      <c r="JE22" s="72">
        <v>39</v>
      </c>
      <c r="JF22" s="73">
        <v>60</v>
      </c>
      <c r="JG22" s="70">
        <v>8</v>
      </c>
      <c r="JH22" s="71">
        <v>10</v>
      </c>
      <c r="JI22" s="72">
        <v>18</v>
      </c>
      <c r="JJ22" s="244"/>
      <c r="JK22" s="71">
        <v>29</v>
      </c>
      <c r="JL22" s="71">
        <v>17</v>
      </c>
      <c r="JM22" s="71">
        <v>10</v>
      </c>
      <c r="JN22" s="71">
        <v>8</v>
      </c>
      <c r="JO22" s="71">
        <v>5</v>
      </c>
      <c r="JP22" s="72">
        <v>69</v>
      </c>
      <c r="JQ22" s="73">
        <v>87</v>
      </c>
      <c r="JR22" s="70">
        <v>0</v>
      </c>
      <c r="JS22" s="71">
        <v>0</v>
      </c>
      <c r="JT22" s="72">
        <v>0</v>
      </c>
      <c r="JU22" s="244"/>
      <c r="JV22" s="71">
        <v>0</v>
      </c>
      <c r="JW22" s="71">
        <v>0</v>
      </c>
      <c r="JX22" s="71">
        <v>0</v>
      </c>
      <c r="JY22" s="71">
        <v>0</v>
      </c>
      <c r="JZ22" s="71">
        <v>0</v>
      </c>
      <c r="KA22" s="72">
        <v>0</v>
      </c>
      <c r="KB22" s="73">
        <v>0</v>
      </c>
      <c r="KC22" s="70">
        <v>38</v>
      </c>
      <c r="KD22" s="71">
        <v>28</v>
      </c>
      <c r="KE22" s="72">
        <v>66</v>
      </c>
      <c r="KF22" s="244"/>
      <c r="KG22" s="71">
        <v>67</v>
      </c>
      <c r="KH22" s="71">
        <v>55</v>
      </c>
      <c r="KI22" s="71">
        <v>29</v>
      </c>
      <c r="KJ22" s="71">
        <v>26</v>
      </c>
      <c r="KK22" s="71">
        <v>20</v>
      </c>
      <c r="KL22" s="72">
        <v>197</v>
      </c>
      <c r="KM22" s="73">
        <v>263</v>
      </c>
    </row>
    <row r="23" spans="2:299" ht="21" customHeight="1" x14ac:dyDescent="0.2">
      <c r="B23" s="126" t="s">
        <v>20</v>
      </c>
      <c r="C23" s="313">
        <v>34</v>
      </c>
      <c r="D23" s="82">
        <v>58</v>
      </c>
      <c r="E23" s="83">
        <v>92</v>
      </c>
      <c r="F23" s="241"/>
      <c r="G23" s="82">
        <v>55</v>
      </c>
      <c r="H23" s="82">
        <v>52</v>
      </c>
      <c r="I23" s="82">
        <v>28</v>
      </c>
      <c r="J23" s="82">
        <v>28</v>
      </c>
      <c r="K23" s="82">
        <v>18</v>
      </c>
      <c r="L23" s="84">
        <v>181</v>
      </c>
      <c r="M23" s="85">
        <v>273</v>
      </c>
      <c r="N23" s="70">
        <v>1</v>
      </c>
      <c r="O23" s="71">
        <v>2</v>
      </c>
      <c r="P23" s="72">
        <v>3</v>
      </c>
      <c r="Q23" s="244"/>
      <c r="R23" s="71">
        <v>2</v>
      </c>
      <c r="S23" s="71">
        <v>0</v>
      </c>
      <c r="T23" s="71">
        <v>1</v>
      </c>
      <c r="U23" s="71">
        <v>1</v>
      </c>
      <c r="V23" s="71">
        <v>1</v>
      </c>
      <c r="W23" s="72">
        <v>5</v>
      </c>
      <c r="X23" s="73">
        <v>8</v>
      </c>
      <c r="Y23" s="70">
        <v>3</v>
      </c>
      <c r="Z23" s="71">
        <v>4</v>
      </c>
      <c r="AA23" s="72">
        <v>7</v>
      </c>
      <c r="AB23" s="244"/>
      <c r="AC23" s="71">
        <v>7</v>
      </c>
      <c r="AD23" s="71">
        <v>9</v>
      </c>
      <c r="AE23" s="71">
        <v>5</v>
      </c>
      <c r="AF23" s="71">
        <v>2</v>
      </c>
      <c r="AG23" s="71">
        <v>1</v>
      </c>
      <c r="AH23" s="72">
        <v>24</v>
      </c>
      <c r="AI23" s="73">
        <v>31</v>
      </c>
      <c r="AJ23" s="70">
        <v>6</v>
      </c>
      <c r="AK23" s="71">
        <v>9</v>
      </c>
      <c r="AL23" s="72">
        <v>15</v>
      </c>
      <c r="AM23" s="244"/>
      <c r="AN23" s="71">
        <v>6</v>
      </c>
      <c r="AO23" s="71">
        <v>4</v>
      </c>
      <c r="AP23" s="71">
        <v>3</v>
      </c>
      <c r="AQ23" s="71">
        <v>4</v>
      </c>
      <c r="AR23" s="71">
        <v>4</v>
      </c>
      <c r="AS23" s="72">
        <v>21</v>
      </c>
      <c r="AT23" s="73">
        <v>36</v>
      </c>
      <c r="AU23" s="70">
        <v>12</v>
      </c>
      <c r="AV23" s="71">
        <v>16</v>
      </c>
      <c r="AW23" s="72">
        <v>28</v>
      </c>
      <c r="AX23" s="244"/>
      <c r="AY23" s="71">
        <v>17</v>
      </c>
      <c r="AZ23" s="71">
        <v>18</v>
      </c>
      <c r="BA23" s="71">
        <v>8</v>
      </c>
      <c r="BB23" s="71">
        <v>8</v>
      </c>
      <c r="BC23" s="71">
        <v>5</v>
      </c>
      <c r="BD23" s="72">
        <v>56</v>
      </c>
      <c r="BE23" s="73">
        <v>84</v>
      </c>
      <c r="BF23" s="70">
        <v>6</v>
      </c>
      <c r="BG23" s="71">
        <v>18</v>
      </c>
      <c r="BH23" s="72">
        <v>24</v>
      </c>
      <c r="BI23" s="244"/>
      <c r="BJ23" s="71">
        <v>13</v>
      </c>
      <c r="BK23" s="71">
        <v>12</v>
      </c>
      <c r="BL23" s="71">
        <v>6</v>
      </c>
      <c r="BM23" s="71">
        <v>6</v>
      </c>
      <c r="BN23" s="71">
        <v>5</v>
      </c>
      <c r="BO23" s="72">
        <v>42</v>
      </c>
      <c r="BP23" s="73">
        <v>66</v>
      </c>
      <c r="BQ23" s="70">
        <v>6</v>
      </c>
      <c r="BR23" s="71">
        <v>9</v>
      </c>
      <c r="BS23" s="72">
        <v>15</v>
      </c>
      <c r="BT23" s="244"/>
      <c r="BU23" s="71">
        <v>10</v>
      </c>
      <c r="BV23" s="71">
        <v>9</v>
      </c>
      <c r="BW23" s="71">
        <v>5</v>
      </c>
      <c r="BX23" s="71">
        <v>7</v>
      </c>
      <c r="BY23" s="71">
        <v>2</v>
      </c>
      <c r="BZ23" s="72">
        <v>33</v>
      </c>
      <c r="CA23" s="73">
        <v>48</v>
      </c>
      <c r="CB23" s="70">
        <v>0</v>
      </c>
      <c r="CC23" s="71">
        <v>0</v>
      </c>
      <c r="CD23" s="72">
        <v>0</v>
      </c>
      <c r="CE23" s="244"/>
      <c r="CF23" s="71">
        <v>0</v>
      </c>
      <c r="CG23" s="71">
        <v>0</v>
      </c>
      <c r="CH23" s="71">
        <v>0</v>
      </c>
      <c r="CI23" s="71">
        <v>0</v>
      </c>
      <c r="CJ23" s="71">
        <v>0</v>
      </c>
      <c r="CK23" s="72">
        <v>0</v>
      </c>
      <c r="CL23" s="73">
        <v>0</v>
      </c>
      <c r="CM23" s="70">
        <v>34</v>
      </c>
      <c r="CN23" s="71">
        <v>58</v>
      </c>
      <c r="CO23" s="72">
        <v>92</v>
      </c>
      <c r="CP23" s="244"/>
      <c r="CQ23" s="71">
        <v>55</v>
      </c>
      <c r="CR23" s="71">
        <v>52</v>
      </c>
      <c r="CS23" s="71">
        <v>28</v>
      </c>
      <c r="CT23" s="71">
        <v>28</v>
      </c>
      <c r="CU23" s="71">
        <v>18</v>
      </c>
      <c r="CV23" s="72">
        <v>181</v>
      </c>
      <c r="CW23" s="73">
        <v>273</v>
      </c>
      <c r="CX23" s="123">
        <v>12</v>
      </c>
      <c r="CY23" s="82">
        <v>19</v>
      </c>
      <c r="CZ23" s="83">
        <v>31</v>
      </c>
      <c r="DA23" s="241"/>
      <c r="DB23" s="82">
        <v>19</v>
      </c>
      <c r="DC23" s="82">
        <v>24</v>
      </c>
      <c r="DD23" s="82">
        <v>11</v>
      </c>
      <c r="DE23" s="82">
        <v>12</v>
      </c>
      <c r="DF23" s="82">
        <v>6</v>
      </c>
      <c r="DG23" s="84">
        <v>72</v>
      </c>
      <c r="DH23" s="85">
        <v>103</v>
      </c>
      <c r="DI23" s="70">
        <v>1</v>
      </c>
      <c r="DJ23" s="71">
        <v>0</v>
      </c>
      <c r="DK23" s="72">
        <v>1</v>
      </c>
      <c r="DL23" s="244"/>
      <c r="DM23" s="71">
        <v>0</v>
      </c>
      <c r="DN23" s="71">
        <v>1</v>
      </c>
      <c r="DO23" s="71">
        <v>0</v>
      </c>
      <c r="DP23" s="71">
        <v>0</v>
      </c>
      <c r="DQ23" s="71">
        <v>0</v>
      </c>
      <c r="DR23" s="72">
        <v>1</v>
      </c>
      <c r="DS23" s="73">
        <v>2</v>
      </c>
      <c r="DT23" s="70">
        <v>1</v>
      </c>
      <c r="DU23" s="71">
        <v>1</v>
      </c>
      <c r="DV23" s="72">
        <v>2</v>
      </c>
      <c r="DW23" s="244"/>
      <c r="DX23" s="71">
        <v>0</v>
      </c>
      <c r="DY23" s="71">
        <v>1</v>
      </c>
      <c r="DZ23" s="71">
        <v>0</v>
      </c>
      <c r="EA23" s="71">
        <v>0</v>
      </c>
      <c r="EB23" s="71">
        <v>1</v>
      </c>
      <c r="EC23" s="72">
        <v>2</v>
      </c>
      <c r="ED23" s="73">
        <v>4</v>
      </c>
      <c r="EE23" s="70">
        <v>2</v>
      </c>
      <c r="EF23" s="71">
        <v>2</v>
      </c>
      <c r="EG23" s="72">
        <v>4</v>
      </c>
      <c r="EH23" s="244"/>
      <c r="EI23" s="71">
        <v>1</v>
      </c>
      <c r="EJ23" s="71">
        <v>2</v>
      </c>
      <c r="EK23" s="71">
        <v>3</v>
      </c>
      <c r="EL23" s="71">
        <v>0</v>
      </c>
      <c r="EM23" s="71">
        <v>2</v>
      </c>
      <c r="EN23" s="72">
        <v>8</v>
      </c>
      <c r="EO23" s="73">
        <v>12</v>
      </c>
      <c r="EP23" s="70">
        <v>4</v>
      </c>
      <c r="EQ23" s="71">
        <v>6</v>
      </c>
      <c r="ER23" s="72">
        <v>10</v>
      </c>
      <c r="ES23" s="244"/>
      <c r="ET23" s="71">
        <v>4</v>
      </c>
      <c r="EU23" s="71">
        <v>5</v>
      </c>
      <c r="EV23" s="71">
        <v>1</v>
      </c>
      <c r="EW23" s="71">
        <v>2</v>
      </c>
      <c r="EX23" s="71">
        <v>0</v>
      </c>
      <c r="EY23" s="72">
        <v>12</v>
      </c>
      <c r="EZ23" s="73">
        <v>22</v>
      </c>
      <c r="FA23" s="70">
        <v>3</v>
      </c>
      <c r="FB23" s="71">
        <v>2</v>
      </c>
      <c r="FC23" s="72">
        <v>5</v>
      </c>
      <c r="FD23" s="244"/>
      <c r="FE23" s="71">
        <v>9</v>
      </c>
      <c r="FF23" s="71">
        <v>8</v>
      </c>
      <c r="FG23" s="71">
        <v>2</v>
      </c>
      <c r="FH23" s="71">
        <v>2</v>
      </c>
      <c r="FI23" s="71">
        <v>1</v>
      </c>
      <c r="FJ23" s="72">
        <v>22</v>
      </c>
      <c r="FK23" s="73">
        <v>27</v>
      </c>
      <c r="FL23" s="70">
        <v>1</v>
      </c>
      <c r="FM23" s="71">
        <v>8</v>
      </c>
      <c r="FN23" s="72">
        <v>9</v>
      </c>
      <c r="FO23" s="244"/>
      <c r="FP23" s="71">
        <v>5</v>
      </c>
      <c r="FQ23" s="71">
        <v>7</v>
      </c>
      <c r="FR23" s="71">
        <v>5</v>
      </c>
      <c r="FS23" s="71">
        <v>8</v>
      </c>
      <c r="FT23" s="71">
        <v>2</v>
      </c>
      <c r="FU23" s="72">
        <v>27</v>
      </c>
      <c r="FV23" s="73">
        <v>36</v>
      </c>
      <c r="FW23" s="70">
        <v>0</v>
      </c>
      <c r="FX23" s="71">
        <v>0</v>
      </c>
      <c r="FY23" s="72">
        <v>0</v>
      </c>
      <c r="FZ23" s="244"/>
      <c r="GA23" s="71">
        <v>0</v>
      </c>
      <c r="GB23" s="71">
        <v>0</v>
      </c>
      <c r="GC23" s="71">
        <v>0</v>
      </c>
      <c r="GD23" s="71">
        <v>0</v>
      </c>
      <c r="GE23" s="71">
        <v>0</v>
      </c>
      <c r="GF23" s="72">
        <v>0</v>
      </c>
      <c r="GG23" s="73">
        <v>0</v>
      </c>
      <c r="GH23" s="70">
        <v>12</v>
      </c>
      <c r="GI23" s="71">
        <v>19</v>
      </c>
      <c r="GJ23" s="72">
        <v>31</v>
      </c>
      <c r="GK23" s="244"/>
      <c r="GL23" s="71">
        <v>19</v>
      </c>
      <c r="GM23" s="71">
        <v>24</v>
      </c>
      <c r="GN23" s="71">
        <v>11</v>
      </c>
      <c r="GO23" s="71">
        <v>12</v>
      </c>
      <c r="GP23" s="71">
        <v>6</v>
      </c>
      <c r="GQ23" s="72">
        <v>72</v>
      </c>
      <c r="GR23" s="73">
        <v>103</v>
      </c>
      <c r="GS23" s="123">
        <v>46</v>
      </c>
      <c r="GT23" s="82">
        <v>77</v>
      </c>
      <c r="GU23" s="83">
        <v>123</v>
      </c>
      <c r="GV23" s="241"/>
      <c r="GW23" s="82">
        <v>74</v>
      </c>
      <c r="GX23" s="82">
        <v>76</v>
      </c>
      <c r="GY23" s="82">
        <v>39</v>
      </c>
      <c r="GZ23" s="82">
        <v>40</v>
      </c>
      <c r="HA23" s="82">
        <v>24</v>
      </c>
      <c r="HB23" s="84">
        <v>253</v>
      </c>
      <c r="HC23" s="85">
        <v>376</v>
      </c>
      <c r="HD23" s="70">
        <v>2</v>
      </c>
      <c r="HE23" s="71">
        <v>2</v>
      </c>
      <c r="HF23" s="72">
        <v>4</v>
      </c>
      <c r="HG23" s="244"/>
      <c r="HH23" s="71">
        <v>2</v>
      </c>
      <c r="HI23" s="71">
        <v>1</v>
      </c>
      <c r="HJ23" s="71">
        <v>1</v>
      </c>
      <c r="HK23" s="71">
        <v>1</v>
      </c>
      <c r="HL23" s="71">
        <v>1</v>
      </c>
      <c r="HM23" s="72">
        <v>6</v>
      </c>
      <c r="HN23" s="73">
        <v>10</v>
      </c>
      <c r="HO23" s="70">
        <v>4</v>
      </c>
      <c r="HP23" s="71">
        <v>5</v>
      </c>
      <c r="HQ23" s="72">
        <v>9</v>
      </c>
      <c r="HR23" s="244"/>
      <c r="HS23" s="71">
        <v>7</v>
      </c>
      <c r="HT23" s="71">
        <v>10</v>
      </c>
      <c r="HU23" s="71">
        <v>5</v>
      </c>
      <c r="HV23" s="71">
        <v>2</v>
      </c>
      <c r="HW23" s="71">
        <v>2</v>
      </c>
      <c r="HX23" s="72">
        <v>26</v>
      </c>
      <c r="HY23" s="73">
        <v>35</v>
      </c>
      <c r="HZ23" s="70">
        <v>8</v>
      </c>
      <c r="IA23" s="71">
        <v>11</v>
      </c>
      <c r="IB23" s="72">
        <v>19</v>
      </c>
      <c r="IC23" s="244"/>
      <c r="ID23" s="71">
        <v>7</v>
      </c>
      <c r="IE23" s="71">
        <v>6</v>
      </c>
      <c r="IF23" s="71">
        <v>6</v>
      </c>
      <c r="IG23" s="71">
        <v>4</v>
      </c>
      <c r="IH23" s="71">
        <v>6</v>
      </c>
      <c r="II23" s="72">
        <v>29</v>
      </c>
      <c r="IJ23" s="73">
        <v>48</v>
      </c>
      <c r="IK23" s="70">
        <v>16</v>
      </c>
      <c r="IL23" s="71">
        <v>22</v>
      </c>
      <c r="IM23" s="72">
        <v>38</v>
      </c>
      <c r="IN23" s="244"/>
      <c r="IO23" s="71">
        <v>21</v>
      </c>
      <c r="IP23" s="71">
        <v>23</v>
      </c>
      <c r="IQ23" s="71">
        <v>9</v>
      </c>
      <c r="IR23" s="71">
        <v>10</v>
      </c>
      <c r="IS23" s="71">
        <v>5</v>
      </c>
      <c r="IT23" s="72">
        <v>68</v>
      </c>
      <c r="IU23" s="73">
        <v>106</v>
      </c>
      <c r="IV23" s="70">
        <v>9</v>
      </c>
      <c r="IW23" s="71">
        <v>20</v>
      </c>
      <c r="IX23" s="72">
        <v>29</v>
      </c>
      <c r="IY23" s="244"/>
      <c r="IZ23" s="71">
        <v>22</v>
      </c>
      <c r="JA23" s="71">
        <v>20</v>
      </c>
      <c r="JB23" s="71">
        <v>8</v>
      </c>
      <c r="JC23" s="71">
        <v>8</v>
      </c>
      <c r="JD23" s="71">
        <v>6</v>
      </c>
      <c r="JE23" s="72">
        <v>64</v>
      </c>
      <c r="JF23" s="73">
        <v>93</v>
      </c>
      <c r="JG23" s="70">
        <v>7</v>
      </c>
      <c r="JH23" s="71">
        <v>17</v>
      </c>
      <c r="JI23" s="72">
        <v>24</v>
      </c>
      <c r="JJ23" s="244"/>
      <c r="JK23" s="71">
        <v>15</v>
      </c>
      <c r="JL23" s="71">
        <v>16</v>
      </c>
      <c r="JM23" s="71">
        <v>10</v>
      </c>
      <c r="JN23" s="71">
        <v>15</v>
      </c>
      <c r="JO23" s="71">
        <v>4</v>
      </c>
      <c r="JP23" s="72">
        <v>60</v>
      </c>
      <c r="JQ23" s="73">
        <v>84</v>
      </c>
      <c r="JR23" s="70">
        <v>0</v>
      </c>
      <c r="JS23" s="71">
        <v>0</v>
      </c>
      <c r="JT23" s="72">
        <v>0</v>
      </c>
      <c r="JU23" s="244"/>
      <c r="JV23" s="71">
        <v>0</v>
      </c>
      <c r="JW23" s="71">
        <v>0</v>
      </c>
      <c r="JX23" s="71">
        <v>0</v>
      </c>
      <c r="JY23" s="71">
        <v>0</v>
      </c>
      <c r="JZ23" s="71">
        <v>0</v>
      </c>
      <c r="KA23" s="72">
        <v>0</v>
      </c>
      <c r="KB23" s="73">
        <v>0</v>
      </c>
      <c r="KC23" s="70">
        <v>46</v>
      </c>
      <c r="KD23" s="71">
        <v>77</v>
      </c>
      <c r="KE23" s="72">
        <v>123</v>
      </c>
      <c r="KF23" s="244"/>
      <c r="KG23" s="71">
        <v>74</v>
      </c>
      <c r="KH23" s="71">
        <v>76</v>
      </c>
      <c r="KI23" s="71">
        <v>39</v>
      </c>
      <c r="KJ23" s="71">
        <v>40</v>
      </c>
      <c r="KK23" s="71">
        <v>24</v>
      </c>
      <c r="KL23" s="72">
        <v>253</v>
      </c>
      <c r="KM23" s="73">
        <v>376</v>
      </c>
    </row>
    <row r="24" spans="2:299" ht="21" customHeight="1" x14ac:dyDescent="0.2">
      <c r="B24" s="126" t="s">
        <v>21</v>
      </c>
      <c r="C24" s="313">
        <v>29</v>
      </c>
      <c r="D24" s="82">
        <v>30</v>
      </c>
      <c r="E24" s="83">
        <v>59</v>
      </c>
      <c r="F24" s="241"/>
      <c r="G24" s="82">
        <v>53</v>
      </c>
      <c r="H24" s="82">
        <v>38</v>
      </c>
      <c r="I24" s="82">
        <v>25</v>
      </c>
      <c r="J24" s="82">
        <v>25</v>
      </c>
      <c r="K24" s="82">
        <v>16</v>
      </c>
      <c r="L24" s="84">
        <v>157</v>
      </c>
      <c r="M24" s="85">
        <v>216</v>
      </c>
      <c r="N24" s="70">
        <v>0</v>
      </c>
      <c r="O24" s="71">
        <v>2</v>
      </c>
      <c r="P24" s="72">
        <v>2</v>
      </c>
      <c r="Q24" s="244"/>
      <c r="R24" s="71">
        <v>3</v>
      </c>
      <c r="S24" s="71">
        <v>0</v>
      </c>
      <c r="T24" s="71">
        <v>0</v>
      </c>
      <c r="U24" s="71">
        <v>2</v>
      </c>
      <c r="V24" s="71">
        <v>3</v>
      </c>
      <c r="W24" s="72">
        <v>8</v>
      </c>
      <c r="X24" s="73">
        <v>10</v>
      </c>
      <c r="Y24" s="70">
        <v>5</v>
      </c>
      <c r="Z24" s="71">
        <v>2</v>
      </c>
      <c r="AA24" s="72">
        <v>7</v>
      </c>
      <c r="AB24" s="244"/>
      <c r="AC24" s="71">
        <v>3</v>
      </c>
      <c r="AD24" s="71">
        <v>3</v>
      </c>
      <c r="AE24" s="71">
        <v>2</v>
      </c>
      <c r="AF24" s="71">
        <v>4</v>
      </c>
      <c r="AG24" s="71">
        <v>1</v>
      </c>
      <c r="AH24" s="72">
        <v>13</v>
      </c>
      <c r="AI24" s="73">
        <v>20</v>
      </c>
      <c r="AJ24" s="70">
        <v>2</v>
      </c>
      <c r="AK24" s="71">
        <v>5</v>
      </c>
      <c r="AL24" s="72">
        <v>7</v>
      </c>
      <c r="AM24" s="244"/>
      <c r="AN24" s="71">
        <v>10</v>
      </c>
      <c r="AO24" s="71">
        <v>5</v>
      </c>
      <c r="AP24" s="71">
        <v>3</v>
      </c>
      <c r="AQ24" s="71">
        <v>2</v>
      </c>
      <c r="AR24" s="71">
        <v>3</v>
      </c>
      <c r="AS24" s="72">
        <v>23</v>
      </c>
      <c r="AT24" s="73">
        <v>30</v>
      </c>
      <c r="AU24" s="70">
        <v>5</v>
      </c>
      <c r="AV24" s="71">
        <v>8</v>
      </c>
      <c r="AW24" s="72">
        <v>13</v>
      </c>
      <c r="AX24" s="244"/>
      <c r="AY24" s="71">
        <v>11</v>
      </c>
      <c r="AZ24" s="71">
        <v>9</v>
      </c>
      <c r="BA24" s="71">
        <v>3</v>
      </c>
      <c r="BB24" s="71">
        <v>9</v>
      </c>
      <c r="BC24" s="71">
        <v>2</v>
      </c>
      <c r="BD24" s="72">
        <v>34</v>
      </c>
      <c r="BE24" s="73">
        <v>47</v>
      </c>
      <c r="BF24" s="70">
        <v>12</v>
      </c>
      <c r="BG24" s="71">
        <v>6</v>
      </c>
      <c r="BH24" s="72">
        <v>18</v>
      </c>
      <c r="BI24" s="244"/>
      <c r="BJ24" s="71">
        <v>17</v>
      </c>
      <c r="BK24" s="71">
        <v>12</v>
      </c>
      <c r="BL24" s="71">
        <v>7</v>
      </c>
      <c r="BM24" s="71">
        <v>6</v>
      </c>
      <c r="BN24" s="71">
        <v>3</v>
      </c>
      <c r="BO24" s="72">
        <v>45</v>
      </c>
      <c r="BP24" s="73">
        <v>63</v>
      </c>
      <c r="BQ24" s="70">
        <v>5</v>
      </c>
      <c r="BR24" s="71">
        <v>7</v>
      </c>
      <c r="BS24" s="72">
        <v>12</v>
      </c>
      <c r="BT24" s="244"/>
      <c r="BU24" s="71">
        <v>9</v>
      </c>
      <c r="BV24" s="71">
        <v>9</v>
      </c>
      <c r="BW24" s="71">
        <v>10</v>
      </c>
      <c r="BX24" s="71">
        <v>2</v>
      </c>
      <c r="BY24" s="71">
        <v>4</v>
      </c>
      <c r="BZ24" s="72">
        <v>34</v>
      </c>
      <c r="CA24" s="73">
        <v>46</v>
      </c>
      <c r="CB24" s="70">
        <v>0</v>
      </c>
      <c r="CC24" s="71">
        <v>0</v>
      </c>
      <c r="CD24" s="72">
        <v>0</v>
      </c>
      <c r="CE24" s="244"/>
      <c r="CF24" s="71">
        <v>0</v>
      </c>
      <c r="CG24" s="71">
        <v>0</v>
      </c>
      <c r="CH24" s="71">
        <v>0</v>
      </c>
      <c r="CI24" s="71">
        <v>0</v>
      </c>
      <c r="CJ24" s="71">
        <v>0</v>
      </c>
      <c r="CK24" s="72">
        <v>0</v>
      </c>
      <c r="CL24" s="73">
        <v>0</v>
      </c>
      <c r="CM24" s="70">
        <v>29</v>
      </c>
      <c r="CN24" s="71">
        <v>30</v>
      </c>
      <c r="CO24" s="72">
        <v>59</v>
      </c>
      <c r="CP24" s="244"/>
      <c r="CQ24" s="71">
        <v>53</v>
      </c>
      <c r="CR24" s="71">
        <v>38</v>
      </c>
      <c r="CS24" s="71">
        <v>25</v>
      </c>
      <c r="CT24" s="71">
        <v>25</v>
      </c>
      <c r="CU24" s="71">
        <v>16</v>
      </c>
      <c r="CV24" s="72">
        <v>157</v>
      </c>
      <c r="CW24" s="73">
        <v>216</v>
      </c>
      <c r="CX24" s="123">
        <v>13</v>
      </c>
      <c r="CY24" s="82">
        <v>15</v>
      </c>
      <c r="CZ24" s="83">
        <v>28</v>
      </c>
      <c r="DA24" s="241"/>
      <c r="DB24" s="82">
        <v>16</v>
      </c>
      <c r="DC24" s="82">
        <v>18</v>
      </c>
      <c r="DD24" s="82">
        <v>8</v>
      </c>
      <c r="DE24" s="82">
        <v>9</v>
      </c>
      <c r="DF24" s="82">
        <v>6</v>
      </c>
      <c r="DG24" s="84">
        <v>57</v>
      </c>
      <c r="DH24" s="85">
        <v>85</v>
      </c>
      <c r="DI24" s="70">
        <v>0</v>
      </c>
      <c r="DJ24" s="71">
        <v>1</v>
      </c>
      <c r="DK24" s="72">
        <v>1</v>
      </c>
      <c r="DL24" s="244"/>
      <c r="DM24" s="71">
        <v>0</v>
      </c>
      <c r="DN24" s="71">
        <v>0</v>
      </c>
      <c r="DO24" s="71">
        <v>0</v>
      </c>
      <c r="DP24" s="71">
        <v>0</v>
      </c>
      <c r="DQ24" s="71">
        <v>0</v>
      </c>
      <c r="DR24" s="72">
        <v>0</v>
      </c>
      <c r="DS24" s="73">
        <v>1</v>
      </c>
      <c r="DT24" s="70">
        <v>2</v>
      </c>
      <c r="DU24" s="71">
        <v>0</v>
      </c>
      <c r="DV24" s="72">
        <v>2</v>
      </c>
      <c r="DW24" s="244"/>
      <c r="DX24" s="71">
        <v>2</v>
      </c>
      <c r="DY24" s="71">
        <v>4</v>
      </c>
      <c r="DZ24" s="71">
        <v>0</v>
      </c>
      <c r="EA24" s="71">
        <v>0</v>
      </c>
      <c r="EB24" s="71">
        <v>2</v>
      </c>
      <c r="EC24" s="72">
        <v>8</v>
      </c>
      <c r="ED24" s="73">
        <v>10</v>
      </c>
      <c r="EE24" s="70">
        <v>1</v>
      </c>
      <c r="EF24" s="71">
        <v>2</v>
      </c>
      <c r="EG24" s="72">
        <v>3</v>
      </c>
      <c r="EH24" s="244"/>
      <c r="EI24" s="71">
        <v>2</v>
      </c>
      <c r="EJ24" s="71">
        <v>2</v>
      </c>
      <c r="EK24" s="71">
        <v>1</v>
      </c>
      <c r="EL24" s="71">
        <v>0</v>
      </c>
      <c r="EM24" s="71">
        <v>0</v>
      </c>
      <c r="EN24" s="72">
        <v>5</v>
      </c>
      <c r="EO24" s="73">
        <v>8</v>
      </c>
      <c r="EP24" s="70">
        <v>7</v>
      </c>
      <c r="EQ24" s="71">
        <v>8</v>
      </c>
      <c r="ER24" s="72">
        <v>15</v>
      </c>
      <c r="ES24" s="244"/>
      <c r="ET24" s="71">
        <v>4</v>
      </c>
      <c r="EU24" s="71">
        <v>3</v>
      </c>
      <c r="EV24" s="71">
        <v>0</v>
      </c>
      <c r="EW24" s="71">
        <v>1</v>
      </c>
      <c r="EX24" s="71">
        <v>0</v>
      </c>
      <c r="EY24" s="72">
        <v>8</v>
      </c>
      <c r="EZ24" s="73">
        <v>23</v>
      </c>
      <c r="FA24" s="70">
        <v>0</v>
      </c>
      <c r="FB24" s="71">
        <v>4</v>
      </c>
      <c r="FC24" s="72">
        <v>4</v>
      </c>
      <c r="FD24" s="244"/>
      <c r="FE24" s="71">
        <v>2</v>
      </c>
      <c r="FF24" s="71">
        <v>3</v>
      </c>
      <c r="FG24" s="71">
        <v>3</v>
      </c>
      <c r="FH24" s="71">
        <v>2</v>
      </c>
      <c r="FI24" s="71">
        <v>1</v>
      </c>
      <c r="FJ24" s="72">
        <v>11</v>
      </c>
      <c r="FK24" s="73">
        <v>15</v>
      </c>
      <c r="FL24" s="70">
        <v>3</v>
      </c>
      <c r="FM24" s="71">
        <v>0</v>
      </c>
      <c r="FN24" s="72">
        <v>3</v>
      </c>
      <c r="FO24" s="244"/>
      <c r="FP24" s="71">
        <v>6</v>
      </c>
      <c r="FQ24" s="71">
        <v>6</v>
      </c>
      <c r="FR24" s="71">
        <v>4</v>
      </c>
      <c r="FS24" s="71">
        <v>6</v>
      </c>
      <c r="FT24" s="71">
        <v>3</v>
      </c>
      <c r="FU24" s="72">
        <v>25</v>
      </c>
      <c r="FV24" s="73">
        <v>28</v>
      </c>
      <c r="FW24" s="70">
        <v>0</v>
      </c>
      <c r="FX24" s="71">
        <v>0</v>
      </c>
      <c r="FY24" s="72">
        <v>0</v>
      </c>
      <c r="FZ24" s="244"/>
      <c r="GA24" s="71">
        <v>0</v>
      </c>
      <c r="GB24" s="71">
        <v>0</v>
      </c>
      <c r="GC24" s="71">
        <v>0</v>
      </c>
      <c r="GD24" s="71">
        <v>0</v>
      </c>
      <c r="GE24" s="71">
        <v>0</v>
      </c>
      <c r="GF24" s="72">
        <v>0</v>
      </c>
      <c r="GG24" s="73">
        <v>0</v>
      </c>
      <c r="GH24" s="70">
        <v>13</v>
      </c>
      <c r="GI24" s="71">
        <v>15</v>
      </c>
      <c r="GJ24" s="72">
        <v>28</v>
      </c>
      <c r="GK24" s="244"/>
      <c r="GL24" s="71">
        <v>16</v>
      </c>
      <c r="GM24" s="71">
        <v>18</v>
      </c>
      <c r="GN24" s="71">
        <v>8</v>
      </c>
      <c r="GO24" s="71">
        <v>9</v>
      </c>
      <c r="GP24" s="71">
        <v>6</v>
      </c>
      <c r="GQ24" s="72">
        <v>57</v>
      </c>
      <c r="GR24" s="73">
        <v>85</v>
      </c>
      <c r="GS24" s="123">
        <v>42</v>
      </c>
      <c r="GT24" s="82">
        <v>45</v>
      </c>
      <c r="GU24" s="83">
        <v>87</v>
      </c>
      <c r="GV24" s="241"/>
      <c r="GW24" s="82">
        <v>69</v>
      </c>
      <c r="GX24" s="82">
        <v>56</v>
      </c>
      <c r="GY24" s="82">
        <v>33</v>
      </c>
      <c r="GZ24" s="82">
        <v>34</v>
      </c>
      <c r="HA24" s="82">
        <v>22</v>
      </c>
      <c r="HB24" s="84">
        <v>214</v>
      </c>
      <c r="HC24" s="85">
        <v>301</v>
      </c>
      <c r="HD24" s="70">
        <v>0</v>
      </c>
      <c r="HE24" s="71">
        <v>3</v>
      </c>
      <c r="HF24" s="72">
        <v>3</v>
      </c>
      <c r="HG24" s="244"/>
      <c r="HH24" s="71">
        <v>3</v>
      </c>
      <c r="HI24" s="71">
        <v>0</v>
      </c>
      <c r="HJ24" s="71">
        <v>0</v>
      </c>
      <c r="HK24" s="71">
        <v>2</v>
      </c>
      <c r="HL24" s="71">
        <v>3</v>
      </c>
      <c r="HM24" s="72">
        <v>8</v>
      </c>
      <c r="HN24" s="73">
        <v>11</v>
      </c>
      <c r="HO24" s="70">
        <v>7</v>
      </c>
      <c r="HP24" s="71">
        <v>2</v>
      </c>
      <c r="HQ24" s="72">
        <v>9</v>
      </c>
      <c r="HR24" s="244"/>
      <c r="HS24" s="71">
        <v>5</v>
      </c>
      <c r="HT24" s="71">
        <v>7</v>
      </c>
      <c r="HU24" s="71">
        <v>2</v>
      </c>
      <c r="HV24" s="71">
        <v>4</v>
      </c>
      <c r="HW24" s="71">
        <v>3</v>
      </c>
      <c r="HX24" s="72">
        <v>21</v>
      </c>
      <c r="HY24" s="73">
        <v>30</v>
      </c>
      <c r="HZ24" s="70">
        <v>3</v>
      </c>
      <c r="IA24" s="71">
        <v>7</v>
      </c>
      <c r="IB24" s="72">
        <v>10</v>
      </c>
      <c r="IC24" s="244"/>
      <c r="ID24" s="71">
        <v>12</v>
      </c>
      <c r="IE24" s="71">
        <v>7</v>
      </c>
      <c r="IF24" s="71">
        <v>4</v>
      </c>
      <c r="IG24" s="71">
        <v>2</v>
      </c>
      <c r="IH24" s="71">
        <v>3</v>
      </c>
      <c r="II24" s="72">
        <v>28</v>
      </c>
      <c r="IJ24" s="73">
        <v>38</v>
      </c>
      <c r="IK24" s="70">
        <v>12</v>
      </c>
      <c r="IL24" s="71">
        <v>16</v>
      </c>
      <c r="IM24" s="72">
        <v>28</v>
      </c>
      <c r="IN24" s="244"/>
      <c r="IO24" s="71">
        <v>15</v>
      </c>
      <c r="IP24" s="71">
        <v>12</v>
      </c>
      <c r="IQ24" s="71">
        <v>3</v>
      </c>
      <c r="IR24" s="71">
        <v>10</v>
      </c>
      <c r="IS24" s="71">
        <v>2</v>
      </c>
      <c r="IT24" s="72">
        <v>42</v>
      </c>
      <c r="IU24" s="73">
        <v>70</v>
      </c>
      <c r="IV24" s="70">
        <v>12</v>
      </c>
      <c r="IW24" s="71">
        <v>10</v>
      </c>
      <c r="IX24" s="72">
        <v>22</v>
      </c>
      <c r="IY24" s="244"/>
      <c r="IZ24" s="71">
        <v>19</v>
      </c>
      <c r="JA24" s="71">
        <v>15</v>
      </c>
      <c r="JB24" s="71">
        <v>10</v>
      </c>
      <c r="JC24" s="71">
        <v>8</v>
      </c>
      <c r="JD24" s="71">
        <v>4</v>
      </c>
      <c r="JE24" s="72">
        <v>56</v>
      </c>
      <c r="JF24" s="73">
        <v>78</v>
      </c>
      <c r="JG24" s="70">
        <v>8</v>
      </c>
      <c r="JH24" s="71">
        <v>7</v>
      </c>
      <c r="JI24" s="72">
        <v>15</v>
      </c>
      <c r="JJ24" s="244"/>
      <c r="JK24" s="71">
        <v>15</v>
      </c>
      <c r="JL24" s="71">
        <v>15</v>
      </c>
      <c r="JM24" s="71">
        <v>14</v>
      </c>
      <c r="JN24" s="71">
        <v>8</v>
      </c>
      <c r="JO24" s="71">
        <v>7</v>
      </c>
      <c r="JP24" s="72">
        <v>59</v>
      </c>
      <c r="JQ24" s="73">
        <v>74</v>
      </c>
      <c r="JR24" s="70">
        <v>0</v>
      </c>
      <c r="JS24" s="71">
        <v>0</v>
      </c>
      <c r="JT24" s="72">
        <v>0</v>
      </c>
      <c r="JU24" s="244"/>
      <c r="JV24" s="71">
        <v>0</v>
      </c>
      <c r="JW24" s="71">
        <v>0</v>
      </c>
      <c r="JX24" s="71">
        <v>0</v>
      </c>
      <c r="JY24" s="71">
        <v>0</v>
      </c>
      <c r="JZ24" s="71">
        <v>0</v>
      </c>
      <c r="KA24" s="72">
        <v>0</v>
      </c>
      <c r="KB24" s="73">
        <v>0</v>
      </c>
      <c r="KC24" s="70">
        <v>42</v>
      </c>
      <c r="KD24" s="71">
        <v>45</v>
      </c>
      <c r="KE24" s="72">
        <v>87</v>
      </c>
      <c r="KF24" s="244"/>
      <c r="KG24" s="71">
        <v>69</v>
      </c>
      <c r="KH24" s="71">
        <v>56</v>
      </c>
      <c r="KI24" s="71">
        <v>33</v>
      </c>
      <c r="KJ24" s="71">
        <v>34</v>
      </c>
      <c r="KK24" s="71">
        <v>22</v>
      </c>
      <c r="KL24" s="72">
        <v>214</v>
      </c>
      <c r="KM24" s="73">
        <v>301</v>
      </c>
    </row>
    <row r="25" spans="2:299" ht="21" customHeight="1" x14ac:dyDescent="0.2">
      <c r="B25" s="126" t="s">
        <v>22</v>
      </c>
      <c r="C25" s="313">
        <v>11</v>
      </c>
      <c r="D25" s="82">
        <v>11</v>
      </c>
      <c r="E25" s="83">
        <v>22</v>
      </c>
      <c r="F25" s="241"/>
      <c r="G25" s="82">
        <v>26</v>
      </c>
      <c r="H25" s="82">
        <v>15</v>
      </c>
      <c r="I25" s="82">
        <v>10</v>
      </c>
      <c r="J25" s="82">
        <v>7</v>
      </c>
      <c r="K25" s="82">
        <v>8</v>
      </c>
      <c r="L25" s="84">
        <v>66</v>
      </c>
      <c r="M25" s="85">
        <v>88</v>
      </c>
      <c r="N25" s="70">
        <v>0</v>
      </c>
      <c r="O25" s="71">
        <v>0</v>
      </c>
      <c r="P25" s="72">
        <v>0</v>
      </c>
      <c r="Q25" s="244"/>
      <c r="R25" s="71">
        <v>0</v>
      </c>
      <c r="S25" s="71">
        <v>0</v>
      </c>
      <c r="T25" s="71">
        <v>0</v>
      </c>
      <c r="U25" s="71">
        <v>1</v>
      </c>
      <c r="V25" s="71">
        <v>0</v>
      </c>
      <c r="W25" s="72">
        <v>1</v>
      </c>
      <c r="X25" s="73">
        <v>1</v>
      </c>
      <c r="Y25" s="70">
        <v>0</v>
      </c>
      <c r="Z25" s="71">
        <v>2</v>
      </c>
      <c r="AA25" s="72">
        <v>2</v>
      </c>
      <c r="AB25" s="244"/>
      <c r="AC25" s="71">
        <v>5</v>
      </c>
      <c r="AD25" s="71">
        <v>0</v>
      </c>
      <c r="AE25" s="71">
        <v>0</v>
      </c>
      <c r="AF25" s="71">
        <v>0</v>
      </c>
      <c r="AG25" s="71">
        <v>2</v>
      </c>
      <c r="AH25" s="72">
        <v>7</v>
      </c>
      <c r="AI25" s="73">
        <v>9</v>
      </c>
      <c r="AJ25" s="70">
        <v>1</v>
      </c>
      <c r="AK25" s="71">
        <v>0</v>
      </c>
      <c r="AL25" s="72">
        <v>1</v>
      </c>
      <c r="AM25" s="244"/>
      <c r="AN25" s="71">
        <v>3</v>
      </c>
      <c r="AO25" s="71">
        <v>0</v>
      </c>
      <c r="AP25" s="71">
        <v>1</v>
      </c>
      <c r="AQ25" s="71">
        <v>0</v>
      </c>
      <c r="AR25" s="71">
        <v>2</v>
      </c>
      <c r="AS25" s="72">
        <v>6</v>
      </c>
      <c r="AT25" s="73">
        <v>7</v>
      </c>
      <c r="AU25" s="70">
        <v>5</v>
      </c>
      <c r="AV25" s="71">
        <v>5</v>
      </c>
      <c r="AW25" s="72">
        <v>10</v>
      </c>
      <c r="AX25" s="244"/>
      <c r="AY25" s="71">
        <v>4</v>
      </c>
      <c r="AZ25" s="71">
        <v>6</v>
      </c>
      <c r="BA25" s="71">
        <v>3</v>
      </c>
      <c r="BB25" s="71">
        <v>1</v>
      </c>
      <c r="BC25" s="71">
        <v>2</v>
      </c>
      <c r="BD25" s="72">
        <v>16</v>
      </c>
      <c r="BE25" s="73">
        <v>26</v>
      </c>
      <c r="BF25" s="70">
        <v>2</v>
      </c>
      <c r="BG25" s="71">
        <v>3</v>
      </c>
      <c r="BH25" s="72">
        <v>5</v>
      </c>
      <c r="BI25" s="244"/>
      <c r="BJ25" s="71">
        <v>5</v>
      </c>
      <c r="BK25" s="71">
        <v>4</v>
      </c>
      <c r="BL25" s="71">
        <v>1</v>
      </c>
      <c r="BM25" s="71">
        <v>2</v>
      </c>
      <c r="BN25" s="71">
        <v>0</v>
      </c>
      <c r="BO25" s="72">
        <v>12</v>
      </c>
      <c r="BP25" s="73">
        <v>17</v>
      </c>
      <c r="BQ25" s="70">
        <v>3</v>
      </c>
      <c r="BR25" s="71">
        <v>1</v>
      </c>
      <c r="BS25" s="72">
        <v>4</v>
      </c>
      <c r="BT25" s="244"/>
      <c r="BU25" s="71">
        <v>9</v>
      </c>
      <c r="BV25" s="71">
        <v>5</v>
      </c>
      <c r="BW25" s="71">
        <v>5</v>
      </c>
      <c r="BX25" s="71">
        <v>3</v>
      </c>
      <c r="BY25" s="71">
        <v>2</v>
      </c>
      <c r="BZ25" s="72">
        <v>24</v>
      </c>
      <c r="CA25" s="73">
        <v>28</v>
      </c>
      <c r="CB25" s="70">
        <v>0</v>
      </c>
      <c r="CC25" s="71">
        <v>0</v>
      </c>
      <c r="CD25" s="72">
        <v>0</v>
      </c>
      <c r="CE25" s="244"/>
      <c r="CF25" s="71">
        <v>0</v>
      </c>
      <c r="CG25" s="71">
        <v>0</v>
      </c>
      <c r="CH25" s="71">
        <v>0</v>
      </c>
      <c r="CI25" s="71">
        <v>0</v>
      </c>
      <c r="CJ25" s="71">
        <v>0</v>
      </c>
      <c r="CK25" s="72">
        <v>0</v>
      </c>
      <c r="CL25" s="73">
        <v>0</v>
      </c>
      <c r="CM25" s="70">
        <v>11</v>
      </c>
      <c r="CN25" s="71">
        <v>11</v>
      </c>
      <c r="CO25" s="72">
        <v>22</v>
      </c>
      <c r="CP25" s="244"/>
      <c r="CQ25" s="71">
        <v>26</v>
      </c>
      <c r="CR25" s="71">
        <v>15</v>
      </c>
      <c r="CS25" s="71">
        <v>10</v>
      </c>
      <c r="CT25" s="71">
        <v>7</v>
      </c>
      <c r="CU25" s="71">
        <v>8</v>
      </c>
      <c r="CV25" s="72">
        <v>66</v>
      </c>
      <c r="CW25" s="73">
        <v>88</v>
      </c>
      <c r="CX25" s="123">
        <v>4</v>
      </c>
      <c r="CY25" s="82">
        <v>5</v>
      </c>
      <c r="CZ25" s="83">
        <v>9</v>
      </c>
      <c r="DA25" s="241"/>
      <c r="DB25" s="82">
        <v>6</v>
      </c>
      <c r="DC25" s="82">
        <v>6</v>
      </c>
      <c r="DD25" s="82">
        <v>3</v>
      </c>
      <c r="DE25" s="82">
        <v>4</v>
      </c>
      <c r="DF25" s="82">
        <v>2</v>
      </c>
      <c r="DG25" s="84">
        <v>21</v>
      </c>
      <c r="DH25" s="85">
        <v>30</v>
      </c>
      <c r="DI25" s="70">
        <v>0</v>
      </c>
      <c r="DJ25" s="71">
        <v>0</v>
      </c>
      <c r="DK25" s="72">
        <v>0</v>
      </c>
      <c r="DL25" s="244"/>
      <c r="DM25" s="71">
        <v>0</v>
      </c>
      <c r="DN25" s="71">
        <v>0</v>
      </c>
      <c r="DO25" s="71">
        <v>0</v>
      </c>
      <c r="DP25" s="71">
        <v>0</v>
      </c>
      <c r="DQ25" s="71">
        <v>0</v>
      </c>
      <c r="DR25" s="72">
        <v>0</v>
      </c>
      <c r="DS25" s="73">
        <v>0</v>
      </c>
      <c r="DT25" s="70">
        <v>1</v>
      </c>
      <c r="DU25" s="71">
        <v>0</v>
      </c>
      <c r="DV25" s="72">
        <v>1</v>
      </c>
      <c r="DW25" s="244"/>
      <c r="DX25" s="71">
        <v>0</v>
      </c>
      <c r="DY25" s="71">
        <v>0</v>
      </c>
      <c r="DZ25" s="71">
        <v>0</v>
      </c>
      <c r="EA25" s="71">
        <v>0</v>
      </c>
      <c r="EB25" s="71">
        <v>0</v>
      </c>
      <c r="EC25" s="72">
        <v>0</v>
      </c>
      <c r="ED25" s="73">
        <v>1</v>
      </c>
      <c r="EE25" s="70">
        <v>2</v>
      </c>
      <c r="EF25" s="71">
        <v>1</v>
      </c>
      <c r="EG25" s="72">
        <v>3</v>
      </c>
      <c r="EH25" s="244"/>
      <c r="EI25" s="71">
        <v>0</v>
      </c>
      <c r="EJ25" s="71">
        <v>2</v>
      </c>
      <c r="EK25" s="71">
        <v>0</v>
      </c>
      <c r="EL25" s="71">
        <v>0</v>
      </c>
      <c r="EM25" s="71">
        <v>0</v>
      </c>
      <c r="EN25" s="72">
        <v>2</v>
      </c>
      <c r="EO25" s="73">
        <v>5</v>
      </c>
      <c r="EP25" s="70">
        <v>1</v>
      </c>
      <c r="EQ25" s="71">
        <v>3</v>
      </c>
      <c r="ER25" s="72">
        <v>4</v>
      </c>
      <c r="ES25" s="244"/>
      <c r="ET25" s="71">
        <v>4</v>
      </c>
      <c r="EU25" s="71">
        <v>0</v>
      </c>
      <c r="EV25" s="71">
        <v>1</v>
      </c>
      <c r="EW25" s="71">
        <v>1</v>
      </c>
      <c r="EX25" s="71">
        <v>0</v>
      </c>
      <c r="EY25" s="72">
        <v>6</v>
      </c>
      <c r="EZ25" s="73">
        <v>10</v>
      </c>
      <c r="FA25" s="70">
        <v>0</v>
      </c>
      <c r="FB25" s="71">
        <v>0</v>
      </c>
      <c r="FC25" s="72">
        <v>0</v>
      </c>
      <c r="FD25" s="244"/>
      <c r="FE25" s="71">
        <v>1</v>
      </c>
      <c r="FF25" s="71">
        <v>1</v>
      </c>
      <c r="FG25" s="71">
        <v>2</v>
      </c>
      <c r="FH25" s="71">
        <v>0</v>
      </c>
      <c r="FI25" s="71">
        <v>0</v>
      </c>
      <c r="FJ25" s="72">
        <v>4</v>
      </c>
      <c r="FK25" s="73">
        <v>4</v>
      </c>
      <c r="FL25" s="70">
        <v>0</v>
      </c>
      <c r="FM25" s="71">
        <v>1</v>
      </c>
      <c r="FN25" s="72">
        <v>1</v>
      </c>
      <c r="FO25" s="244"/>
      <c r="FP25" s="71">
        <v>1</v>
      </c>
      <c r="FQ25" s="71">
        <v>3</v>
      </c>
      <c r="FR25" s="71">
        <v>0</v>
      </c>
      <c r="FS25" s="71">
        <v>3</v>
      </c>
      <c r="FT25" s="71">
        <v>2</v>
      </c>
      <c r="FU25" s="72">
        <v>9</v>
      </c>
      <c r="FV25" s="73">
        <v>10</v>
      </c>
      <c r="FW25" s="70">
        <v>0</v>
      </c>
      <c r="FX25" s="71">
        <v>0</v>
      </c>
      <c r="FY25" s="72">
        <v>0</v>
      </c>
      <c r="FZ25" s="244"/>
      <c r="GA25" s="71">
        <v>0</v>
      </c>
      <c r="GB25" s="71">
        <v>0</v>
      </c>
      <c r="GC25" s="71">
        <v>0</v>
      </c>
      <c r="GD25" s="71">
        <v>0</v>
      </c>
      <c r="GE25" s="71">
        <v>0</v>
      </c>
      <c r="GF25" s="72">
        <v>0</v>
      </c>
      <c r="GG25" s="73">
        <v>0</v>
      </c>
      <c r="GH25" s="70">
        <v>4</v>
      </c>
      <c r="GI25" s="71">
        <v>5</v>
      </c>
      <c r="GJ25" s="72">
        <v>9</v>
      </c>
      <c r="GK25" s="244"/>
      <c r="GL25" s="71">
        <v>6</v>
      </c>
      <c r="GM25" s="71">
        <v>6</v>
      </c>
      <c r="GN25" s="71">
        <v>3</v>
      </c>
      <c r="GO25" s="71">
        <v>4</v>
      </c>
      <c r="GP25" s="71">
        <v>2</v>
      </c>
      <c r="GQ25" s="72">
        <v>21</v>
      </c>
      <c r="GR25" s="73">
        <v>30</v>
      </c>
      <c r="GS25" s="123">
        <v>15</v>
      </c>
      <c r="GT25" s="82">
        <v>16</v>
      </c>
      <c r="GU25" s="83">
        <v>31</v>
      </c>
      <c r="GV25" s="241"/>
      <c r="GW25" s="82">
        <v>32</v>
      </c>
      <c r="GX25" s="82">
        <v>21</v>
      </c>
      <c r="GY25" s="82">
        <v>13</v>
      </c>
      <c r="GZ25" s="82">
        <v>11</v>
      </c>
      <c r="HA25" s="82">
        <v>10</v>
      </c>
      <c r="HB25" s="84">
        <v>87</v>
      </c>
      <c r="HC25" s="85">
        <v>118</v>
      </c>
      <c r="HD25" s="70">
        <v>0</v>
      </c>
      <c r="HE25" s="71">
        <v>0</v>
      </c>
      <c r="HF25" s="72">
        <v>0</v>
      </c>
      <c r="HG25" s="244"/>
      <c r="HH25" s="71">
        <v>0</v>
      </c>
      <c r="HI25" s="71">
        <v>0</v>
      </c>
      <c r="HJ25" s="71">
        <v>0</v>
      </c>
      <c r="HK25" s="71">
        <v>1</v>
      </c>
      <c r="HL25" s="71">
        <v>0</v>
      </c>
      <c r="HM25" s="72">
        <v>1</v>
      </c>
      <c r="HN25" s="73">
        <v>1</v>
      </c>
      <c r="HO25" s="70">
        <v>1</v>
      </c>
      <c r="HP25" s="71">
        <v>2</v>
      </c>
      <c r="HQ25" s="72">
        <v>3</v>
      </c>
      <c r="HR25" s="244"/>
      <c r="HS25" s="71">
        <v>5</v>
      </c>
      <c r="HT25" s="71">
        <v>0</v>
      </c>
      <c r="HU25" s="71">
        <v>0</v>
      </c>
      <c r="HV25" s="71">
        <v>0</v>
      </c>
      <c r="HW25" s="71">
        <v>2</v>
      </c>
      <c r="HX25" s="72">
        <v>7</v>
      </c>
      <c r="HY25" s="73">
        <v>10</v>
      </c>
      <c r="HZ25" s="70">
        <v>3</v>
      </c>
      <c r="IA25" s="71">
        <v>1</v>
      </c>
      <c r="IB25" s="72">
        <v>4</v>
      </c>
      <c r="IC25" s="244"/>
      <c r="ID25" s="71">
        <v>3</v>
      </c>
      <c r="IE25" s="71">
        <v>2</v>
      </c>
      <c r="IF25" s="71">
        <v>1</v>
      </c>
      <c r="IG25" s="71">
        <v>0</v>
      </c>
      <c r="IH25" s="71">
        <v>2</v>
      </c>
      <c r="II25" s="72">
        <v>8</v>
      </c>
      <c r="IJ25" s="73">
        <v>12</v>
      </c>
      <c r="IK25" s="70">
        <v>6</v>
      </c>
      <c r="IL25" s="71">
        <v>8</v>
      </c>
      <c r="IM25" s="72">
        <v>14</v>
      </c>
      <c r="IN25" s="244"/>
      <c r="IO25" s="71">
        <v>8</v>
      </c>
      <c r="IP25" s="71">
        <v>6</v>
      </c>
      <c r="IQ25" s="71">
        <v>4</v>
      </c>
      <c r="IR25" s="71">
        <v>2</v>
      </c>
      <c r="IS25" s="71">
        <v>2</v>
      </c>
      <c r="IT25" s="72">
        <v>22</v>
      </c>
      <c r="IU25" s="73">
        <v>36</v>
      </c>
      <c r="IV25" s="70">
        <v>2</v>
      </c>
      <c r="IW25" s="71">
        <v>3</v>
      </c>
      <c r="IX25" s="72">
        <v>5</v>
      </c>
      <c r="IY25" s="244"/>
      <c r="IZ25" s="71">
        <v>6</v>
      </c>
      <c r="JA25" s="71">
        <v>5</v>
      </c>
      <c r="JB25" s="71">
        <v>3</v>
      </c>
      <c r="JC25" s="71">
        <v>2</v>
      </c>
      <c r="JD25" s="71">
        <v>0</v>
      </c>
      <c r="JE25" s="72">
        <v>16</v>
      </c>
      <c r="JF25" s="73">
        <v>21</v>
      </c>
      <c r="JG25" s="70">
        <v>3</v>
      </c>
      <c r="JH25" s="71">
        <v>2</v>
      </c>
      <c r="JI25" s="72">
        <v>5</v>
      </c>
      <c r="JJ25" s="244"/>
      <c r="JK25" s="71">
        <v>10</v>
      </c>
      <c r="JL25" s="71">
        <v>8</v>
      </c>
      <c r="JM25" s="71">
        <v>5</v>
      </c>
      <c r="JN25" s="71">
        <v>6</v>
      </c>
      <c r="JO25" s="71">
        <v>4</v>
      </c>
      <c r="JP25" s="72">
        <v>33</v>
      </c>
      <c r="JQ25" s="73">
        <v>38</v>
      </c>
      <c r="JR25" s="70">
        <v>0</v>
      </c>
      <c r="JS25" s="71">
        <v>0</v>
      </c>
      <c r="JT25" s="72">
        <v>0</v>
      </c>
      <c r="JU25" s="244"/>
      <c r="JV25" s="71">
        <v>0</v>
      </c>
      <c r="JW25" s="71">
        <v>0</v>
      </c>
      <c r="JX25" s="71">
        <v>0</v>
      </c>
      <c r="JY25" s="71">
        <v>0</v>
      </c>
      <c r="JZ25" s="71">
        <v>0</v>
      </c>
      <c r="KA25" s="72">
        <v>0</v>
      </c>
      <c r="KB25" s="73">
        <v>0</v>
      </c>
      <c r="KC25" s="70">
        <v>15</v>
      </c>
      <c r="KD25" s="71">
        <v>16</v>
      </c>
      <c r="KE25" s="72">
        <v>31</v>
      </c>
      <c r="KF25" s="244"/>
      <c r="KG25" s="71">
        <v>32</v>
      </c>
      <c r="KH25" s="71">
        <v>21</v>
      </c>
      <c r="KI25" s="71">
        <v>13</v>
      </c>
      <c r="KJ25" s="71">
        <v>11</v>
      </c>
      <c r="KK25" s="71">
        <v>10</v>
      </c>
      <c r="KL25" s="72">
        <v>87</v>
      </c>
      <c r="KM25" s="73">
        <v>118</v>
      </c>
    </row>
    <row r="26" spans="2:299" ht="21" customHeight="1" x14ac:dyDescent="0.2">
      <c r="B26" s="126" t="s">
        <v>23</v>
      </c>
      <c r="C26" s="313">
        <v>15</v>
      </c>
      <c r="D26" s="82">
        <v>17</v>
      </c>
      <c r="E26" s="83">
        <v>32</v>
      </c>
      <c r="F26" s="241"/>
      <c r="G26" s="82">
        <v>25</v>
      </c>
      <c r="H26" s="82">
        <v>25</v>
      </c>
      <c r="I26" s="82">
        <v>19</v>
      </c>
      <c r="J26" s="82">
        <v>16</v>
      </c>
      <c r="K26" s="82">
        <v>10</v>
      </c>
      <c r="L26" s="84">
        <v>95</v>
      </c>
      <c r="M26" s="85">
        <v>127</v>
      </c>
      <c r="N26" s="70">
        <v>0</v>
      </c>
      <c r="O26" s="71">
        <v>1</v>
      </c>
      <c r="P26" s="72">
        <v>1</v>
      </c>
      <c r="Q26" s="244"/>
      <c r="R26" s="71">
        <v>1</v>
      </c>
      <c r="S26" s="71">
        <v>0</v>
      </c>
      <c r="T26" s="71">
        <v>0</v>
      </c>
      <c r="U26" s="71">
        <v>0</v>
      </c>
      <c r="V26" s="71">
        <v>1</v>
      </c>
      <c r="W26" s="72">
        <v>2</v>
      </c>
      <c r="X26" s="73">
        <v>3</v>
      </c>
      <c r="Y26" s="70">
        <v>4</v>
      </c>
      <c r="Z26" s="71">
        <v>0</v>
      </c>
      <c r="AA26" s="72">
        <v>4</v>
      </c>
      <c r="AB26" s="244"/>
      <c r="AC26" s="71">
        <v>1</v>
      </c>
      <c r="AD26" s="71">
        <v>3</v>
      </c>
      <c r="AE26" s="71">
        <v>1</v>
      </c>
      <c r="AF26" s="71">
        <v>0</v>
      </c>
      <c r="AG26" s="71">
        <v>1</v>
      </c>
      <c r="AH26" s="72">
        <v>6</v>
      </c>
      <c r="AI26" s="73">
        <v>10</v>
      </c>
      <c r="AJ26" s="70">
        <v>5</v>
      </c>
      <c r="AK26" s="71">
        <v>4</v>
      </c>
      <c r="AL26" s="72">
        <v>9</v>
      </c>
      <c r="AM26" s="244"/>
      <c r="AN26" s="71">
        <v>5</v>
      </c>
      <c r="AO26" s="71">
        <v>4</v>
      </c>
      <c r="AP26" s="71">
        <v>3</v>
      </c>
      <c r="AQ26" s="71">
        <v>1</v>
      </c>
      <c r="AR26" s="71">
        <v>3</v>
      </c>
      <c r="AS26" s="72">
        <v>16</v>
      </c>
      <c r="AT26" s="73">
        <v>25</v>
      </c>
      <c r="AU26" s="70">
        <v>2</v>
      </c>
      <c r="AV26" s="71">
        <v>7</v>
      </c>
      <c r="AW26" s="72">
        <v>9</v>
      </c>
      <c r="AX26" s="244"/>
      <c r="AY26" s="71">
        <v>3</v>
      </c>
      <c r="AZ26" s="71">
        <v>6</v>
      </c>
      <c r="BA26" s="71">
        <v>7</v>
      </c>
      <c r="BB26" s="71">
        <v>5</v>
      </c>
      <c r="BC26" s="71">
        <v>3</v>
      </c>
      <c r="BD26" s="72">
        <v>24</v>
      </c>
      <c r="BE26" s="73">
        <v>33</v>
      </c>
      <c r="BF26" s="70">
        <v>3</v>
      </c>
      <c r="BG26" s="71">
        <v>3</v>
      </c>
      <c r="BH26" s="72">
        <v>6</v>
      </c>
      <c r="BI26" s="244"/>
      <c r="BJ26" s="71">
        <v>9</v>
      </c>
      <c r="BK26" s="71">
        <v>6</v>
      </c>
      <c r="BL26" s="71">
        <v>7</v>
      </c>
      <c r="BM26" s="71">
        <v>5</v>
      </c>
      <c r="BN26" s="71">
        <v>2</v>
      </c>
      <c r="BO26" s="72">
        <v>29</v>
      </c>
      <c r="BP26" s="73">
        <v>35</v>
      </c>
      <c r="BQ26" s="70">
        <v>1</v>
      </c>
      <c r="BR26" s="71">
        <v>2</v>
      </c>
      <c r="BS26" s="72">
        <v>3</v>
      </c>
      <c r="BT26" s="244"/>
      <c r="BU26" s="71">
        <v>6</v>
      </c>
      <c r="BV26" s="71">
        <v>6</v>
      </c>
      <c r="BW26" s="71">
        <v>1</v>
      </c>
      <c r="BX26" s="71">
        <v>5</v>
      </c>
      <c r="BY26" s="71">
        <v>0</v>
      </c>
      <c r="BZ26" s="72">
        <v>18</v>
      </c>
      <c r="CA26" s="73">
        <v>21</v>
      </c>
      <c r="CB26" s="70">
        <v>0</v>
      </c>
      <c r="CC26" s="71">
        <v>0</v>
      </c>
      <c r="CD26" s="72">
        <v>0</v>
      </c>
      <c r="CE26" s="244"/>
      <c r="CF26" s="71">
        <v>0</v>
      </c>
      <c r="CG26" s="71">
        <v>0</v>
      </c>
      <c r="CH26" s="71">
        <v>0</v>
      </c>
      <c r="CI26" s="71">
        <v>0</v>
      </c>
      <c r="CJ26" s="71">
        <v>0</v>
      </c>
      <c r="CK26" s="72">
        <v>0</v>
      </c>
      <c r="CL26" s="73">
        <v>0</v>
      </c>
      <c r="CM26" s="70">
        <v>15</v>
      </c>
      <c r="CN26" s="71">
        <v>17</v>
      </c>
      <c r="CO26" s="72">
        <v>32</v>
      </c>
      <c r="CP26" s="244"/>
      <c r="CQ26" s="71">
        <v>25</v>
      </c>
      <c r="CR26" s="71">
        <v>25</v>
      </c>
      <c r="CS26" s="71">
        <v>19</v>
      </c>
      <c r="CT26" s="71">
        <v>16</v>
      </c>
      <c r="CU26" s="71">
        <v>10</v>
      </c>
      <c r="CV26" s="72">
        <v>95</v>
      </c>
      <c r="CW26" s="73">
        <v>127</v>
      </c>
      <c r="CX26" s="123">
        <v>8</v>
      </c>
      <c r="CY26" s="82">
        <v>8</v>
      </c>
      <c r="CZ26" s="83">
        <v>16</v>
      </c>
      <c r="DA26" s="241"/>
      <c r="DB26" s="82">
        <v>8</v>
      </c>
      <c r="DC26" s="82">
        <v>12</v>
      </c>
      <c r="DD26" s="82">
        <v>5</v>
      </c>
      <c r="DE26" s="82">
        <v>10</v>
      </c>
      <c r="DF26" s="82">
        <v>6</v>
      </c>
      <c r="DG26" s="84">
        <v>41</v>
      </c>
      <c r="DH26" s="85">
        <v>57</v>
      </c>
      <c r="DI26" s="70">
        <v>0</v>
      </c>
      <c r="DJ26" s="71">
        <v>1</v>
      </c>
      <c r="DK26" s="72">
        <v>1</v>
      </c>
      <c r="DL26" s="244"/>
      <c r="DM26" s="71">
        <v>0</v>
      </c>
      <c r="DN26" s="71">
        <v>0</v>
      </c>
      <c r="DO26" s="71">
        <v>0</v>
      </c>
      <c r="DP26" s="71">
        <v>0</v>
      </c>
      <c r="DQ26" s="71">
        <v>0</v>
      </c>
      <c r="DR26" s="72">
        <v>0</v>
      </c>
      <c r="DS26" s="73">
        <v>1</v>
      </c>
      <c r="DT26" s="70">
        <v>0</v>
      </c>
      <c r="DU26" s="71">
        <v>0</v>
      </c>
      <c r="DV26" s="72">
        <v>0</v>
      </c>
      <c r="DW26" s="244"/>
      <c r="DX26" s="71">
        <v>0</v>
      </c>
      <c r="DY26" s="71">
        <v>2</v>
      </c>
      <c r="DZ26" s="71">
        <v>1</v>
      </c>
      <c r="EA26" s="71">
        <v>0</v>
      </c>
      <c r="EB26" s="71">
        <v>0</v>
      </c>
      <c r="EC26" s="72">
        <v>3</v>
      </c>
      <c r="ED26" s="73">
        <v>3</v>
      </c>
      <c r="EE26" s="70">
        <v>3</v>
      </c>
      <c r="EF26" s="71">
        <v>2</v>
      </c>
      <c r="EG26" s="72">
        <v>5</v>
      </c>
      <c r="EH26" s="244"/>
      <c r="EI26" s="71">
        <v>0</v>
      </c>
      <c r="EJ26" s="71">
        <v>0</v>
      </c>
      <c r="EK26" s="71">
        <v>0</v>
      </c>
      <c r="EL26" s="71">
        <v>0</v>
      </c>
      <c r="EM26" s="71">
        <v>1</v>
      </c>
      <c r="EN26" s="72">
        <v>1</v>
      </c>
      <c r="EO26" s="73">
        <v>6</v>
      </c>
      <c r="EP26" s="70">
        <v>2</v>
      </c>
      <c r="EQ26" s="71">
        <v>2</v>
      </c>
      <c r="ER26" s="72">
        <v>4</v>
      </c>
      <c r="ES26" s="244"/>
      <c r="ET26" s="71">
        <v>3</v>
      </c>
      <c r="EU26" s="71">
        <v>4</v>
      </c>
      <c r="EV26" s="71">
        <v>3</v>
      </c>
      <c r="EW26" s="71">
        <v>0</v>
      </c>
      <c r="EX26" s="71">
        <v>1</v>
      </c>
      <c r="EY26" s="72">
        <v>11</v>
      </c>
      <c r="EZ26" s="73">
        <v>15</v>
      </c>
      <c r="FA26" s="70">
        <v>2</v>
      </c>
      <c r="FB26" s="71">
        <v>2</v>
      </c>
      <c r="FC26" s="72">
        <v>4</v>
      </c>
      <c r="FD26" s="244"/>
      <c r="FE26" s="71">
        <v>1</v>
      </c>
      <c r="FF26" s="71">
        <v>4</v>
      </c>
      <c r="FG26" s="71">
        <v>0</v>
      </c>
      <c r="FH26" s="71">
        <v>2</v>
      </c>
      <c r="FI26" s="71">
        <v>0</v>
      </c>
      <c r="FJ26" s="72">
        <v>7</v>
      </c>
      <c r="FK26" s="73">
        <v>11</v>
      </c>
      <c r="FL26" s="70">
        <v>1</v>
      </c>
      <c r="FM26" s="71">
        <v>1</v>
      </c>
      <c r="FN26" s="72">
        <v>2</v>
      </c>
      <c r="FO26" s="244"/>
      <c r="FP26" s="71">
        <v>4</v>
      </c>
      <c r="FQ26" s="71">
        <v>2</v>
      </c>
      <c r="FR26" s="71">
        <v>1</v>
      </c>
      <c r="FS26" s="71">
        <v>8</v>
      </c>
      <c r="FT26" s="71">
        <v>4</v>
      </c>
      <c r="FU26" s="72">
        <v>19</v>
      </c>
      <c r="FV26" s="73">
        <v>21</v>
      </c>
      <c r="FW26" s="70">
        <v>0</v>
      </c>
      <c r="FX26" s="71">
        <v>0</v>
      </c>
      <c r="FY26" s="72">
        <v>0</v>
      </c>
      <c r="FZ26" s="244"/>
      <c r="GA26" s="71">
        <v>0</v>
      </c>
      <c r="GB26" s="71">
        <v>0</v>
      </c>
      <c r="GC26" s="71">
        <v>0</v>
      </c>
      <c r="GD26" s="71">
        <v>0</v>
      </c>
      <c r="GE26" s="71">
        <v>0</v>
      </c>
      <c r="GF26" s="72">
        <v>0</v>
      </c>
      <c r="GG26" s="73">
        <v>0</v>
      </c>
      <c r="GH26" s="70">
        <v>8</v>
      </c>
      <c r="GI26" s="71">
        <v>8</v>
      </c>
      <c r="GJ26" s="72">
        <v>16</v>
      </c>
      <c r="GK26" s="244"/>
      <c r="GL26" s="71">
        <v>8</v>
      </c>
      <c r="GM26" s="71">
        <v>12</v>
      </c>
      <c r="GN26" s="71">
        <v>5</v>
      </c>
      <c r="GO26" s="71">
        <v>10</v>
      </c>
      <c r="GP26" s="71">
        <v>6</v>
      </c>
      <c r="GQ26" s="72">
        <v>41</v>
      </c>
      <c r="GR26" s="73">
        <v>57</v>
      </c>
      <c r="GS26" s="123">
        <v>23</v>
      </c>
      <c r="GT26" s="82">
        <v>25</v>
      </c>
      <c r="GU26" s="83">
        <v>48</v>
      </c>
      <c r="GV26" s="241"/>
      <c r="GW26" s="82">
        <v>33</v>
      </c>
      <c r="GX26" s="82">
        <v>37</v>
      </c>
      <c r="GY26" s="82">
        <v>24</v>
      </c>
      <c r="GZ26" s="82">
        <v>26</v>
      </c>
      <c r="HA26" s="82">
        <v>16</v>
      </c>
      <c r="HB26" s="84">
        <v>136</v>
      </c>
      <c r="HC26" s="85">
        <v>184</v>
      </c>
      <c r="HD26" s="70">
        <v>0</v>
      </c>
      <c r="HE26" s="71">
        <v>2</v>
      </c>
      <c r="HF26" s="72">
        <v>2</v>
      </c>
      <c r="HG26" s="244"/>
      <c r="HH26" s="71">
        <v>1</v>
      </c>
      <c r="HI26" s="71">
        <v>0</v>
      </c>
      <c r="HJ26" s="71">
        <v>0</v>
      </c>
      <c r="HK26" s="71">
        <v>0</v>
      </c>
      <c r="HL26" s="71">
        <v>1</v>
      </c>
      <c r="HM26" s="72">
        <v>2</v>
      </c>
      <c r="HN26" s="73">
        <v>4</v>
      </c>
      <c r="HO26" s="70">
        <v>4</v>
      </c>
      <c r="HP26" s="71">
        <v>0</v>
      </c>
      <c r="HQ26" s="72">
        <v>4</v>
      </c>
      <c r="HR26" s="244"/>
      <c r="HS26" s="71">
        <v>1</v>
      </c>
      <c r="HT26" s="71">
        <v>5</v>
      </c>
      <c r="HU26" s="71">
        <v>2</v>
      </c>
      <c r="HV26" s="71">
        <v>0</v>
      </c>
      <c r="HW26" s="71">
        <v>1</v>
      </c>
      <c r="HX26" s="72">
        <v>9</v>
      </c>
      <c r="HY26" s="73">
        <v>13</v>
      </c>
      <c r="HZ26" s="70">
        <v>8</v>
      </c>
      <c r="IA26" s="71">
        <v>6</v>
      </c>
      <c r="IB26" s="72">
        <v>14</v>
      </c>
      <c r="IC26" s="244"/>
      <c r="ID26" s="71">
        <v>5</v>
      </c>
      <c r="IE26" s="71">
        <v>4</v>
      </c>
      <c r="IF26" s="71">
        <v>3</v>
      </c>
      <c r="IG26" s="71">
        <v>1</v>
      </c>
      <c r="IH26" s="71">
        <v>4</v>
      </c>
      <c r="II26" s="72">
        <v>17</v>
      </c>
      <c r="IJ26" s="73">
        <v>31</v>
      </c>
      <c r="IK26" s="70">
        <v>4</v>
      </c>
      <c r="IL26" s="71">
        <v>9</v>
      </c>
      <c r="IM26" s="72">
        <v>13</v>
      </c>
      <c r="IN26" s="244"/>
      <c r="IO26" s="71">
        <v>6</v>
      </c>
      <c r="IP26" s="71">
        <v>10</v>
      </c>
      <c r="IQ26" s="71">
        <v>10</v>
      </c>
      <c r="IR26" s="71">
        <v>5</v>
      </c>
      <c r="IS26" s="71">
        <v>4</v>
      </c>
      <c r="IT26" s="72">
        <v>35</v>
      </c>
      <c r="IU26" s="73">
        <v>48</v>
      </c>
      <c r="IV26" s="70">
        <v>5</v>
      </c>
      <c r="IW26" s="71">
        <v>5</v>
      </c>
      <c r="IX26" s="72">
        <v>10</v>
      </c>
      <c r="IY26" s="244"/>
      <c r="IZ26" s="71">
        <v>10</v>
      </c>
      <c r="JA26" s="71">
        <v>10</v>
      </c>
      <c r="JB26" s="71">
        <v>7</v>
      </c>
      <c r="JC26" s="71">
        <v>7</v>
      </c>
      <c r="JD26" s="71">
        <v>2</v>
      </c>
      <c r="JE26" s="72">
        <v>36</v>
      </c>
      <c r="JF26" s="73">
        <v>46</v>
      </c>
      <c r="JG26" s="70">
        <v>2</v>
      </c>
      <c r="JH26" s="71">
        <v>3</v>
      </c>
      <c r="JI26" s="72">
        <v>5</v>
      </c>
      <c r="JJ26" s="244"/>
      <c r="JK26" s="71">
        <v>10</v>
      </c>
      <c r="JL26" s="71">
        <v>8</v>
      </c>
      <c r="JM26" s="71">
        <v>2</v>
      </c>
      <c r="JN26" s="71">
        <v>13</v>
      </c>
      <c r="JO26" s="71">
        <v>4</v>
      </c>
      <c r="JP26" s="72">
        <v>37</v>
      </c>
      <c r="JQ26" s="73">
        <v>42</v>
      </c>
      <c r="JR26" s="70">
        <v>0</v>
      </c>
      <c r="JS26" s="71">
        <v>0</v>
      </c>
      <c r="JT26" s="72">
        <v>0</v>
      </c>
      <c r="JU26" s="244"/>
      <c r="JV26" s="71">
        <v>0</v>
      </c>
      <c r="JW26" s="71">
        <v>0</v>
      </c>
      <c r="JX26" s="71">
        <v>0</v>
      </c>
      <c r="JY26" s="71">
        <v>0</v>
      </c>
      <c r="JZ26" s="71">
        <v>0</v>
      </c>
      <c r="KA26" s="72">
        <v>0</v>
      </c>
      <c r="KB26" s="73">
        <v>0</v>
      </c>
      <c r="KC26" s="70">
        <v>23</v>
      </c>
      <c r="KD26" s="71">
        <v>25</v>
      </c>
      <c r="KE26" s="72">
        <v>48</v>
      </c>
      <c r="KF26" s="244"/>
      <c r="KG26" s="71">
        <v>33</v>
      </c>
      <c r="KH26" s="71">
        <v>37</v>
      </c>
      <c r="KI26" s="71">
        <v>24</v>
      </c>
      <c r="KJ26" s="71">
        <v>26</v>
      </c>
      <c r="KK26" s="71">
        <v>16</v>
      </c>
      <c r="KL26" s="72">
        <v>136</v>
      </c>
      <c r="KM26" s="73">
        <v>184</v>
      </c>
    </row>
    <row r="27" spans="2:299" ht="21" customHeight="1" x14ac:dyDescent="0.2">
      <c r="B27" s="126" t="s">
        <v>24</v>
      </c>
      <c r="C27" s="313">
        <v>17</v>
      </c>
      <c r="D27" s="82">
        <v>20</v>
      </c>
      <c r="E27" s="83">
        <v>37</v>
      </c>
      <c r="F27" s="241"/>
      <c r="G27" s="82">
        <v>32</v>
      </c>
      <c r="H27" s="82">
        <v>23</v>
      </c>
      <c r="I27" s="82">
        <v>16</v>
      </c>
      <c r="J27" s="82">
        <v>13</v>
      </c>
      <c r="K27" s="82">
        <v>11</v>
      </c>
      <c r="L27" s="84">
        <v>95</v>
      </c>
      <c r="M27" s="85">
        <v>132</v>
      </c>
      <c r="N27" s="70">
        <v>0</v>
      </c>
      <c r="O27" s="71">
        <v>0</v>
      </c>
      <c r="P27" s="72">
        <v>0</v>
      </c>
      <c r="Q27" s="244"/>
      <c r="R27" s="71">
        <v>0</v>
      </c>
      <c r="S27" s="71">
        <v>0</v>
      </c>
      <c r="T27" s="71">
        <v>0</v>
      </c>
      <c r="U27" s="71">
        <v>0</v>
      </c>
      <c r="V27" s="71">
        <v>1</v>
      </c>
      <c r="W27" s="72">
        <v>1</v>
      </c>
      <c r="X27" s="73">
        <v>1</v>
      </c>
      <c r="Y27" s="70">
        <v>0</v>
      </c>
      <c r="Z27" s="71">
        <v>1</v>
      </c>
      <c r="AA27" s="72">
        <v>1</v>
      </c>
      <c r="AB27" s="244"/>
      <c r="AC27" s="71">
        <v>1</v>
      </c>
      <c r="AD27" s="71">
        <v>3</v>
      </c>
      <c r="AE27" s="71">
        <v>1</v>
      </c>
      <c r="AF27" s="71">
        <v>2</v>
      </c>
      <c r="AG27" s="71">
        <v>1</v>
      </c>
      <c r="AH27" s="72">
        <v>8</v>
      </c>
      <c r="AI27" s="73">
        <v>9</v>
      </c>
      <c r="AJ27" s="70">
        <v>2</v>
      </c>
      <c r="AK27" s="71">
        <v>3</v>
      </c>
      <c r="AL27" s="72">
        <v>5</v>
      </c>
      <c r="AM27" s="244"/>
      <c r="AN27" s="71">
        <v>2</v>
      </c>
      <c r="AO27" s="71">
        <v>2</v>
      </c>
      <c r="AP27" s="71">
        <v>2</v>
      </c>
      <c r="AQ27" s="71">
        <v>1</v>
      </c>
      <c r="AR27" s="71">
        <v>2</v>
      </c>
      <c r="AS27" s="72">
        <v>9</v>
      </c>
      <c r="AT27" s="73">
        <v>14</v>
      </c>
      <c r="AU27" s="70">
        <v>5</v>
      </c>
      <c r="AV27" s="71">
        <v>7</v>
      </c>
      <c r="AW27" s="72">
        <v>12</v>
      </c>
      <c r="AX27" s="244"/>
      <c r="AY27" s="71">
        <v>8</v>
      </c>
      <c r="AZ27" s="71">
        <v>4</v>
      </c>
      <c r="BA27" s="71">
        <v>6</v>
      </c>
      <c r="BB27" s="71">
        <v>1</v>
      </c>
      <c r="BC27" s="71">
        <v>3</v>
      </c>
      <c r="BD27" s="72">
        <v>22</v>
      </c>
      <c r="BE27" s="73">
        <v>34</v>
      </c>
      <c r="BF27" s="70">
        <v>4</v>
      </c>
      <c r="BG27" s="71">
        <v>5</v>
      </c>
      <c r="BH27" s="72">
        <v>9</v>
      </c>
      <c r="BI27" s="244"/>
      <c r="BJ27" s="71">
        <v>13</v>
      </c>
      <c r="BK27" s="71">
        <v>7</v>
      </c>
      <c r="BL27" s="71">
        <v>4</v>
      </c>
      <c r="BM27" s="71">
        <v>4</v>
      </c>
      <c r="BN27" s="71">
        <v>1</v>
      </c>
      <c r="BO27" s="72">
        <v>29</v>
      </c>
      <c r="BP27" s="73">
        <v>38</v>
      </c>
      <c r="BQ27" s="70">
        <v>6</v>
      </c>
      <c r="BR27" s="71">
        <v>4</v>
      </c>
      <c r="BS27" s="72">
        <v>10</v>
      </c>
      <c r="BT27" s="244"/>
      <c r="BU27" s="71">
        <v>8</v>
      </c>
      <c r="BV27" s="71">
        <v>7</v>
      </c>
      <c r="BW27" s="71">
        <v>3</v>
      </c>
      <c r="BX27" s="71">
        <v>5</v>
      </c>
      <c r="BY27" s="71">
        <v>3</v>
      </c>
      <c r="BZ27" s="72">
        <v>26</v>
      </c>
      <c r="CA27" s="73">
        <v>36</v>
      </c>
      <c r="CB27" s="70">
        <v>0</v>
      </c>
      <c r="CC27" s="71">
        <v>0</v>
      </c>
      <c r="CD27" s="72">
        <v>0</v>
      </c>
      <c r="CE27" s="244"/>
      <c r="CF27" s="71">
        <v>0</v>
      </c>
      <c r="CG27" s="71">
        <v>0</v>
      </c>
      <c r="CH27" s="71">
        <v>0</v>
      </c>
      <c r="CI27" s="71">
        <v>0</v>
      </c>
      <c r="CJ27" s="71">
        <v>0</v>
      </c>
      <c r="CK27" s="72">
        <v>0</v>
      </c>
      <c r="CL27" s="73">
        <v>0</v>
      </c>
      <c r="CM27" s="70">
        <v>17</v>
      </c>
      <c r="CN27" s="71">
        <v>20</v>
      </c>
      <c r="CO27" s="72">
        <v>37</v>
      </c>
      <c r="CP27" s="244"/>
      <c r="CQ27" s="71">
        <v>32</v>
      </c>
      <c r="CR27" s="71">
        <v>23</v>
      </c>
      <c r="CS27" s="71">
        <v>16</v>
      </c>
      <c r="CT27" s="71">
        <v>13</v>
      </c>
      <c r="CU27" s="71">
        <v>11</v>
      </c>
      <c r="CV27" s="72">
        <v>95</v>
      </c>
      <c r="CW27" s="73">
        <v>132</v>
      </c>
      <c r="CX27" s="123">
        <v>9</v>
      </c>
      <c r="CY27" s="82">
        <v>7</v>
      </c>
      <c r="CZ27" s="83">
        <v>16</v>
      </c>
      <c r="DA27" s="241"/>
      <c r="DB27" s="82">
        <v>8</v>
      </c>
      <c r="DC27" s="82">
        <v>8</v>
      </c>
      <c r="DD27" s="82">
        <v>6</v>
      </c>
      <c r="DE27" s="82">
        <v>6</v>
      </c>
      <c r="DF27" s="82">
        <v>4</v>
      </c>
      <c r="DG27" s="84">
        <v>32</v>
      </c>
      <c r="DH27" s="85">
        <v>48</v>
      </c>
      <c r="DI27" s="70">
        <v>1</v>
      </c>
      <c r="DJ27" s="71">
        <v>0</v>
      </c>
      <c r="DK27" s="72">
        <v>1</v>
      </c>
      <c r="DL27" s="244"/>
      <c r="DM27" s="71">
        <v>0</v>
      </c>
      <c r="DN27" s="71">
        <v>0</v>
      </c>
      <c r="DO27" s="71">
        <v>0</v>
      </c>
      <c r="DP27" s="71">
        <v>0</v>
      </c>
      <c r="DQ27" s="71">
        <v>0</v>
      </c>
      <c r="DR27" s="72">
        <v>0</v>
      </c>
      <c r="DS27" s="73">
        <v>1</v>
      </c>
      <c r="DT27" s="70">
        <v>1</v>
      </c>
      <c r="DU27" s="71">
        <v>0</v>
      </c>
      <c r="DV27" s="72">
        <v>1</v>
      </c>
      <c r="DW27" s="244"/>
      <c r="DX27" s="71">
        <v>2</v>
      </c>
      <c r="DY27" s="71">
        <v>0</v>
      </c>
      <c r="DZ27" s="71">
        <v>1</v>
      </c>
      <c r="EA27" s="71">
        <v>0</v>
      </c>
      <c r="EB27" s="71">
        <v>0</v>
      </c>
      <c r="EC27" s="72">
        <v>3</v>
      </c>
      <c r="ED27" s="73">
        <v>4</v>
      </c>
      <c r="EE27" s="70">
        <v>2</v>
      </c>
      <c r="EF27" s="71">
        <v>2</v>
      </c>
      <c r="EG27" s="72">
        <v>4</v>
      </c>
      <c r="EH27" s="244"/>
      <c r="EI27" s="71">
        <v>0</v>
      </c>
      <c r="EJ27" s="71">
        <v>2</v>
      </c>
      <c r="EK27" s="71">
        <v>0</v>
      </c>
      <c r="EL27" s="71">
        <v>1</v>
      </c>
      <c r="EM27" s="71">
        <v>0</v>
      </c>
      <c r="EN27" s="72">
        <v>3</v>
      </c>
      <c r="EO27" s="73">
        <v>7</v>
      </c>
      <c r="EP27" s="70">
        <v>0</v>
      </c>
      <c r="EQ27" s="71">
        <v>2</v>
      </c>
      <c r="ER27" s="72">
        <v>2</v>
      </c>
      <c r="ES27" s="244"/>
      <c r="ET27" s="71">
        <v>4</v>
      </c>
      <c r="EU27" s="71">
        <v>2</v>
      </c>
      <c r="EV27" s="71">
        <v>3</v>
      </c>
      <c r="EW27" s="71">
        <v>0</v>
      </c>
      <c r="EX27" s="71">
        <v>1</v>
      </c>
      <c r="EY27" s="72">
        <v>10</v>
      </c>
      <c r="EZ27" s="73">
        <v>12</v>
      </c>
      <c r="FA27" s="70">
        <v>3</v>
      </c>
      <c r="FB27" s="71">
        <v>1</v>
      </c>
      <c r="FC27" s="72">
        <v>4</v>
      </c>
      <c r="FD27" s="244"/>
      <c r="FE27" s="71">
        <v>1</v>
      </c>
      <c r="FF27" s="71">
        <v>2</v>
      </c>
      <c r="FG27" s="71">
        <v>1</v>
      </c>
      <c r="FH27" s="71">
        <v>1</v>
      </c>
      <c r="FI27" s="71">
        <v>2</v>
      </c>
      <c r="FJ27" s="72">
        <v>7</v>
      </c>
      <c r="FK27" s="73">
        <v>11</v>
      </c>
      <c r="FL27" s="70">
        <v>2</v>
      </c>
      <c r="FM27" s="71">
        <v>2</v>
      </c>
      <c r="FN27" s="72">
        <v>4</v>
      </c>
      <c r="FO27" s="244"/>
      <c r="FP27" s="71">
        <v>1</v>
      </c>
      <c r="FQ27" s="71">
        <v>2</v>
      </c>
      <c r="FR27" s="71">
        <v>1</v>
      </c>
      <c r="FS27" s="71">
        <v>4</v>
      </c>
      <c r="FT27" s="71">
        <v>1</v>
      </c>
      <c r="FU27" s="72">
        <v>9</v>
      </c>
      <c r="FV27" s="73">
        <v>13</v>
      </c>
      <c r="FW27" s="70">
        <v>0</v>
      </c>
      <c r="FX27" s="71">
        <v>0</v>
      </c>
      <c r="FY27" s="72">
        <v>0</v>
      </c>
      <c r="FZ27" s="244"/>
      <c r="GA27" s="71">
        <v>0</v>
      </c>
      <c r="GB27" s="71">
        <v>0</v>
      </c>
      <c r="GC27" s="71">
        <v>0</v>
      </c>
      <c r="GD27" s="71">
        <v>0</v>
      </c>
      <c r="GE27" s="71">
        <v>0</v>
      </c>
      <c r="GF27" s="72">
        <v>0</v>
      </c>
      <c r="GG27" s="73">
        <v>0</v>
      </c>
      <c r="GH27" s="70">
        <v>9</v>
      </c>
      <c r="GI27" s="71">
        <v>7</v>
      </c>
      <c r="GJ27" s="72">
        <v>16</v>
      </c>
      <c r="GK27" s="244"/>
      <c r="GL27" s="71">
        <v>8</v>
      </c>
      <c r="GM27" s="71">
        <v>8</v>
      </c>
      <c r="GN27" s="71">
        <v>6</v>
      </c>
      <c r="GO27" s="71">
        <v>6</v>
      </c>
      <c r="GP27" s="71">
        <v>4</v>
      </c>
      <c r="GQ27" s="72">
        <v>32</v>
      </c>
      <c r="GR27" s="73">
        <v>48</v>
      </c>
      <c r="GS27" s="123">
        <v>26</v>
      </c>
      <c r="GT27" s="82">
        <v>27</v>
      </c>
      <c r="GU27" s="83">
        <v>53</v>
      </c>
      <c r="GV27" s="241"/>
      <c r="GW27" s="82">
        <v>40</v>
      </c>
      <c r="GX27" s="82">
        <v>31</v>
      </c>
      <c r="GY27" s="82">
        <v>22</v>
      </c>
      <c r="GZ27" s="82">
        <v>19</v>
      </c>
      <c r="HA27" s="82">
        <v>15</v>
      </c>
      <c r="HB27" s="84">
        <v>127</v>
      </c>
      <c r="HC27" s="85">
        <v>180</v>
      </c>
      <c r="HD27" s="70">
        <v>1</v>
      </c>
      <c r="HE27" s="71">
        <v>0</v>
      </c>
      <c r="HF27" s="72">
        <v>1</v>
      </c>
      <c r="HG27" s="244"/>
      <c r="HH27" s="71">
        <v>0</v>
      </c>
      <c r="HI27" s="71">
        <v>0</v>
      </c>
      <c r="HJ27" s="71">
        <v>0</v>
      </c>
      <c r="HK27" s="71">
        <v>0</v>
      </c>
      <c r="HL27" s="71">
        <v>1</v>
      </c>
      <c r="HM27" s="72">
        <v>1</v>
      </c>
      <c r="HN27" s="73">
        <v>2</v>
      </c>
      <c r="HO27" s="70">
        <v>1</v>
      </c>
      <c r="HP27" s="71">
        <v>1</v>
      </c>
      <c r="HQ27" s="72">
        <v>2</v>
      </c>
      <c r="HR27" s="244"/>
      <c r="HS27" s="71">
        <v>3</v>
      </c>
      <c r="HT27" s="71">
        <v>3</v>
      </c>
      <c r="HU27" s="71">
        <v>2</v>
      </c>
      <c r="HV27" s="71">
        <v>2</v>
      </c>
      <c r="HW27" s="71">
        <v>1</v>
      </c>
      <c r="HX27" s="72">
        <v>11</v>
      </c>
      <c r="HY27" s="73">
        <v>13</v>
      </c>
      <c r="HZ27" s="70">
        <v>4</v>
      </c>
      <c r="IA27" s="71">
        <v>5</v>
      </c>
      <c r="IB27" s="72">
        <v>9</v>
      </c>
      <c r="IC27" s="244"/>
      <c r="ID27" s="71">
        <v>2</v>
      </c>
      <c r="IE27" s="71">
        <v>4</v>
      </c>
      <c r="IF27" s="71">
        <v>2</v>
      </c>
      <c r="IG27" s="71">
        <v>2</v>
      </c>
      <c r="IH27" s="71">
        <v>2</v>
      </c>
      <c r="II27" s="72">
        <v>12</v>
      </c>
      <c r="IJ27" s="73">
        <v>21</v>
      </c>
      <c r="IK27" s="70">
        <v>5</v>
      </c>
      <c r="IL27" s="71">
        <v>9</v>
      </c>
      <c r="IM27" s="72">
        <v>14</v>
      </c>
      <c r="IN27" s="244"/>
      <c r="IO27" s="71">
        <v>12</v>
      </c>
      <c r="IP27" s="71">
        <v>6</v>
      </c>
      <c r="IQ27" s="71">
        <v>9</v>
      </c>
      <c r="IR27" s="71">
        <v>1</v>
      </c>
      <c r="IS27" s="71">
        <v>4</v>
      </c>
      <c r="IT27" s="72">
        <v>32</v>
      </c>
      <c r="IU27" s="73">
        <v>46</v>
      </c>
      <c r="IV27" s="70">
        <v>7</v>
      </c>
      <c r="IW27" s="71">
        <v>6</v>
      </c>
      <c r="IX27" s="72">
        <v>13</v>
      </c>
      <c r="IY27" s="244"/>
      <c r="IZ27" s="71">
        <v>14</v>
      </c>
      <c r="JA27" s="71">
        <v>9</v>
      </c>
      <c r="JB27" s="71">
        <v>5</v>
      </c>
      <c r="JC27" s="71">
        <v>5</v>
      </c>
      <c r="JD27" s="71">
        <v>3</v>
      </c>
      <c r="JE27" s="72">
        <v>36</v>
      </c>
      <c r="JF27" s="73">
        <v>49</v>
      </c>
      <c r="JG27" s="70">
        <v>8</v>
      </c>
      <c r="JH27" s="71">
        <v>6</v>
      </c>
      <c r="JI27" s="72">
        <v>14</v>
      </c>
      <c r="JJ27" s="244"/>
      <c r="JK27" s="71">
        <v>9</v>
      </c>
      <c r="JL27" s="71">
        <v>9</v>
      </c>
      <c r="JM27" s="71">
        <v>4</v>
      </c>
      <c r="JN27" s="71">
        <v>9</v>
      </c>
      <c r="JO27" s="71">
        <v>4</v>
      </c>
      <c r="JP27" s="72">
        <v>35</v>
      </c>
      <c r="JQ27" s="73">
        <v>49</v>
      </c>
      <c r="JR27" s="70">
        <v>0</v>
      </c>
      <c r="JS27" s="71">
        <v>0</v>
      </c>
      <c r="JT27" s="72">
        <v>0</v>
      </c>
      <c r="JU27" s="244"/>
      <c r="JV27" s="71">
        <v>0</v>
      </c>
      <c r="JW27" s="71">
        <v>0</v>
      </c>
      <c r="JX27" s="71">
        <v>0</v>
      </c>
      <c r="JY27" s="71">
        <v>0</v>
      </c>
      <c r="JZ27" s="71">
        <v>0</v>
      </c>
      <c r="KA27" s="72">
        <v>0</v>
      </c>
      <c r="KB27" s="73">
        <v>0</v>
      </c>
      <c r="KC27" s="70">
        <v>26</v>
      </c>
      <c r="KD27" s="71">
        <v>27</v>
      </c>
      <c r="KE27" s="72">
        <v>53</v>
      </c>
      <c r="KF27" s="244"/>
      <c r="KG27" s="71">
        <v>40</v>
      </c>
      <c r="KH27" s="71">
        <v>31</v>
      </c>
      <c r="KI27" s="71">
        <v>22</v>
      </c>
      <c r="KJ27" s="71">
        <v>19</v>
      </c>
      <c r="KK27" s="71">
        <v>15</v>
      </c>
      <c r="KL27" s="72">
        <v>127</v>
      </c>
      <c r="KM27" s="73">
        <v>180</v>
      </c>
    </row>
    <row r="28" spans="2:299" ht="21" customHeight="1" x14ac:dyDescent="0.2">
      <c r="B28" s="126" t="s">
        <v>25</v>
      </c>
      <c r="C28" s="313">
        <v>9</v>
      </c>
      <c r="D28" s="82">
        <v>15</v>
      </c>
      <c r="E28" s="83">
        <v>24</v>
      </c>
      <c r="F28" s="241"/>
      <c r="G28" s="82">
        <v>14</v>
      </c>
      <c r="H28" s="82">
        <v>8</v>
      </c>
      <c r="I28" s="82">
        <v>6</v>
      </c>
      <c r="J28" s="82">
        <v>6</v>
      </c>
      <c r="K28" s="82">
        <v>8</v>
      </c>
      <c r="L28" s="84">
        <v>42</v>
      </c>
      <c r="M28" s="85">
        <v>66</v>
      </c>
      <c r="N28" s="70">
        <v>0</v>
      </c>
      <c r="O28" s="71">
        <v>1</v>
      </c>
      <c r="P28" s="72">
        <v>1</v>
      </c>
      <c r="Q28" s="244"/>
      <c r="R28" s="71">
        <v>0</v>
      </c>
      <c r="S28" s="71">
        <v>0</v>
      </c>
      <c r="T28" s="71">
        <v>0</v>
      </c>
      <c r="U28" s="71">
        <v>1</v>
      </c>
      <c r="V28" s="71">
        <v>0</v>
      </c>
      <c r="W28" s="72">
        <v>1</v>
      </c>
      <c r="X28" s="73">
        <v>2</v>
      </c>
      <c r="Y28" s="70">
        <v>1</v>
      </c>
      <c r="Z28" s="71">
        <v>1</v>
      </c>
      <c r="AA28" s="72">
        <v>2</v>
      </c>
      <c r="AB28" s="244"/>
      <c r="AC28" s="71">
        <v>1</v>
      </c>
      <c r="AD28" s="71">
        <v>2</v>
      </c>
      <c r="AE28" s="71">
        <v>0</v>
      </c>
      <c r="AF28" s="71">
        <v>1</v>
      </c>
      <c r="AG28" s="71">
        <v>1</v>
      </c>
      <c r="AH28" s="72">
        <v>5</v>
      </c>
      <c r="AI28" s="73">
        <v>7</v>
      </c>
      <c r="AJ28" s="70">
        <v>1</v>
      </c>
      <c r="AK28" s="71">
        <v>0</v>
      </c>
      <c r="AL28" s="72">
        <v>1</v>
      </c>
      <c r="AM28" s="244"/>
      <c r="AN28" s="71">
        <v>2</v>
      </c>
      <c r="AO28" s="71">
        <v>1</v>
      </c>
      <c r="AP28" s="71">
        <v>1</v>
      </c>
      <c r="AQ28" s="71">
        <v>1</v>
      </c>
      <c r="AR28" s="71">
        <v>0</v>
      </c>
      <c r="AS28" s="72">
        <v>5</v>
      </c>
      <c r="AT28" s="73">
        <v>6</v>
      </c>
      <c r="AU28" s="70">
        <v>4</v>
      </c>
      <c r="AV28" s="71">
        <v>6</v>
      </c>
      <c r="AW28" s="72">
        <v>10</v>
      </c>
      <c r="AX28" s="244"/>
      <c r="AY28" s="71">
        <v>4</v>
      </c>
      <c r="AZ28" s="71">
        <v>2</v>
      </c>
      <c r="BA28" s="71">
        <v>2</v>
      </c>
      <c r="BB28" s="71">
        <v>2</v>
      </c>
      <c r="BC28" s="71">
        <v>1</v>
      </c>
      <c r="BD28" s="72">
        <v>11</v>
      </c>
      <c r="BE28" s="73">
        <v>21</v>
      </c>
      <c r="BF28" s="70">
        <v>1</v>
      </c>
      <c r="BG28" s="71">
        <v>5</v>
      </c>
      <c r="BH28" s="72">
        <v>6</v>
      </c>
      <c r="BI28" s="244"/>
      <c r="BJ28" s="71">
        <v>1</v>
      </c>
      <c r="BK28" s="71">
        <v>2</v>
      </c>
      <c r="BL28" s="71">
        <v>2</v>
      </c>
      <c r="BM28" s="71">
        <v>0</v>
      </c>
      <c r="BN28" s="71">
        <v>4</v>
      </c>
      <c r="BO28" s="72">
        <v>9</v>
      </c>
      <c r="BP28" s="73">
        <v>15</v>
      </c>
      <c r="BQ28" s="70">
        <v>2</v>
      </c>
      <c r="BR28" s="71">
        <v>2</v>
      </c>
      <c r="BS28" s="72">
        <v>4</v>
      </c>
      <c r="BT28" s="244"/>
      <c r="BU28" s="71">
        <v>6</v>
      </c>
      <c r="BV28" s="71">
        <v>1</v>
      </c>
      <c r="BW28" s="71">
        <v>1</v>
      </c>
      <c r="BX28" s="71">
        <v>1</v>
      </c>
      <c r="BY28" s="71">
        <v>2</v>
      </c>
      <c r="BZ28" s="72">
        <v>11</v>
      </c>
      <c r="CA28" s="73">
        <v>15</v>
      </c>
      <c r="CB28" s="70">
        <v>0</v>
      </c>
      <c r="CC28" s="71">
        <v>0</v>
      </c>
      <c r="CD28" s="72">
        <v>0</v>
      </c>
      <c r="CE28" s="244"/>
      <c r="CF28" s="71">
        <v>0</v>
      </c>
      <c r="CG28" s="71">
        <v>0</v>
      </c>
      <c r="CH28" s="71">
        <v>0</v>
      </c>
      <c r="CI28" s="71">
        <v>0</v>
      </c>
      <c r="CJ28" s="71">
        <v>0</v>
      </c>
      <c r="CK28" s="72">
        <v>0</v>
      </c>
      <c r="CL28" s="73">
        <v>0</v>
      </c>
      <c r="CM28" s="70">
        <v>9</v>
      </c>
      <c r="CN28" s="71">
        <v>15</v>
      </c>
      <c r="CO28" s="72">
        <v>24</v>
      </c>
      <c r="CP28" s="244"/>
      <c r="CQ28" s="71">
        <v>14</v>
      </c>
      <c r="CR28" s="71">
        <v>8</v>
      </c>
      <c r="CS28" s="71">
        <v>6</v>
      </c>
      <c r="CT28" s="71">
        <v>6</v>
      </c>
      <c r="CU28" s="71">
        <v>8</v>
      </c>
      <c r="CV28" s="72">
        <v>42</v>
      </c>
      <c r="CW28" s="73">
        <v>66</v>
      </c>
      <c r="CX28" s="123">
        <v>6</v>
      </c>
      <c r="CY28" s="82">
        <v>19</v>
      </c>
      <c r="CZ28" s="83">
        <v>25</v>
      </c>
      <c r="DA28" s="241"/>
      <c r="DB28" s="82">
        <v>10</v>
      </c>
      <c r="DC28" s="82">
        <v>9</v>
      </c>
      <c r="DD28" s="82">
        <v>5</v>
      </c>
      <c r="DE28" s="82">
        <v>5</v>
      </c>
      <c r="DF28" s="82">
        <v>3</v>
      </c>
      <c r="DG28" s="84">
        <v>32</v>
      </c>
      <c r="DH28" s="85">
        <v>57</v>
      </c>
      <c r="DI28" s="70">
        <v>0</v>
      </c>
      <c r="DJ28" s="71">
        <v>1</v>
      </c>
      <c r="DK28" s="72">
        <v>1</v>
      </c>
      <c r="DL28" s="244"/>
      <c r="DM28" s="71">
        <v>0</v>
      </c>
      <c r="DN28" s="71">
        <v>0</v>
      </c>
      <c r="DO28" s="71">
        <v>0</v>
      </c>
      <c r="DP28" s="71">
        <v>0</v>
      </c>
      <c r="DQ28" s="71">
        <v>0</v>
      </c>
      <c r="DR28" s="72">
        <v>0</v>
      </c>
      <c r="DS28" s="73">
        <v>1</v>
      </c>
      <c r="DT28" s="70">
        <v>1</v>
      </c>
      <c r="DU28" s="71">
        <v>2</v>
      </c>
      <c r="DV28" s="72">
        <v>3</v>
      </c>
      <c r="DW28" s="244"/>
      <c r="DX28" s="71">
        <v>1</v>
      </c>
      <c r="DY28" s="71">
        <v>1</v>
      </c>
      <c r="DZ28" s="71">
        <v>0</v>
      </c>
      <c r="EA28" s="71">
        <v>0</v>
      </c>
      <c r="EB28" s="71">
        <v>1</v>
      </c>
      <c r="EC28" s="72">
        <v>3</v>
      </c>
      <c r="ED28" s="73">
        <v>6</v>
      </c>
      <c r="EE28" s="70">
        <v>0</v>
      </c>
      <c r="EF28" s="71">
        <v>3</v>
      </c>
      <c r="EG28" s="72">
        <v>3</v>
      </c>
      <c r="EH28" s="244"/>
      <c r="EI28" s="71">
        <v>0</v>
      </c>
      <c r="EJ28" s="71">
        <v>0</v>
      </c>
      <c r="EK28" s="71">
        <v>0</v>
      </c>
      <c r="EL28" s="71">
        <v>0</v>
      </c>
      <c r="EM28" s="71">
        <v>0</v>
      </c>
      <c r="EN28" s="72">
        <v>0</v>
      </c>
      <c r="EO28" s="73">
        <v>3</v>
      </c>
      <c r="EP28" s="70">
        <v>3</v>
      </c>
      <c r="EQ28" s="71">
        <v>3</v>
      </c>
      <c r="ER28" s="72">
        <v>6</v>
      </c>
      <c r="ES28" s="244"/>
      <c r="ET28" s="71">
        <v>3</v>
      </c>
      <c r="EU28" s="71">
        <v>1</v>
      </c>
      <c r="EV28" s="71">
        <v>1</v>
      </c>
      <c r="EW28" s="71">
        <v>0</v>
      </c>
      <c r="EX28" s="71">
        <v>0</v>
      </c>
      <c r="EY28" s="72">
        <v>5</v>
      </c>
      <c r="EZ28" s="73">
        <v>11</v>
      </c>
      <c r="FA28" s="70">
        <v>1</v>
      </c>
      <c r="FB28" s="71">
        <v>4</v>
      </c>
      <c r="FC28" s="72">
        <v>5</v>
      </c>
      <c r="FD28" s="244"/>
      <c r="FE28" s="71">
        <v>2</v>
      </c>
      <c r="FF28" s="71">
        <v>3</v>
      </c>
      <c r="FG28" s="71">
        <v>1</v>
      </c>
      <c r="FH28" s="71">
        <v>2</v>
      </c>
      <c r="FI28" s="71">
        <v>0</v>
      </c>
      <c r="FJ28" s="72">
        <v>8</v>
      </c>
      <c r="FK28" s="73">
        <v>13</v>
      </c>
      <c r="FL28" s="70">
        <v>1</v>
      </c>
      <c r="FM28" s="71">
        <v>6</v>
      </c>
      <c r="FN28" s="72">
        <v>7</v>
      </c>
      <c r="FO28" s="244"/>
      <c r="FP28" s="71">
        <v>4</v>
      </c>
      <c r="FQ28" s="71">
        <v>4</v>
      </c>
      <c r="FR28" s="71">
        <v>3</v>
      </c>
      <c r="FS28" s="71">
        <v>3</v>
      </c>
      <c r="FT28" s="71">
        <v>2</v>
      </c>
      <c r="FU28" s="72">
        <v>16</v>
      </c>
      <c r="FV28" s="73">
        <v>23</v>
      </c>
      <c r="FW28" s="70">
        <v>0</v>
      </c>
      <c r="FX28" s="71">
        <v>0</v>
      </c>
      <c r="FY28" s="72">
        <v>0</v>
      </c>
      <c r="FZ28" s="244"/>
      <c r="GA28" s="71">
        <v>0</v>
      </c>
      <c r="GB28" s="71">
        <v>0</v>
      </c>
      <c r="GC28" s="71">
        <v>0</v>
      </c>
      <c r="GD28" s="71">
        <v>0</v>
      </c>
      <c r="GE28" s="71">
        <v>0</v>
      </c>
      <c r="GF28" s="72">
        <v>0</v>
      </c>
      <c r="GG28" s="73">
        <v>0</v>
      </c>
      <c r="GH28" s="70">
        <v>6</v>
      </c>
      <c r="GI28" s="71">
        <v>19</v>
      </c>
      <c r="GJ28" s="72">
        <v>25</v>
      </c>
      <c r="GK28" s="244"/>
      <c r="GL28" s="71">
        <v>10</v>
      </c>
      <c r="GM28" s="71">
        <v>9</v>
      </c>
      <c r="GN28" s="71">
        <v>5</v>
      </c>
      <c r="GO28" s="71">
        <v>5</v>
      </c>
      <c r="GP28" s="71">
        <v>3</v>
      </c>
      <c r="GQ28" s="72">
        <v>32</v>
      </c>
      <c r="GR28" s="73">
        <v>57</v>
      </c>
      <c r="GS28" s="123">
        <v>15</v>
      </c>
      <c r="GT28" s="82">
        <v>34</v>
      </c>
      <c r="GU28" s="83">
        <v>49</v>
      </c>
      <c r="GV28" s="241"/>
      <c r="GW28" s="82">
        <v>24</v>
      </c>
      <c r="GX28" s="82">
        <v>17</v>
      </c>
      <c r="GY28" s="82">
        <v>11</v>
      </c>
      <c r="GZ28" s="82">
        <v>11</v>
      </c>
      <c r="HA28" s="82">
        <v>11</v>
      </c>
      <c r="HB28" s="84">
        <v>74</v>
      </c>
      <c r="HC28" s="85">
        <v>123</v>
      </c>
      <c r="HD28" s="70">
        <v>0</v>
      </c>
      <c r="HE28" s="71">
        <v>2</v>
      </c>
      <c r="HF28" s="72">
        <v>2</v>
      </c>
      <c r="HG28" s="244"/>
      <c r="HH28" s="71">
        <v>0</v>
      </c>
      <c r="HI28" s="71">
        <v>0</v>
      </c>
      <c r="HJ28" s="71">
        <v>0</v>
      </c>
      <c r="HK28" s="71">
        <v>1</v>
      </c>
      <c r="HL28" s="71">
        <v>0</v>
      </c>
      <c r="HM28" s="72">
        <v>1</v>
      </c>
      <c r="HN28" s="73">
        <v>3</v>
      </c>
      <c r="HO28" s="70">
        <v>2</v>
      </c>
      <c r="HP28" s="71">
        <v>3</v>
      </c>
      <c r="HQ28" s="72">
        <v>5</v>
      </c>
      <c r="HR28" s="244"/>
      <c r="HS28" s="71">
        <v>2</v>
      </c>
      <c r="HT28" s="71">
        <v>3</v>
      </c>
      <c r="HU28" s="71">
        <v>0</v>
      </c>
      <c r="HV28" s="71">
        <v>1</v>
      </c>
      <c r="HW28" s="71">
        <v>2</v>
      </c>
      <c r="HX28" s="72">
        <v>8</v>
      </c>
      <c r="HY28" s="73">
        <v>13</v>
      </c>
      <c r="HZ28" s="70">
        <v>1</v>
      </c>
      <c r="IA28" s="71">
        <v>3</v>
      </c>
      <c r="IB28" s="72">
        <v>4</v>
      </c>
      <c r="IC28" s="244"/>
      <c r="ID28" s="71">
        <v>2</v>
      </c>
      <c r="IE28" s="71">
        <v>1</v>
      </c>
      <c r="IF28" s="71">
        <v>1</v>
      </c>
      <c r="IG28" s="71">
        <v>1</v>
      </c>
      <c r="IH28" s="71">
        <v>0</v>
      </c>
      <c r="II28" s="72">
        <v>5</v>
      </c>
      <c r="IJ28" s="73">
        <v>9</v>
      </c>
      <c r="IK28" s="70">
        <v>7</v>
      </c>
      <c r="IL28" s="71">
        <v>9</v>
      </c>
      <c r="IM28" s="72">
        <v>16</v>
      </c>
      <c r="IN28" s="244"/>
      <c r="IO28" s="71">
        <v>7</v>
      </c>
      <c r="IP28" s="71">
        <v>3</v>
      </c>
      <c r="IQ28" s="71">
        <v>3</v>
      </c>
      <c r="IR28" s="71">
        <v>2</v>
      </c>
      <c r="IS28" s="71">
        <v>1</v>
      </c>
      <c r="IT28" s="72">
        <v>16</v>
      </c>
      <c r="IU28" s="73">
        <v>32</v>
      </c>
      <c r="IV28" s="70">
        <v>2</v>
      </c>
      <c r="IW28" s="71">
        <v>9</v>
      </c>
      <c r="IX28" s="72">
        <v>11</v>
      </c>
      <c r="IY28" s="244"/>
      <c r="IZ28" s="71">
        <v>3</v>
      </c>
      <c r="JA28" s="71">
        <v>5</v>
      </c>
      <c r="JB28" s="71">
        <v>3</v>
      </c>
      <c r="JC28" s="71">
        <v>2</v>
      </c>
      <c r="JD28" s="71">
        <v>4</v>
      </c>
      <c r="JE28" s="72">
        <v>17</v>
      </c>
      <c r="JF28" s="73">
        <v>28</v>
      </c>
      <c r="JG28" s="70">
        <v>3</v>
      </c>
      <c r="JH28" s="71">
        <v>8</v>
      </c>
      <c r="JI28" s="72">
        <v>11</v>
      </c>
      <c r="JJ28" s="244"/>
      <c r="JK28" s="71">
        <v>10</v>
      </c>
      <c r="JL28" s="71">
        <v>5</v>
      </c>
      <c r="JM28" s="71">
        <v>4</v>
      </c>
      <c r="JN28" s="71">
        <v>4</v>
      </c>
      <c r="JO28" s="71">
        <v>4</v>
      </c>
      <c r="JP28" s="72">
        <v>27</v>
      </c>
      <c r="JQ28" s="73">
        <v>38</v>
      </c>
      <c r="JR28" s="70">
        <v>0</v>
      </c>
      <c r="JS28" s="71">
        <v>0</v>
      </c>
      <c r="JT28" s="72">
        <v>0</v>
      </c>
      <c r="JU28" s="244"/>
      <c r="JV28" s="71">
        <v>0</v>
      </c>
      <c r="JW28" s="71">
        <v>0</v>
      </c>
      <c r="JX28" s="71">
        <v>0</v>
      </c>
      <c r="JY28" s="71">
        <v>0</v>
      </c>
      <c r="JZ28" s="71">
        <v>0</v>
      </c>
      <c r="KA28" s="72">
        <v>0</v>
      </c>
      <c r="KB28" s="73">
        <v>0</v>
      </c>
      <c r="KC28" s="70">
        <v>15</v>
      </c>
      <c r="KD28" s="71">
        <v>34</v>
      </c>
      <c r="KE28" s="72">
        <v>49</v>
      </c>
      <c r="KF28" s="244"/>
      <c r="KG28" s="71">
        <v>24</v>
      </c>
      <c r="KH28" s="71">
        <v>17</v>
      </c>
      <c r="KI28" s="71">
        <v>11</v>
      </c>
      <c r="KJ28" s="71">
        <v>11</v>
      </c>
      <c r="KK28" s="71">
        <v>11</v>
      </c>
      <c r="KL28" s="72">
        <v>74</v>
      </c>
      <c r="KM28" s="73">
        <v>123</v>
      </c>
    </row>
    <row r="29" spans="2:299" ht="21" customHeight="1" x14ac:dyDescent="0.2">
      <c r="B29" s="126" t="s">
        <v>26</v>
      </c>
      <c r="C29" s="313">
        <v>11</v>
      </c>
      <c r="D29" s="82">
        <v>10</v>
      </c>
      <c r="E29" s="83">
        <v>21</v>
      </c>
      <c r="F29" s="241"/>
      <c r="G29" s="82">
        <v>23</v>
      </c>
      <c r="H29" s="82">
        <v>19</v>
      </c>
      <c r="I29" s="82">
        <v>10</v>
      </c>
      <c r="J29" s="82">
        <v>9</v>
      </c>
      <c r="K29" s="82">
        <v>7</v>
      </c>
      <c r="L29" s="84">
        <v>68</v>
      </c>
      <c r="M29" s="85">
        <v>89</v>
      </c>
      <c r="N29" s="70">
        <v>2</v>
      </c>
      <c r="O29" s="71">
        <v>0</v>
      </c>
      <c r="P29" s="72">
        <v>2</v>
      </c>
      <c r="Q29" s="244"/>
      <c r="R29" s="71">
        <v>0</v>
      </c>
      <c r="S29" s="71">
        <v>0</v>
      </c>
      <c r="T29" s="71">
        <v>1</v>
      </c>
      <c r="U29" s="71">
        <v>0</v>
      </c>
      <c r="V29" s="71">
        <v>0</v>
      </c>
      <c r="W29" s="72">
        <v>1</v>
      </c>
      <c r="X29" s="73">
        <v>3</v>
      </c>
      <c r="Y29" s="70">
        <v>2</v>
      </c>
      <c r="Z29" s="71">
        <v>1</v>
      </c>
      <c r="AA29" s="72">
        <v>3</v>
      </c>
      <c r="AB29" s="244"/>
      <c r="AC29" s="71">
        <v>0</v>
      </c>
      <c r="AD29" s="71">
        <v>2</v>
      </c>
      <c r="AE29" s="71">
        <v>2</v>
      </c>
      <c r="AF29" s="71">
        <v>0</v>
      </c>
      <c r="AG29" s="71">
        <v>2</v>
      </c>
      <c r="AH29" s="72">
        <v>6</v>
      </c>
      <c r="AI29" s="73">
        <v>9</v>
      </c>
      <c r="AJ29" s="70">
        <v>1</v>
      </c>
      <c r="AK29" s="71">
        <v>0</v>
      </c>
      <c r="AL29" s="72">
        <v>1</v>
      </c>
      <c r="AM29" s="244"/>
      <c r="AN29" s="71">
        <v>4</v>
      </c>
      <c r="AO29" s="71">
        <v>3</v>
      </c>
      <c r="AP29" s="71">
        <v>1</v>
      </c>
      <c r="AQ29" s="71">
        <v>2</v>
      </c>
      <c r="AR29" s="71">
        <v>1</v>
      </c>
      <c r="AS29" s="72">
        <v>11</v>
      </c>
      <c r="AT29" s="73">
        <v>12</v>
      </c>
      <c r="AU29" s="70">
        <v>1</v>
      </c>
      <c r="AV29" s="71">
        <v>3</v>
      </c>
      <c r="AW29" s="72">
        <v>4</v>
      </c>
      <c r="AX29" s="244"/>
      <c r="AY29" s="71">
        <v>6</v>
      </c>
      <c r="AZ29" s="71">
        <v>2</v>
      </c>
      <c r="BA29" s="71">
        <v>0</v>
      </c>
      <c r="BB29" s="71">
        <v>4</v>
      </c>
      <c r="BC29" s="71">
        <v>0</v>
      </c>
      <c r="BD29" s="72">
        <v>12</v>
      </c>
      <c r="BE29" s="73">
        <v>16</v>
      </c>
      <c r="BF29" s="70">
        <v>3</v>
      </c>
      <c r="BG29" s="71">
        <v>4</v>
      </c>
      <c r="BH29" s="72">
        <v>7</v>
      </c>
      <c r="BI29" s="244"/>
      <c r="BJ29" s="71">
        <v>5</v>
      </c>
      <c r="BK29" s="71">
        <v>5</v>
      </c>
      <c r="BL29" s="71">
        <v>1</v>
      </c>
      <c r="BM29" s="71">
        <v>2</v>
      </c>
      <c r="BN29" s="71">
        <v>1</v>
      </c>
      <c r="BO29" s="72">
        <v>14</v>
      </c>
      <c r="BP29" s="73">
        <v>21</v>
      </c>
      <c r="BQ29" s="70">
        <v>2</v>
      </c>
      <c r="BR29" s="71">
        <v>2</v>
      </c>
      <c r="BS29" s="72">
        <v>4</v>
      </c>
      <c r="BT29" s="244"/>
      <c r="BU29" s="71">
        <v>8</v>
      </c>
      <c r="BV29" s="71">
        <v>7</v>
      </c>
      <c r="BW29" s="71">
        <v>5</v>
      </c>
      <c r="BX29" s="71">
        <v>1</v>
      </c>
      <c r="BY29" s="71">
        <v>3</v>
      </c>
      <c r="BZ29" s="72">
        <v>24</v>
      </c>
      <c r="CA29" s="73">
        <v>28</v>
      </c>
      <c r="CB29" s="70">
        <v>0</v>
      </c>
      <c r="CC29" s="71">
        <v>0</v>
      </c>
      <c r="CD29" s="72">
        <v>0</v>
      </c>
      <c r="CE29" s="244"/>
      <c r="CF29" s="71">
        <v>0</v>
      </c>
      <c r="CG29" s="71">
        <v>0</v>
      </c>
      <c r="CH29" s="71">
        <v>0</v>
      </c>
      <c r="CI29" s="71">
        <v>0</v>
      </c>
      <c r="CJ29" s="71">
        <v>0</v>
      </c>
      <c r="CK29" s="72">
        <v>0</v>
      </c>
      <c r="CL29" s="73">
        <v>0</v>
      </c>
      <c r="CM29" s="70">
        <v>11</v>
      </c>
      <c r="CN29" s="71">
        <v>10</v>
      </c>
      <c r="CO29" s="72">
        <v>21</v>
      </c>
      <c r="CP29" s="244"/>
      <c r="CQ29" s="71">
        <v>23</v>
      </c>
      <c r="CR29" s="71">
        <v>19</v>
      </c>
      <c r="CS29" s="71">
        <v>10</v>
      </c>
      <c r="CT29" s="71">
        <v>9</v>
      </c>
      <c r="CU29" s="71">
        <v>7</v>
      </c>
      <c r="CV29" s="72">
        <v>68</v>
      </c>
      <c r="CW29" s="73">
        <v>89</v>
      </c>
      <c r="CX29" s="123">
        <v>5</v>
      </c>
      <c r="CY29" s="82">
        <v>6</v>
      </c>
      <c r="CZ29" s="83">
        <v>11</v>
      </c>
      <c r="DA29" s="241"/>
      <c r="DB29" s="82">
        <v>11</v>
      </c>
      <c r="DC29" s="82">
        <v>4</v>
      </c>
      <c r="DD29" s="82">
        <v>3</v>
      </c>
      <c r="DE29" s="82">
        <v>3</v>
      </c>
      <c r="DF29" s="82">
        <v>2</v>
      </c>
      <c r="DG29" s="84">
        <v>23</v>
      </c>
      <c r="DH29" s="85">
        <v>34</v>
      </c>
      <c r="DI29" s="70">
        <v>0</v>
      </c>
      <c r="DJ29" s="71">
        <v>0</v>
      </c>
      <c r="DK29" s="72">
        <v>0</v>
      </c>
      <c r="DL29" s="244"/>
      <c r="DM29" s="71">
        <v>0</v>
      </c>
      <c r="DN29" s="71">
        <v>0</v>
      </c>
      <c r="DO29" s="71">
        <v>0</v>
      </c>
      <c r="DP29" s="71">
        <v>0</v>
      </c>
      <c r="DQ29" s="71">
        <v>0</v>
      </c>
      <c r="DR29" s="72">
        <v>0</v>
      </c>
      <c r="DS29" s="73">
        <v>0</v>
      </c>
      <c r="DT29" s="70">
        <v>1</v>
      </c>
      <c r="DU29" s="71">
        <v>0</v>
      </c>
      <c r="DV29" s="72">
        <v>1</v>
      </c>
      <c r="DW29" s="244"/>
      <c r="DX29" s="71">
        <v>1</v>
      </c>
      <c r="DY29" s="71">
        <v>0</v>
      </c>
      <c r="DZ29" s="71">
        <v>0</v>
      </c>
      <c r="EA29" s="71">
        <v>1</v>
      </c>
      <c r="EB29" s="71">
        <v>0</v>
      </c>
      <c r="EC29" s="72">
        <v>2</v>
      </c>
      <c r="ED29" s="73">
        <v>3</v>
      </c>
      <c r="EE29" s="70">
        <v>1</v>
      </c>
      <c r="EF29" s="71">
        <v>2</v>
      </c>
      <c r="EG29" s="72">
        <v>3</v>
      </c>
      <c r="EH29" s="244"/>
      <c r="EI29" s="71">
        <v>2</v>
      </c>
      <c r="EJ29" s="71">
        <v>0</v>
      </c>
      <c r="EK29" s="71">
        <v>0</v>
      </c>
      <c r="EL29" s="71">
        <v>0</v>
      </c>
      <c r="EM29" s="71">
        <v>0</v>
      </c>
      <c r="EN29" s="72">
        <v>2</v>
      </c>
      <c r="EO29" s="73">
        <v>5</v>
      </c>
      <c r="EP29" s="70">
        <v>0</v>
      </c>
      <c r="EQ29" s="71">
        <v>0</v>
      </c>
      <c r="ER29" s="72">
        <v>0</v>
      </c>
      <c r="ES29" s="244"/>
      <c r="ET29" s="71">
        <v>0</v>
      </c>
      <c r="EU29" s="71">
        <v>0</v>
      </c>
      <c r="EV29" s="71">
        <v>0</v>
      </c>
      <c r="EW29" s="71">
        <v>0</v>
      </c>
      <c r="EX29" s="71">
        <v>0</v>
      </c>
      <c r="EY29" s="72">
        <v>0</v>
      </c>
      <c r="EZ29" s="73">
        <v>0</v>
      </c>
      <c r="FA29" s="70">
        <v>2</v>
      </c>
      <c r="FB29" s="71">
        <v>1</v>
      </c>
      <c r="FC29" s="72">
        <v>3</v>
      </c>
      <c r="FD29" s="244"/>
      <c r="FE29" s="71">
        <v>2</v>
      </c>
      <c r="FF29" s="71">
        <v>1</v>
      </c>
      <c r="FG29" s="71">
        <v>1</v>
      </c>
      <c r="FH29" s="71">
        <v>0</v>
      </c>
      <c r="FI29" s="71">
        <v>1</v>
      </c>
      <c r="FJ29" s="72">
        <v>5</v>
      </c>
      <c r="FK29" s="73">
        <v>8</v>
      </c>
      <c r="FL29" s="70">
        <v>1</v>
      </c>
      <c r="FM29" s="71">
        <v>3</v>
      </c>
      <c r="FN29" s="72">
        <v>4</v>
      </c>
      <c r="FO29" s="244"/>
      <c r="FP29" s="71">
        <v>6</v>
      </c>
      <c r="FQ29" s="71">
        <v>3</v>
      </c>
      <c r="FR29" s="71">
        <v>2</v>
      </c>
      <c r="FS29" s="71">
        <v>2</v>
      </c>
      <c r="FT29" s="71">
        <v>1</v>
      </c>
      <c r="FU29" s="72">
        <v>14</v>
      </c>
      <c r="FV29" s="73">
        <v>18</v>
      </c>
      <c r="FW29" s="70">
        <v>0</v>
      </c>
      <c r="FX29" s="71">
        <v>0</v>
      </c>
      <c r="FY29" s="72">
        <v>0</v>
      </c>
      <c r="FZ29" s="244"/>
      <c r="GA29" s="71">
        <v>0</v>
      </c>
      <c r="GB29" s="71">
        <v>0</v>
      </c>
      <c r="GC29" s="71">
        <v>0</v>
      </c>
      <c r="GD29" s="71">
        <v>0</v>
      </c>
      <c r="GE29" s="71">
        <v>0</v>
      </c>
      <c r="GF29" s="72">
        <v>0</v>
      </c>
      <c r="GG29" s="73">
        <v>0</v>
      </c>
      <c r="GH29" s="70">
        <v>5</v>
      </c>
      <c r="GI29" s="71">
        <v>6</v>
      </c>
      <c r="GJ29" s="72">
        <v>11</v>
      </c>
      <c r="GK29" s="244"/>
      <c r="GL29" s="71">
        <v>11</v>
      </c>
      <c r="GM29" s="71">
        <v>4</v>
      </c>
      <c r="GN29" s="71">
        <v>3</v>
      </c>
      <c r="GO29" s="71">
        <v>3</v>
      </c>
      <c r="GP29" s="71">
        <v>2</v>
      </c>
      <c r="GQ29" s="72">
        <v>23</v>
      </c>
      <c r="GR29" s="73">
        <v>34</v>
      </c>
      <c r="GS29" s="123">
        <v>16</v>
      </c>
      <c r="GT29" s="82">
        <v>16</v>
      </c>
      <c r="GU29" s="83">
        <v>32</v>
      </c>
      <c r="GV29" s="241"/>
      <c r="GW29" s="82">
        <v>34</v>
      </c>
      <c r="GX29" s="82">
        <v>23</v>
      </c>
      <c r="GY29" s="82">
        <v>13</v>
      </c>
      <c r="GZ29" s="82">
        <v>12</v>
      </c>
      <c r="HA29" s="82">
        <v>9</v>
      </c>
      <c r="HB29" s="84">
        <v>91</v>
      </c>
      <c r="HC29" s="85">
        <v>123</v>
      </c>
      <c r="HD29" s="70">
        <v>2</v>
      </c>
      <c r="HE29" s="71">
        <v>0</v>
      </c>
      <c r="HF29" s="72">
        <v>2</v>
      </c>
      <c r="HG29" s="244"/>
      <c r="HH29" s="71">
        <v>0</v>
      </c>
      <c r="HI29" s="71">
        <v>0</v>
      </c>
      <c r="HJ29" s="71">
        <v>1</v>
      </c>
      <c r="HK29" s="71">
        <v>0</v>
      </c>
      <c r="HL29" s="71">
        <v>0</v>
      </c>
      <c r="HM29" s="72">
        <v>1</v>
      </c>
      <c r="HN29" s="73">
        <v>3</v>
      </c>
      <c r="HO29" s="70">
        <v>3</v>
      </c>
      <c r="HP29" s="71">
        <v>1</v>
      </c>
      <c r="HQ29" s="72">
        <v>4</v>
      </c>
      <c r="HR29" s="244"/>
      <c r="HS29" s="71">
        <v>1</v>
      </c>
      <c r="HT29" s="71">
        <v>2</v>
      </c>
      <c r="HU29" s="71">
        <v>2</v>
      </c>
      <c r="HV29" s="71">
        <v>1</v>
      </c>
      <c r="HW29" s="71">
        <v>2</v>
      </c>
      <c r="HX29" s="72">
        <v>8</v>
      </c>
      <c r="HY29" s="73">
        <v>12</v>
      </c>
      <c r="HZ29" s="70">
        <v>2</v>
      </c>
      <c r="IA29" s="71">
        <v>2</v>
      </c>
      <c r="IB29" s="72">
        <v>4</v>
      </c>
      <c r="IC29" s="244"/>
      <c r="ID29" s="71">
        <v>6</v>
      </c>
      <c r="IE29" s="71">
        <v>3</v>
      </c>
      <c r="IF29" s="71">
        <v>1</v>
      </c>
      <c r="IG29" s="71">
        <v>2</v>
      </c>
      <c r="IH29" s="71">
        <v>1</v>
      </c>
      <c r="II29" s="72">
        <v>13</v>
      </c>
      <c r="IJ29" s="73">
        <v>17</v>
      </c>
      <c r="IK29" s="70">
        <v>1</v>
      </c>
      <c r="IL29" s="71">
        <v>3</v>
      </c>
      <c r="IM29" s="72">
        <v>4</v>
      </c>
      <c r="IN29" s="244"/>
      <c r="IO29" s="71">
        <v>6</v>
      </c>
      <c r="IP29" s="71">
        <v>2</v>
      </c>
      <c r="IQ29" s="71">
        <v>0</v>
      </c>
      <c r="IR29" s="71">
        <v>4</v>
      </c>
      <c r="IS29" s="71">
        <v>0</v>
      </c>
      <c r="IT29" s="72">
        <v>12</v>
      </c>
      <c r="IU29" s="73">
        <v>16</v>
      </c>
      <c r="IV29" s="70">
        <v>5</v>
      </c>
      <c r="IW29" s="71">
        <v>5</v>
      </c>
      <c r="IX29" s="72">
        <v>10</v>
      </c>
      <c r="IY29" s="244"/>
      <c r="IZ29" s="71">
        <v>7</v>
      </c>
      <c r="JA29" s="71">
        <v>6</v>
      </c>
      <c r="JB29" s="71">
        <v>2</v>
      </c>
      <c r="JC29" s="71">
        <v>2</v>
      </c>
      <c r="JD29" s="71">
        <v>2</v>
      </c>
      <c r="JE29" s="72">
        <v>19</v>
      </c>
      <c r="JF29" s="73">
        <v>29</v>
      </c>
      <c r="JG29" s="70">
        <v>3</v>
      </c>
      <c r="JH29" s="71">
        <v>5</v>
      </c>
      <c r="JI29" s="72">
        <v>8</v>
      </c>
      <c r="JJ29" s="244"/>
      <c r="JK29" s="71">
        <v>14</v>
      </c>
      <c r="JL29" s="71">
        <v>10</v>
      </c>
      <c r="JM29" s="71">
        <v>7</v>
      </c>
      <c r="JN29" s="71">
        <v>3</v>
      </c>
      <c r="JO29" s="71">
        <v>4</v>
      </c>
      <c r="JP29" s="72">
        <v>38</v>
      </c>
      <c r="JQ29" s="73">
        <v>46</v>
      </c>
      <c r="JR29" s="70">
        <v>0</v>
      </c>
      <c r="JS29" s="71">
        <v>0</v>
      </c>
      <c r="JT29" s="72">
        <v>0</v>
      </c>
      <c r="JU29" s="244"/>
      <c r="JV29" s="71">
        <v>0</v>
      </c>
      <c r="JW29" s="71">
        <v>0</v>
      </c>
      <c r="JX29" s="71">
        <v>0</v>
      </c>
      <c r="JY29" s="71">
        <v>0</v>
      </c>
      <c r="JZ29" s="71">
        <v>0</v>
      </c>
      <c r="KA29" s="72">
        <v>0</v>
      </c>
      <c r="KB29" s="73">
        <v>0</v>
      </c>
      <c r="KC29" s="70">
        <v>16</v>
      </c>
      <c r="KD29" s="71">
        <v>16</v>
      </c>
      <c r="KE29" s="72">
        <v>32</v>
      </c>
      <c r="KF29" s="244"/>
      <c r="KG29" s="71">
        <v>34</v>
      </c>
      <c r="KH29" s="71">
        <v>23</v>
      </c>
      <c r="KI29" s="71">
        <v>13</v>
      </c>
      <c r="KJ29" s="71">
        <v>12</v>
      </c>
      <c r="KK29" s="71">
        <v>9</v>
      </c>
      <c r="KL29" s="72">
        <v>91</v>
      </c>
      <c r="KM29" s="73">
        <v>123</v>
      </c>
    </row>
    <row r="30" spans="2:299" ht="21" customHeight="1" x14ac:dyDescent="0.2">
      <c r="B30" s="126" t="s">
        <v>27</v>
      </c>
      <c r="C30" s="313">
        <v>13</v>
      </c>
      <c r="D30" s="82">
        <v>15</v>
      </c>
      <c r="E30" s="83">
        <v>28</v>
      </c>
      <c r="F30" s="241"/>
      <c r="G30" s="82">
        <v>11</v>
      </c>
      <c r="H30" s="82">
        <v>13</v>
      </c>
      <c r="I30" s="82">
        <v>7</v>
      </c>
      <c r="J30" s="82">
        <v>8</v>
      </c>
      <c r="K30" s="82">
        <v>2</v>
      </c>
      <c r="L30" s="84">
        <v>41</v>
      </c>
      <c r="M30" s="85">
        <v>69</v>
      </c>
      <c r="N30" s="70">
        <v>0</v>
      </c>
      <c r="O30" s="71">
        <v>1</v>
      </c>
      <c r="P30" s="72">
        <v>1</v>
      </c>
      <c r="Q30" s="244"/>
      <c r="R30" s="71">
        <v>0</v>
      </c>
      <c r="S30" s="71">
        <v>0</v>
      </c>
      <c r="T30" s="71">
        <v>0</v>
      </c>
      <c r="U30" s="71">
        <v>0</v>
      </c>
      <c r="V30" s="71">
        <v>0</v>
      </c>
      <c r="W30" s="72">
        <v>0</v>
      </c>
      <c r="X30" s="73">
        <v>1</v>
      </c>
      <c r="Y30" s="70">
        <v>2</v>
      </c>
      <c r="Z30" s="71">
        <v>0</v>
      </c>
      <c r="AA30" s="72">
        <v>2</v>
      </c>
      <c r="AB30" s="244"/>
      <c r="AC30" s="71">
        <v>1</v>
      </c>
      <c r="AD30" s="71">
        <v>2</v>
      </c>
      <c r="AE30" s="71">
        <v>0</v>
      </c>
      <c r="AF30" s="71">
        <v>0</v>
      </c>
      <c r="AG30" s="71">
        <v>0</v>
      </c>
      <c r="AH30" s="72">
        <v>3</v>
      </c>
      <c r="AI30" s="73">
        <v>5</v>
      </c>
      <c r="AJ30" s="70">
        <v>1</v>
      </c>
      <c r="AK30" s="71">
        <v>3</v>
      </c>
      <c r="AL30" s="72">
        <v>4</v>
      </c>
      <c r="AM30" s="244"/>
      <c r="AN30" s="71">
        <v>0</v>
      </c>
      <c r="AO30" s="71">
        <v>1</v>
      </c>
      <c r="AP30" s="71">
        <v>0</v>
      </c>
      <c r="AQ30" s="71">
        <v>0</v>
      </c>
      <c r="AR30" s="71">
        <v>0</v>
      </c>
      <c r="AS30" s="72">
        <v>1</v>
      </c>
      <c r="AT30" s="73">
        <v>5</v>
      </c>
      <c r="AU30" s="70">
        <v>5</v>
      </c>
      <c r="AV30" s="71">
        <v>4</v>
      </c>
      <c r="AW30" s="72">
        <v>9</v>
      </c>
      <c r="AX30" s="244"/>
      <c r="AY30" s="71">
        <v>3</v>
      </c>
      <c r="AZ30" s="71">
        <v>4</v>
      </c>
      <c r="BA30" s="71">
        <v>2</v>
      </c>
      <c r="BB30" s="71">
        <v>2</v>
      </c>
      <c r="BC30" s="71">
        <v>0</v>
      </c>
      <c r="BD30" s="72">
        <v>11</v>
      </c>
      <c r="BE30" s="73">
        <v>20</v>
      </c>
      <c r="BF30" s="70">
        <v>2</v>
      </c>
      <c r="BG30" s="71">
        <v>5</v>
      </c>
      <c r="BH30" s="72">
        <v>7</v>
      </c>
      <c r="BI30" s="244"/>
      <c r="BJ30" s="71">
        <v>2</v>
      </c>
      <c r="BK30" s="71">
        <v>2</v>
      </c>
      <c r="BL30" s="71">
        <v>3</v>
      </c>
      <c r="BM30" s="71">
        <v>5</v>
      </c>
      <c r="BN30" s="71">
        <v>2</v>
      </c>
      <c r="BO30" s="72">
        <v>14</v>
      </c>
      <c r="BP30" s="73">
        <v>21</v>
      </c>
      <c r="BQ30" s="70">
        <v>3</v>
      </c>
      <c r="BR30" s="71">
        <v>2</v>
      </c>
      <c r="BS30" s="72">
        <v>5</v>
      </c>
      <c r="BT30" s="244"/>
      <c r="BU30" s="71">
        <v>5</v>
      </c>
      <c r="BV30" s="71">
        <v>4</v>
      </c>
      <c r="BW30" s="71">
        <v>2</v>
      </c>
      <c r="BX30" s="71">
        <v>1</v>
      </c>
      <c r="BY30" s="71">
        <v>0</v>
      </c>
      <c r="BZ30" s="72">
        <v>12</v>
      </c>
      <c r="CA30" s="73">
        <v>17</v>
      </c>
      <c r="CB30" s="70">
        <v>0</v>
      </c>
      <c r="CC30" s="71">
        <v>0</v>
      </c>
      <c r="CD30" s="72">
        <v>0</v>
      </c>
      <c r="CE30" s="244"/>
      <c r="CF30" s="71">
        <v>0</v>
      </c>
      <c r="CG30" s="71">
        <v>0</v>
      </c>
      <c r="CH30" s="71">
        <v>0</v>
      </c>
      <c r="CI30" s="71">
        <v>0</v>
      </c>
      <c r="CJ30" s="71">
        <v>0</v>
      </c>
      <c r="CK30" s="72">
        <v>0</v>
      </c>
      <c r="CL30" s="73">
        <v>0</v>
      </c>
      <c r="CM30" s="70">
        <v>13</v>
      </c>
      <c r="CN30" s="71">
        <v>15</v>
      </c>
      <c r="CO30" s="72">
        <v>28</v>
      </c>
      <c r="CP30" s="244"/>
      <c r="CQ30" s="71">
        <v>11</v>
      </c>
      <c r="CR30" s="71">
        <v>13</v>
      </c>
      <c r="CS30" s="71">
        <v>7</v>
      </c>
      <c r="CT30" s="71">
        <v>8</v>
      </c>
      <c r="CU30" s="71">
        <v>2</v>
      </c>
      <c r="CV30" s="72">
        <v>41</v>
      </c>
      <c r="CW30" s="73">
        <v>69</v>
      </c>
      <c r="CX30" s="123">
        <v>7</v>
      </c>
      <c r="CY30" s="82">
        <v>5</v>
      </c>
      <c r="CZ30" s="83">
        <v>12</v>
      </c>
      <c r="DA30" s="241"/>
      <c r="DB30" s="82">
        <v>4</v>
      </c>
      <c r="DC30" s="82">
        <v>2</v>
      </c>
      <c r="DD30" s="82">
        <v>8</v>
      </c>
      <c r="DE30" s="82">
        <v>1</v>
      </c>
      <c r="DF30" s="82">
        <v>1</v>
      </c>
      <c r="DG30" s="84">
        <v>16</v>
      </c>
      <c r="DH30" s="85">
        <v>28</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1</v>
      </c>
      <c r="DZ30" s="71">
        <v>1</v>
      </c>
      <c r="EA30" s="71">
        <v>0</v>
      </c>
      <c r="EB30" s="71">
        <v>0</v>
      </c>
      <c r="EC30" s="72">
        <v>2</v>
      </c>
      <c r="ED30" s="73">
        <v>2</v>
      </c>
      <c r="EE30" s="70">
        <v>2</v>
      </c>
      <c r="EF30" s="71">
        <v>0</v>
      </c>
      <c r="EG30" s="72">
        <v>2</v>
      </c>
      <c r="EH30" s="244"/>
      <c r="EI30" s="71">
        <v>0</v>
      </c>
      <c r="EJ30" s="71">
        <v>1</v>
      </c>
      <c r="EK30" s="71">
        <v>0</v>
      </c>
      <c r="EL30" s="71">
        <v>0</v>
      </c>
      <c r="EM30" s="71">
        <v>0</v>
      </c>
      <c r="EN30" s="72">
        <v>1</v>
      </c>
      <c r="EO30" s="73">
        <v>3</v>
      </c>
      <c r="EP30" s="70">
        <v>3</v>
      </c>
      <c r="EQ30" s="71">
        <v>0</v>
      </c>
      <c r="ER30" s="72">
        <v>3</v>
      </c>
      <c r="ES30" s="244"/>
      <c r="ET30" s="71">
        <v>1</v>
      </c>
      <c r="EU30" s="71">
        <v>0</v>
      </c>
      <c r="EV30" s="71">
        <v>0</v>
      </c>
      <c r="EW30" s="71">
        <v>0</v>
      </c>
      <c r="EX30" s="71">
        <v>0</v>
      </c>
      <c r="EY30" s="72">
        <v>1</v>
      </c>
      <c r="EZ30" s="73">
        <v>4</v>
      </c>
      <c r="FA30" s="70">
        <v>1</v>
      </c>
      <c r="FB30" s="71">
        <v>1</v>
      </c>
      <c r="FC30" s="72">
        <v>2</v>
      </c>
      <c r="FD30" s="244"/>
      <c r="FE30" s="71">
        <v>1</v>
      </c>
      <c r="FF30" s="71">
        <v>0</v>
      </c>
      <c r="FG30" s="71">
        <v>3</v>
      </c>
      <c r="FH30" s="71">
        <v>0</v>
      </c>
      <c r="FI30" s="71">
        <v>0</v>
      </c>
      <c r="FJ30" s="72">
        <v>4</v>
      </c>
      <c r="FK30" s="73">
        <v>6</v>
      </c>
      <c r="FL30" s="70">
        <v>1</v>
      </c>
      <c r="FM30" s="71">
        <v>4</v>
      </c>
      <c r="FN30" s="72">
        <v>5</v>
      </c>
      <c r="FO30" s="244"/>
      <c r="FP30" s="71">
        <v>2</v>
      </c>
      <c r="FQ30" s="71">
        <v>0</v>
      </c>
      <c r="FR30" s="71">
        <v>4</v>
      </c>
      <c r="FS30" s="71">
        <v>1</v>
      </c>
      <c r="FT30" s="71">
        <v>1</v>
      </c>
      <c r="FU30" s="72">
        <v>8</v>
      </c>
      <c r="FV30" s="73">
        <v>13</v>
      </c>
      <c r="FW30" s="70">
        <v>0</v>
      </c>
      <c r="FX30" s="71">
        <v>0</v>
      </c>
      <c r="FY30" s="72">
        <v>0</v>
      </c>
      <c r="FZ30" s="244"/>
      <c r="GA30" s="71">
        <v>0</v>
      </c>
      <c r="GB30" s="71">
        <v>0</v>
      </c>
      <c r="GC30" s="71">
        <v>0</v>
      </c>
      <c r="GD30" s="71">
        <v>0</v>
      </c>
      <c r="GE30" s="71">
        <v>0</v>
      </c>
      <c r="GF30" s="72">
        <v>0</v>
      </c>
      <c r="GG30" s="73">
        <v>0</v>
      </c>
      <c r="GH30" s="70">
        <v>7</v>
      </c>
      <c r="GI30" s="71">
        <v>5</v>
      </c>
      <c r="GJ30" s="72">
        <v>12</v>
      </c>
      <c r="GK30" s="244"/>
      <c r="GL30" s="71">
        <v>4</v>
      </c>
      <c r="GM30" s="71">
        <v>2</v>
      </c>
      <c r="GN30" s="71">
        <v>8</v>
      </c>
      <c r="GO30" s="71">
        <v>1</v>
      </c>
      <c r="GP30" s="71">
        <v>1</v>
      </c>
      <c r="GQ30" s="72">
        <v>16</v>
      </c>
      <c r="GR30" s="73">
        <v>28</v>
      </c>
      <c r="GS30" s="123">
        <v>20</v>
      </c>
      <c r="GT30" s="82">
        <v>20</v>
      </c>
      <c r="GU30" s="83">
        <v>40</v>
      </c>
      <c r="GV30" s="241"/>
      <c r="GW30" s="82">
        <v>15</v>
      </c>
      <c r="GX30" s="82">
        <v>15</v>
      </c>
      <c r="GY30" s="82">
        <v>15</v>
      </c>
      <c r="GZ30" s="82">
        <v>9</v>
      </c>
      <c r="HA30" s="82">
        <v>3</v>
      </c>
      <c r="HB30" s="84">
        <v>57</v>
      </c>
      <c r="HC30" s="85">
        <v>97</v>
      </c>
      <c r="HD30" s="70">
        <v>0</v>
      </c>
      <c r="HE30" s="71">
        <v>1</v>
      </c>
      <c r="HF30" s="72">
        <v>1</v>
      </c>
      <c r="HG30" s="244"/>
      <c r="HH30" s="71">
        <v>0</v>
      </c>
      <c r="HI30" s="71">
        <v>0</v>
      </c>
      <c r="HJ30" s="71">
        <v>0</v>
      </c>
      <c r="HK30" s="71">
        <v>0</v>
      </c>
      <c r="HL30" s="71">
        <v>0</v>
      </c>
      <c r="HM30" s="72">
        <v>0</v>
      </c>
      <c r="HN30" s="73">
        <v>1</v>
      </c>
      <c r="HO30" s="70">
        <v>2</v>
      </c>
      <c r="HP30" s="71">
        <v>0</v>
      </c>
      <c r="HQ30" s="72">
        <v>2</v>
      </c>
      <c r="HR30" s="244"/>
      <c r="HS30" s="71">
        <v>1</v>
      </c>
      <c r="HT30" s="71">
        <v>3</v>
      </c>
      <c r="HU30" s="71">
        <v>1</v>
      </c>
      <c r="HV30" s="71">
        <v>0</v>
      </c>
      <c r="HW30" s="71">
        <v>0</v>
      </c>
      <c r="HX30" s="72">
        <v>5</v>
      </c>
      <c r="HY30" s="73">
        <v>7</v>
      </c>
      <c r="HZ30" s="70">
        <v>3</v>
      </c>
      <c r="IA30" s="71">
        <v>3</v>
      </c>
      <c r="IB30" s="72">
        <v>6</v>
      </c>
      <c r="IC30" s="244"/>
      <c r="ID30" s="71">
        <v>0</v>
      </c>
      <c r="IE30" s="71">
        <v>2</v>
      </c>
      <c r="IF30" s="71">
        <v>0</v>
      </c>
      <c r="IG30" s="71">
        <v>0</v>
      </c>
      <c r="IH30" s="71">
        <v>0</v>
      </c>
      <c r="II30" s="72">
        <v>2</v>
      </c>
      <c r="IJ30" s="73">
        <v>8</v>
      </c>
      <c r="IK30" s="70">
        <v>8</v>
      </c>
      <c r="IL30" s="71">
        <v>4</v>
      </c>
      <c r="IM30" s="72">
        <v>12</v>
      </c>
      <c r="IN30" s="244"/>
      <c r="IO30" s="71">
        <v>4</v>
      </c>
      <c r="IP30" s="71">
        <v>4</v>
      </c>
      <c r="IQ30" s="71">
        <v>2</v>
      </c>
      <c r="IR30" s="71">
        <v>2</v>
      </c>
      <c r="IS30" s="71">
        <v>0</v>
      </c>
      <c r="IT30" s="72">
        <v>12</v>
      </c>
      <c r="IU30" s="73">
        <v>24</v>
      </c>
      <c r="IV30" s="70">
        <v>3</v>
      </c>
      <c r="IW30" s="71">
        <v>6</v>
      </c>
      <c r="IX30" s="72">
        <v>9</v>
      </c>
      <c r="IY30" s="244"/>
      <c r="IZ30" s="71">
        <v>3</v>
      </c>
      <c r="JA30" s="71">
        <v>2</v>
      </c>
      <c r="JB30" s="71">
        <v>6</v>
      </c>
      <c r="JC30" s="71">
        <v>5</v>
      </c>
      <c r="JD30" s="71">
        <v>2</v>
      </c>
      <c r="JE30" s="72">
        <v>18</v>
      </c>
      <c r="JF30" s="73">
        <v>27</v>
      </c>
      <c r="JG30" s="70">
        <v>4</v>
      </c>
      <c r="JH30" s="71">
        <v>6</v>
      </c>
      <c r="JI30" s="72">
        <v>10</v>
      </c>
      <c r="JJ30" s="244"/>
      <c r="JK30" s="71">
        <v>7</v>
      </c>
      <c r="JL30" s="71">
        <v>4</v>
      </c>
      <c r="JM30" s="71">
        <v>6</v>
      </c>
      <c r="JN30" s="71">
        <v>2</v>
      </c>
      <c r="JO30" s="71">
        <v>1</v>
      </c>
      <c r="JP30" s="72">
        <v>20</v>
      </c>
      <c r="JQ30" s="73">
        <v>30</v>
      </c>
      <c r="JR30" s="70">
        <v>0</v>
      </c>
      <c r="JS30" s="71">
        <v>0</v>
      </c>
      <c r="JT30" s="72">
        <v>0</v>
      </c>
      <c r="JU30" s="244"/>
      <c r="JV30" s="71">
        <v>0</v>
      </c>
      <c r="JW30" s="71">
        <v>0</v>
      </c>
      <c r="JX30" s="71">
        <v>0</v>
      </c>
      <c r="JY30" s="71">
        <v>0</v>
      </c>
      <c r="JZ30" s="71">
        <v>0</v>
      </c>
      <c r="KA30" s="72">
        <v>0</v>
      </c>
      <c r="KB30" s="73">
        <v>0</v>
      </c>
      <c r="KC30" s="70">
        <v>20</v>
      </c>
      <c r="KD30" s="71">
        <v>20</v>
      </c>
      <c r="KE30" s="72">
        <v>40</v>
      </c>
      <c r="KF30" s="244"/>
      <c r="KG30" s="71">
        <v>15</v>
      </c>
      <c r="KH30" s="71">
        <v>15</v>
      </c>
      <c r="KI30" s="71">
        <v>15</v>
      </c>
      <c r="KJ30" s="71">
        <v>9</v>
      </c>
      <c r="KK30" s="71">
        <v>3</v>
      </c>
      <c r="KL30" s="72">
        <v>57</v>
      </c>
      <c r="KM30" s="73">
        <v>97</v>
      </c>
    </row>
    <row r="31" spans="2:299" ht="21" customHeight="1" x14ac:dyDescent="0.2">
      <c r="B31" s="126" t="s">
        <v>28</v>
      </c>
      <c r="C31" s="313">
        <v>0</v>
      </c>
      <c r="D31" s="82">
        <v>3</v>
      </c>
      <c r="E31" s="83">
        <v>3</v>
      </c>
      <c r="F31" s="241"/>
      <c r="G31" s="82">
        <v>8</v>
      </c>
      <c r="H31" s="82">
        <v>4</v>
      </c>
      <c r="I31" s="82">
        <v>3</v>
      </c>
      <c r="J31" s="82">
        <v>2</v>
      </c>
      <c r="K31" s="82">
        <v>2</v>
      </c>
      <c r="L31" s="84">
        <v>19</v>
      </c>
      <c r="M31" s="85">
        <v>22</v>
      </c>
      <c r="N31" s="70">
        <v>0</v>
      </c>
      <c r="O31" s="71">
        <v>1</v>
      </c>
      <c r="P31" s="72">
        <v>1</v>
      </c>
      <c r="Q31" s="244"/>
      <c r="R31" s="71">
        <v>0</v>
      </c>
      <c r="S31" s="71">
        <v>0</v>
      </c>
      <c r="T31" s="71">
        <v>1</v>
      </c>
      <c r="U31" s="71">
        <v>0</v>
      </c>
      <c r="V31" s="71">
        <v>0</v>
      </c>
      <c r="W31" s="72">
        <v>1</v>
      </c>
      <c r="X31" s="73">
        <v>2</v>
      </c>
      <c r="Y31" s="70">
        <v>0</v>
      </c>
      <c r="Z31" s="71">
        <v>2</v>
      </c>
      <c r="AA31" s="72">
        <v>2</v>
      </c>
      <c r="AB31" s="244"/>
      <c r="AC31" s="71">
        <v>1</v>
      </c>
      <c r="AD31" s="71">
        <v>0</v>
      </c>
      <c r="AE31" s="71">
        <v>0</v>
      </c>
      <c r="AF31" s="71">
        <v>0</v>
      </c>
      <c r="AG31" s="71">
        <v>0</v>
      </c>
      <c r="AH31" s="72">
        <v>1</v>
      </c>
      <c r="AI31" s="73">
        <v>3</v>
      </c>
      <c r="AJ31" s="70">
        <v>0</v>
      </c>
      <c r="AK31" s="71">
        <v>0</v>
      </c>
      <c r="AL31" s="72">
        <v>0</v>
      </c>
      <c r="AM31" s="244"/>
      <c r="AN31" s="71">
        <v>1</v>
      </c>
      <c r="AO31" s="71">
        <v>1</v>
      </c>
      <c r="AP31" s="71">
        <v>0</v>
      </c>
      <c r="AQ31" s="71">
        <v>0</v>
      </c>
      <c r="AR31" s="71">
        <v>1</v>
      </c>
      <c r="AS31" s="72">
        <v>3</v>
      </c>
      <c r="AT31" s="73">
        <v>3</v>
      </c>
      <c r="AU31" s="70">
        <v>0</v>
      </c>
      <c r="AV31" s="71">
        <v>0</v>
      </c>
      <c r="AW31" s="72">
        <v>0</v>
      </c>
      <c r="AX31" s="244"/>
      <c r="AY31" s="71">
        <v>4</v>
      </c>
      <c r="AZ31" s="71">
        <v>2</v>
      </c>
      <c r="BA31" s="71">
        <v>0</v>
      </c>
      <c r="BB31" s="71">
        <v>1</v>
      </c>
      <c r="BC31" s="71">
        <v>0</v>
      </c>
      <c r="BD31" s="72">
        <v>7</v>
      </c>
      <c r="BE31" s="73">
        <v>7</v>
      </c>
      <c r="BF31" s="70">
        <v>0</v>
      </c>
      <c r="BG31" s="71">
        <v>0</v>
      </c>
      <c r="BH31" s="72">
        <v>0</v>
      </c>
      <c r="BI31" s="244"/>
      <c r="BJ31" s="71">
        <v>1</v>
      </c>
      <c r="BK31" s="71">
        <v>1</v>
      </c>
      <c r="BL31" s="71">
        <v>0</v>
      </c>
      <c r="BM31" s="71">
        <v>0</v>
      </c>
      <c r="BN31" s="71">
        <v>0</v>
      </c>
      <c r="BO31" s="72">
        <v>2</v>
      </c>
      <c r="BP31" s="73">
        <v>2</v>
      </c>
      <c r="BQ31" s="70">
        <v>0</v>
      </c>
      <c r="BR31" s="71">
        <v>0</v>
      </c>
      <c r="BS31" s="72">
        <v>0</v>
      </c>
      <c r="BT31" s="244"/>
      <c r="BU31" s="71">
        <v>1</v>
      </c>
      <c r="BV31" s="71">
        <v>0</v>
      </c>
      <c r="BW31" s="71">
        <v>2</v>
      </c>
      <c r="BX31" s="71">
        <v>1</v>
      </c>
      <c r="BY31" s="71">
        <v>1</v>
      </c>
      <c r="BZ31" s="72">
        <v>5</v>
      </c>
      <c r="CA31" s="73">
        <v>5</v>
      </c>
      <c r="CB31" s="70">
        <v>0</v>
      </c>
      <c r="CC31" s="71">
        <v>0</v>
      </c>
      <c r="CD31" s="72">
        <v>0</v>
      </c>
      <c r="CE31" s="244"/>
      <c r="CF31" s="71">
        <v>0</v>
      </c>
      <c r="CG31" s="71">
        <v>0</v>
      </c>
      <c r="CH31" s="71">
        <v>0</v>
      </c>
      <c r="CI31" s="71">
        <v>0</v>
      </c>
      <c r="CJ31" s="71">
        <v>0</v>
      </c>
      <c r="CK31" s="72">
        <v>0</v>
      </c>
      <c r="CL31" s="73">
        <v>0</v>
      </c>
      <c r="CM31" s="70">
        <v>0</v>
      </c>
      <c r="CN31" s="71">
        <v>3</v>
      </c>
      <c r="CO31" s="72">
        <v>3</v>
      </c>
      <c r="CP31" s="244"/>
      <c r="CQ31" s="71">
        <v>8</v>
      </c>
      <c r="CR31" s="71">
        <v>4</v>
      </c>
      <c r="CS31" s="71">
        <v>3</v>
      </c>
      <c r="CT31" s="71">
        <v>2</v>
      </c>
      <c r="CU31" s="71">
        <v>2</v>
      </c>
      <c r="CV31" s="72">
        <v>19</v>
      </c>
      <c r="CW31" s="73">
        <v>22</v>
      </c>
      <c r="CX31" s="123">
        <v>0</v>
      </c>
      <c r="CY31" s="82">
        <v>1</v>
      </c>
      <c r="CZ31" s="83">
        <v>1</v>
      </c>
      <c r="DA31" s="241"/>
      <c r="DB31" s="82">
        <v>0</v>
      </c>
      <c r="DC31" s="82">
        <v>1</v>
      </c>
      <c r="DD31" s="82">
        <v>1</v>
      </c>
      <c r="DE31" s="82">
        <v>2</v>
      </c>
      <c r="DF31" s="82">
        <v>0</v>
      </c>
      <c r="DG31" s="84">
        <v>4</v>
      </c>
      <c r="DH31" s="85">
        <v>5</v>
      </c>
      <c r="DI31" s="70">
        <v>0</v>
      </c>
      <c r="DJ31" s="71">
        <v>0</v>
      </c>
      <c r="DK31" s="72">
        <v>0</v>
      </c>
      <c r="DL31" s="244"/>
      <c r="DM31" s="71">
        <v>0</v>
      </c>
      <c r="DN31" s="71">
        <v>0</v>
      </c>
      <c r="DO31" s="71">
        <v>0</v>
      </c>
      <c r="DP31" s="71">
        <v>0</v>
      </c>
      <c r="DQ31" s="71">
        <v>0</v>
      </c>
      <c r="DR31" s="72">
        <v>0</v>
      </c>
      <c r="DS31" s="73">
        <v>0</v>
      </c>
      <c r="DT31" s="70">
        <v>0</v>
      </c>
      <c r="DU31" s="71">
        <v>1</v>
      </c>
      <c r="DV31" s="72">
        <v>1</v>
      </c>
      <c r="DW31" s="244"/>
      <c r="DX31" s="71">
        <v>0</v>
      </c>
      <c r="DY31" s="71">
        <v>0</v>
      </c>
      <c r="DZ31" s="71">
        <v>1</v>
      </c>
      <c r="EA31" s="71">
        <v>0</v>
      </c>
      <c r="EB31" s="71">
        <v>0</v>
      </c>
      <c r="EC31" s="72">
        <v>1</v>
      </c>
      <c r="ED31" s="73">
        <v>2</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1</v>
      </c>
      <c r="GJ31" s="72">
        <v>1</v>
      </c>
      <c r="GK31" s="244"/>
      <c r="GL31" s="71">
        <v>0</v>
      </c>
      <c r="GM31" s="71">
        <v>1</v>
      </c>
      <c r="GN31" s="71">
        <v>1</v>
      </c>
      <c r="GO31" s="71">
        <v>2</v>
      </c>
      <c r="GP31" s="71">
        <v>0</v>
      </c>
      <c r="GQ31" s="72">
        <v>4</v>
      </c>
      <c r="GR31" s="73">
        <v>5</v>
      </c>
      <c r="GS31" s="123">
        <v>0</v>
      </c>
      <c r="GT31" s="82">
        <v>4</v>
      </c>
      <c r="GU31" s="83">
        <v>4</v>
      </c>
      <c r="GV31" s="241"/>
      <c r="GW31" s="82">
        <v>8</v>
      </c>
      <c r="GX31" s="82">
        <v>5</v>
      </c>
      <c r="GY31" s="82">
        <v>4</v>
      </c>
      <c r="GZ31" s="82">
        <v>4</v>
      </c>
      <c r="HA31" s="82">
        <v>2</v>
      </c>
      <c r="HB31" s="84">
        <v>23</v>
      </c>
      <c r="HC31" s="85">
        <v>27</v>
      </c>
      <c r="HD31" s="70">
        <v>0</v>
      </c>
      <c r="HE31" s="71">
        <v>1</v>
      </c>
      <c r="HF31" s="72">
        <v>1</v>
      </c>
      <c r="HG31" s="244"/>
      <c r="HH31" s="71">
        <v>0</v>
      </c>
      <c r="HI31" s="71">
        <v>0</v>
      </c>
      <c r="HJ31" s="71">
        <v>1</v>
      </c>
      <c r="HK31" s="71">
        <v>0</v>
      </c>
      <c r="HL31" s="71">
        <v>0</v>
      </c>
      <c r="HM31" s="72">
        <v>1</v>
      </c>
      <c r="HN31" s="73">
        <v>2</v>
      </c>
      <c r="HO31" s="70">
        <v>0</v>
      </c>
      <c r="HP31" s="71">
        <v>3</v>
      </c>
      <c r="HQ31" s="72">
        <v>3</v>
      </c>
      <c r="HR31" s="244"/>
      <c r="HS31" s="71">
        <v>1</v>
      </c>
      <c r="HT31" s="71">
        <v>0</v>
      </c>
      <c r="HU31" s="71">
        <v>1</v>
      </c>
      <c r="HV31" s="71">
        <v>0</v>
      </c>
      <c r="HW31" s="71">
        <v>0</v>
      </c>
      <c r="HX31" s="72">
        <v>2</v>
      </c>
      <c r="HY31" s="73">
        <v>5</v>
      </c>
      <c r="HZ31" s="70">
        <v>0</v>
      </c>
      <c r="IA31" s="71">
        <v>0</v>
      </c>
      <c r="IB31" s="72">
        <v>0</v>
      </c>
      <c r="IC31" s="244"/>
      <c r="ID31" s="71">
        <v>1</v>
      </c>
      <c r="IE31" s="71">
        <v>1</v>
      </c>
      <c r="IF31" s="71">
        <v>0</v>
      </c>
      <c r="IG31" s="71">
        <v>0</v>
      </c>
      <c r="IH31" s="71">
        <v>1</v>
      </c>
      <c r="II31" s="72">
        <v>3</v>
      </c>
      <c r="IJ31" s="73">
        <v>3</v>
      </c>
      <c r="IK31" s="70">
        <v>0</v>
      </c>
      <c r="IL31" s="71">
        <v>0</v>
      </c>
      <c r="IM31" s="72">
        <v>0</v>
      </c>
      <c r="IN31" s="244"/>
      <c r="IO31" s="71">
        <v>4</v>
      </c>
      <c r="IP31" s="71">
        <v>3</v>
      </c>
      <c r="IQ31" s="71">
        <v>0</v>
      </c>
      <c r="IR31" s="71">
        <v>1</v>
      </c>
      <c r="IS31" s="71">
        <v>0</v>
      </c>
      <c r="IT31" s="72">
        <v>8</v>
      </c>
      <c r="IU31" s="73">
        <v>8</v>
      </c>
      <c r="IV31" s="70">
        <v>0</v>
      </c>
      <c r="IW31" s="71">
        <v>0</v>
      </c>
      <c r="IX31" s="72">
        <v>0</v>
      </c>
      <c r="IY31" s="244"/>
      <c r="IZ31" s="71">
        <v>1</v>
      </c>
      <c r="JA31" s="71">
        <v>1</v>
      </c>
      <c r="JB31" s="71">
        <v>0</v>
      </c>
      <c r="JC31" s="71">
        <v>2</v>
      </c>
      <c r="JD31" s="71">
        <v>0</v>
      </c>
      <c r="JE31" s="72">
        <v>4</v>
      </c>
      <c r="JF31" s="73">
        <v>4</v>
      </c>
      <c r="JG31" s="70">
        <v>0</v>
      </c>
      <c r="JH31" s="71">
        <v>0</v>
      </c>
      <c r="JI31" s="72">
        <v>0</v>
      </c>
      <c r="JJ31" s="244"/>
      <c r="JK31" s="71">
        <v>1</v>
      </c>
      <c r="JL31" s="71">
        <v>0</v>
      </c>
      <c r="JM31" s="71">
        <v>2</v>
      </c>
      <c r="JN31" s="71">
        <v>1</v>
      </c>
      <c r="JO31" s="71">
        <v>1</v>
      </c>
      <c r="JP31" s="72">
        <v>5</v>
      </c>
      <c r="JQ31" s="73">
        <v>5</v>
      </c>
      <c r="JR31" s="70">
        <v>0</v>
      </c>
      <c r="JS31" s="71">
        <v>0</v>
      </c>
      <c r="JT31" s="72">
        <v>0</v>
      </c>
      <c r="JU31" s="244"/>
      <c r="JV31" s="71">
        <v>0</v>
      </c>
      <c r="JW31" s="71">
        <v>0</v>
      </c>
      <c r="JX31" s="71">
        <v>0</v>
      </c>
      <c r="JY31" s="71">
        <v>0</v>
      </c>
      <c r="JZ31" s="71">
        <v>0</v>
      </c>
      <c r="KA31" s="72">
        <v>0</v>
      </c>
      <c r="KB31" s="73">
        <v>0</v>
      </c>
      <c r="KC31" s="70">
        <v>0</v>
      </c>
      <c r="KD31" s="71">
        <v>4</v>
      </c>
      <c r="KE31" s="72">
        <v>4</v>
      </c>
      <c r="KF31" s="244"/>
      <c r="KG31" s="71">
        <v>8</v>
      </c>
      <c r="KH31" s="71">
        <v>5</v>
      </c>
      <c r="KI31" s="71">
        <v>4</v>
      </c>
      <c r="KJ31" s="71">
        <v>4</v>
      </c>
      <c r="KK31" s="71">
        <v>2</v>
      </c>
      <c r="KL31" s="72">
        <v>23</v>
      </c>
      <c r="KM31" s="73">
        <v>27</v>
      </c>
    </row>
    <row r="32" spans="2:299" ht="21" customHeight="1" x14ac:dyDescent="0.2">
      <c r="B32" s="126" t="s">
        <v>29</v>
      </c>
      <c r="C32" s="313">
        <v>1</v>
      </c>
      <c r="D32" s="82">
        <v>4</v>
      </c>
      <c r="E32" s="83">
        <v>5</v>
      </c>
      <c r="F32" s="241"/>
      <c r="G32" s="82">
        <v>8</v>
      </c>
      <c r="H32" s="82">
        <v>3</v>
      </c>
      <c r="I32" s="82">
        <v>5</v>
      </c>
      <c r="J32" s="82">
        <v>5</v>
      </c>
      <c r="K32" s="82">
        <v>0</v>
      </c>
      <c r="L32" s="84">
        <v>21</v>
      </c>
      <c r="M32" s="85">
        <v>26</v>
      </c>
      <c r="N32" s="70">
        <v>0</v>
      </c>
      <c r="O32" s="71">
        <v>0</v>
      </c>
      <c r="P32" s="72">
        <v>0</v>
      </c>
      <c r="Q32" s="244"/>
      <c r="R32" s="71">
        <v>0</v>
      </c>
      <c r="S32" s="71">
        <v>0</v>
      </c>
      <c r="T32" s="71">
        <v>1</v>
      </c>
      <c r="U32" s="71">
        <v>0</v>
      </c>
      <c r="V32" s="71">
        <v>0</v>
      </c>
      <c r="W32" s="72">
        <v>1</v>
      </c>
      <c r="X32" s="73">
        <v>1</v>
      </c>
      <c r="Y32" s="70">
        <v>0</v>
      </c>
      <c r="Z32" s="71">
        <v>0</v>
      </c>
      <c r="AA32" s="72">
        <v>0</v>
      </c>
      <c r="AB32" s="244"/>
      <c r="AC32" s="71">
        <v>0</v>
      </c>
      <c r="AD32" s="71">
        <v>1</v>
      </c>
      <c r="AE32" s="71">
        <v>0</v>
      </c>
      <c r="AF32" s="71">
        <v>0</v>
      </c>
      <c r="AG32" s="71">
        <v>0</v>
      </c>
      <c r="AH32" s="72">
        <v>1</v>
      </c>
      <c r="AI32" s="73">
        <v>1</v>
      </c>
      <c r="AJ32" s="70">
        <v>0</v>
      </c>
      <c r="AK32" s="71">
        <v>1</v>
      </c>
      <c r="AL32" s="72">
        <v>1</v>
      </c>
      <c r="AM32" s="244"/>
      <c r="AN32" s="71">
        <v>1</v>
      </c>
      <c r="AO32" s="71">
        <v>0</v>
      </c>
      <c r="AP32" s="71">
        <v>1</v>
      </c>
      <c r="AQ32" s="71">
        <v>1</v>
      </c>
      <c r="AR32" s="71">
        <v>0</v>
      </c>
      <c r="AS32" s="72">
        <v>3</v>
      </c>
      <c r="AT32" s="73">
        <v>4</v>
      </c>
      <c r="AU32" s="70">
        <v>0</v>
      </c>
      <c r="AV32" s="71">
        <v>1</v>
      </c>
      <c r="AW32" s="72">
        <v>1</v>
      </c>
      <c r="AX32" s="244"/>
      <c r="AY32" s="71">
        <v>3</v>
      </c>
      <c r="AZ32" s="71">
        <v>0</v>
      </c>
      <c r="BA32" s="71">
        <v>1</v>
      </c>
      <c r="BB32" s="71">
        <v>1</v>
      </c>
      <c r="BC32" s="71">
        <v>0</v>
      </c>
      <c r="BD32" s="72">
        <v>5</v>
      </c>
      <c r="BE32" s="73">
        <v>6</v>
      </c>
      <c r="BF32" s="70">
        <v>0</v>
      </c>
      <c r="BG32" s="71">
        <v>2</v>
      </c>
      <c r="BH32" s="72">
        <v>2</v>
      </c>
      <c r="BI32" s="244"/>
      <c r="BJ32" s="71">
        <v>2</v>
      </c>
      <c r="BK32" s="71">
        <v>0</v>
      </c>
      <c r="BL32" s="71">
        <v>1</v>
      </c>
      <c r="BM32" s="71">
        <v>1</v>
      </c>
      <c r="BN32" s="71">
        <v>0</v>
      </c>
      <c r="BO32" s="72">
        <v>4</v>
      </c>
      <c r="BP32" s="73">
        <v>6</v>
      </c>
      <c r="BQ32" s="70">
        <v>1</v>
      </c>
      <c r="BR32" s="71">
        <v>0</v>
      </c>
      <c r="BS32" s="72">
        <v>1</v>
      </c>
      <c r="BT32" s="244"/>
      <c r="BU32" s="71">
        <v>2</v>
      </c>
      <c r="BV32" s="71">
        <v>2</v>
      </c>
      <c r="BW32" s="71">
        <v>1</v>
      </c>
      <c r="BX32" s="71">
        <v>2</v>
      </c>
      <c r="BY32" s="71">
        <v>0</v>
      </c>
      <c r="BZ32" s="72">
        <v>7</v>
      </c>
      <c r="CA32" s="73">
        <v>8</v>
      </c>
      <c r="CB32" s="70">
        <v>0</v>
      </c>
      <c r="CC32" s="71">
        <v>0</v>
      </c>
      <c r="CD32" s="72">
        <v>0</v>
      </c>
      <c r="CE32" s="244"/>
      <c r="CF32" s="71">
        <v>0</v>
      </c>
      <c r="CG32" s="71">
        <v>0</v>
      </c>
      <c r="CH32" s="71">
        <v>0</v>
      </c>
      <c r="CI32" s="71">
        <v>0</v>
      </c>
      <c r="CJ32" s="71">
        <v>0</v>
      </c>
      <c r="CK32" s="72">
        <v>0</v>
      </c>
      <c r="CL32" s="73">
        <v>0</v>
      </c>
      <c r="CM32" s="70">
        <v>1</v>
      </c>
      <c r="CN32" s="71">
        <v>4</v>
      </c>
      <c r="CO32" s="72">
        <v>5</v>
      </c>
      <c r="CP32" s="244"/>
      <c r="CQ32" s="71">
        <v>8</v>
      </c>
      <c r="CR32" s="71">
        <v>3</v>
      </c>
      <c r="CS32" s="71">
        <v>5</v>
      </c>
      <c r="CT32" s="71">
        <v>5</v>
      </c>
      <c r="CU32" s="71">
        <v>0</v>
      </c>
      <c r="CV32" s="72">
        <v>21</v>
      </c>
      <c r="CW32" s="73">
        <v>26</v>
      </c>
      <c r="CX32" s="123">
        <v>3</v>
      </c>
      <c r="CY32" s="82">
        <v>1</v>
      </c>
      <c r="CZ32" s="83">
        <v>4</v>
      </c>
      <c r="DA32" s="241"/>
      <c r="DB32" s="82">
        <v>4</v>
      </c>
      <c r="DC32" s="82">
        <v>1</v>
      </c>
      <c r="DD32" s="82">
        <v>1</v>
      </c>
      <c r="DE32" s="82">
        <v>2</v>
      </c>
      <c r="DF32" s="82">
        <v>1</v>
      </c>
      <c r="DG32" s="84">
        <v>9</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1</v>
      </c>
      <c r="EF32" s="71">
        <v>0</v>
      </c>
      <c r="EG32" s="72">
        <v>1</v>
      </c>
      <c r="EH32" s="244"/>
      <c r="EI32" s="71">
        <v>0</v>
      </c>
      <c r="EJ32" s="71">
        <v>0</v>
      </c>
      <c r="EK32" s="71">
        <v>0</v>
      </c>
      <c r="EL32" s="71">
        <v>0</v>
      </c>
      <c r="EM32" s="71">
        <v>0</v>
      </c>
      <c r="EN32" s="72">
        <v>0</v>
      </c>
      <c r="EO32" s="73">
        <v>1</v>
      </c>
      <c r="EP32" s="70">
        <v>2</v>
      </c>
      <c r="EQ32" s="71">
        <v>1</v>
      </c>
      <c r="ER32" s="72">
        <v>3</v>
      </c>
      <c r="ES32" s="244"/>
      <c r="ET32" s="71">
        <v>3</v>
      </c>
      <c r="EU32" s="71">
        <v>0</v>
      </c>
      <c r="EV32" s="71">
        <v>0</v>
      </c>
      <c r="EW32" s="71">
        <v>0</v>
      </c>
      <c r="EX32" s="71">
        <v>0</v>
      </c>
      <c r="EY32" s="72">
        <v>3</v>
      </c>
      <c r="EZ32" s="73">
        <v>6</v>
      </c>
      <c r="FA32" s="70">
        <v>0</v>
      </c>
      <c r="FB32" s="71">
        <v>0</v>
      </c>
      <c r="FC32" s="72">
        <v>0</v>
      </c>
      <c r="FD32" s="244"/>
      <c r="FE32" s="71">
        <v>1</v>
      </c>
      <c r="FF32" s="71">
        <v>0</v>
      </c>
      <c r="FG32" s="71">
        <v>0</v>
      </c>
      <c r="FH32" s="71">
        <v>0</v>
      </c>
      <c r="FI32" s="71">
        <v>1</v>
      </c>
      <c r="FJ32" s="72">
        <v>2</v>
      </c>
      <c r="FK32" s="73">
        <v>2</v>
      </c>
      <c r="FL32" s="70">
        <v>0</v>
      </c>
      <c r="FM32" s="71">
        <v>0</v>
      </c>
      <c r="FN32" s="72">
        <v>0</v>
      </c>
      <c r="FO32" s="244"/>
      <c r="FP32" s="71">
        <v>0</v>
      </c>
      <c r="FQ32" s="71">
        <v>1</v>
      </c>
      <c r="FR32" s="71">
        <v>1</v>
      </c>
      <c r="FS32" s="71">
        <v>2</v>
      </c>
      <c r="FT32" s="71">
        <v>0</v>
      </c>
      <c r="FU32" s="72">
        <v>4</v>
      </c>
      <c r="FV32" s="73">
        <v>4</v>
      </c>
      <c r="FW32" s="70">
        <v>0</v>
      </c>
      <c r="FX32" s="71">
        <v>0</v>
      </c>
      <c r="FY32" s="72">
        <v>0</v>
      </c>
      <c r="FZ32" s="244"/>
      <c r="GA32" s="71">
        <v>0</v>
      </c>
      <c r="GB32" s="71">
        <v>0</v>
      </c>
      <c r="GC32" s="71">
        <v>0</v>
      </c>
      <c r="GD32" s="71">
        <v>0</v>
      </c>
      <c r="GE32" s="71">
        <v>0</v>
      </c>
      <c r="GF32" s="72">
        <v>0</v>
      </c>
      <c r="GG32" s="73">
        <v>0</v>
      </c>
      <c r="GH32" s="70">
        <v>3</v>
      </c>
      <c r="GI32" s="71">
        <v>1</v>
      </c>
      <c r="GJ32" s="72">
        <v>4</v>
      </c>
      <c r="GK32" s="244"/>
      <c r="GL32" s="71">
        <v>4</v>
      </c>
      <c r="GM32" s="71">
        <v>1</v>
      </c>
      <c r="GN32" s="71">
        <v>1</v>
      </c>
      <c r="GO32" s="71">
        <v>2</v>
      </c>
      <c r="GP32" s="71">
        <v>1</v>
      </c>
      <c r="GQ32" s="72">
        <v>9</v>
      </c>
      <c r="GR32" s="73">
        <v>13</v>
      </c>
      <c r="GS32" s="123">
        <v>4</v>
      </c>
      <c r="GT32" s="82">
        <v>5</v>
      </c>
      <c r="GU32" s="83">
        <v>9</v>
      </c>
      <c r="GV32" s="241"/>
      <c r="GW32" s="82">
        <v>12</v>
      </c>
      <c r="GX32" s="82">
        <v>4</v>
      </c>
      <c r="GY32" s="82">
        <v>6</v>
      </c>
      <c r="GZ32" s="82">
        <v>7</v>
      </c>
      <c r="HA32" s="82">
        <v>1</v>
      </c>
      <c r="HB32" s="84">
        <v>30</v>
      </c>
      <c r="HC32" s="85">
        <v>39</v>
      </c>
      <c r="HD32" s="70">
        <v>0</v>
      </c>
      <c r="HE32" s="71">
        <v>0</v>
      </c>
      <c r="HF32" s="72">
        <v>0</v>
      </c>
      <c r="HG32" s="244"/>
      <c r="HH32" s="71">
        <v>0</v>
      </c>
      <c r="HI32" s="71">
        <v>0</v>
      </c>
      <c r="HJ32" s="71">
        <v>1</v>
      </c>
      <c r="HK32" s="71">
        <v>0</v>
      </c>
      <c r="HL32" s="71">
        <v>0</v>
      </c>
      <c r="HM32" s="72">
        <v>1</v>
      </c>
      <c r="HN32" s="73">
        <v>1</v>
      </c>
      <c r="HO32" s="70">
        <v>0</v>
      </c>
      <c r="HP32" s="71">
        <v>0</v>
      </c>
      <c r="HQ32" s="72">
        <v>0</v>
      </c>
      <c r="HR32" s="244"/>
      <c r="HS32" s="71">
        <v>0</v>
      </c>
      <c r="HT32" s="71">
        <v>1</v>
      </c>
      <c r="HU32" s="71">
        <v>0</v>
      </c>
      <c r="HV32" s="71">
        <v>0</v>
      </c>
      <c r="HW32" s="71">
        <v>0</v>
      </c>
      <c r="HX32" s="72">
        <v>1</v>
      </c>
      <c r="HY32" s="73">
        <v>1</v>
      </c>
      <c r="HZ32" s="70">
        <v>1</v>
      </c>
      <c r="IA32" s="71">
        <v>1</v>
      </c>
      <c r="IB32" s="72">
        <v>2</v>
      </c>
      <c r="IC32" s="244"/>
      <c r="ID32" s="71">
        <v>1</v>
      </c>
      <c r="IE32" s="71">
        <v>0</v>
      </c>
      <c r="IF32" s="71">
        <v>1</v>
      </c>
      <c r="IG32" s="71">
        <v>1</v>
      </c>
      <c r="IH32" s="71">
        <v>0</v>
      </c>
      <c r="II32" s="72">
        <v>3</v>
      </c>
      <c r="IJ32" s="73">
        <v>5</v>
      </c>
      <c r="IK32" s="70">
        <v>2</v>
      </c>
      <c r="IL32" s="71">
        <v>2</v>
      </c>
      <c r="IM32" s="72">
        <v>4</v>
      </c>
      <c r="IN32" s="244"/>
      <c r="IO32" s="71">
        <v>6</v>
      </c>
      <c r="IP32" s="71">
        <v>0</v>
      </c>
      <c r="IQ32" s="71">
        <v>1</v>
      </c>
      <c r="IR32" s="71">
        <v>1</v>
      </c>
      <c r="IS32" s="71">
        <v>0</v>
      </c>
      <c r="IT32" s="72">
        <v>8</v>
      </c>
      <c r="IU32" s="73">
        <v>12</v>
      </c>
      <c r="IV32" s="70">
        <v>0</v>
      </c>
      <c r="IW32" s="71">
        <v>2</v>
      </c>
      <c r="IX32" s="72">
        <v>2</v>
      </c>
      <c r="IY32" s="244"/>
      <c r="IZ32" s="71">
        <v>3</v>
      </c>
      <c r="JA32" s="71">
        <v>0</v>
      </c>
      <c r="JB32" s="71">
        <v>1</v>
      </c>
      <c r="JC32" s="71">
        <v>1</v>
      </c>
      <c r="JD32" s="71">
        <v>1</v>
      </c>
      <c r="JE32" s="72">
        <v>6</v>
      </c>
      <c r="JF32" s="73">
        <v>8</v>
      </c>
      <c r="JG32" s="70">
        <v>1</v>
      </c>
      <c r="JH32" s="71">
        <v>0</v>
      </c>
      <c r="JI32" s="72">
        <v>1</v>
      </c>
      <c r="JJ32" s="244"/>
      <c r="JK32" s="71">
        <v>2</v>
      </c>
      <c r="JL32" s="71">
        <v>3</v>
      </c>
      <c r="JM32" s="71">
        <v>2</v>
      </c>
      <c r="JN32" s="71">
        <v>4</v>
      </c>
      <c r="JO32" s="71">
        <v>0</v>
      </c>
      <c r="JP32" s="72">
        <v>11</v>
      </c>
      <c r="JQ32" s="73">
        <v>12</v>
      </c>
      <c r="JR32" s="70">
        <v>0</v>
      </c>
      <c r="JS32" s="71">
        <v>0</v>
      </c>
      <c r="JT32" s="72">
        <v>0</v>
      </c>
      <c r="JU32" s="244"/>
      <c r="JV32" s="71">
        <v>0</v>
      </c>
      <c r="JW32" s="71">
        <v>0</v>
      </c>
      <c r="JX32" s="71">
        <v>0</v>
      </c>
      <c r="JY32" s="71">
        <v>0</v>
      </c>
      <c r="JZ32" s="71">
        <v>0</v>
      </c>
      <c r="KA32" s="72">
        <v>0</v>
      </c>
      <c r="KB32" s="73">
        <v>0</v>
      </c>
      <c r="KC32" s="70">
        <v>4</v>
      </c>
      <c r="KD32" s="71">
        <v>5</v>
      </c>
      <c r="KE32" s="72">
        <v>9</v>
      </c>
      <c r="KF32" s="244"/>
      <c r="KG32" s="71">
        <v>12</v>
      </c>
      <c r="KH32" s="71">
        <v>4</v>
      </c>
      <c r="KI32" s="71">
        <v>6</v>
      </c>
      <c r="KJ32" s="71">
        <v>7</v>
      </c>
      <c r="KK32" s="71">
        <v>1</v>
      </c>
      <c r="KL32" s="72">
        <v>30</v>
      </c>
      <c r="KM32" s="73">
        <v>39</v>
      </c>
    </row>
    <row r="33" spans="2:299" ht="21" customHeight="1" x14ac:dyDescent="0.2">
      <c r="B33" s="126" t="s">
        <v>30</v>
      </c>
      <c r="C33" s="313">
        <v>2</v>
      </c>
      <c r="D33" s="82">
        <v>2</v>
      </c>
      <c r="E33" s="83">
        <v>4</v>
      </c>
      <c r="F33" s="241"/>
      <c r="G33" s="82">
        <v>6</v>
      </c>
      <c r="H33" s="82">
        <v>2</v>
      </c>
      <c r="I33" s="82">
        <v>3</v>
      </c>
      <c r="J33" s="82">
        <v>4</v>
      </c>
      <c r="K33" s="82">
        <v>1</v>
      </c>
      <c r="L33" s="84">
        <v>16</v>
      </c>
      <c r="M33" s="85">
        <v>20</v>
      </c>
      <c r="N33" s="70">
        <v>0</v>
      </c>
      <c r="O33" s="71">
        <v>0</v>
      </c>
      <c r="P33" s="72">
        <v>0</v>
      </c>
      <c r="Q33" s="244"/>
      <c r="R33" s="71">
        <v>0</v>
      </c>
      <c r="S33" s="71">
        <v>0</v>
      </c>
      <c r="T33" s="71">
        <v>0</v>
      </c>
      <c r="U33" s="71">
        <v>0</v>
      </c>
      <c r="V33" s="71">
        <v>0</v>
      </c>
      <c r="W33" s="72">
        <v>0</v>
      </c>
      <c r="X33" s="73">
        <v>0</v>
      </c>
      <c r="Y33" s="70">
        <v>0</v>
      </c>
      <c r="Z33" s="71">
        <v>0</v>
      </c>
      <c r="AA33" s="72">
        <v>0</v>
      </c>
      <c r="AB33" s="244"/>
      <c r="AC33" s="71">
        <v>1</v>
      </c>
      <c r="AD33" s="71">
        <v>0</v>
      </c>
      <c r="AE33" s="71">
        <v>0</v>
      </c>
      <c r="AF33" s="71">
        <v>0</v>
      </c>
      <c r="AG33" s="71">
        <v>0</v>
      </c>
      <c r="AH33" s="72">
        <v>1</v>
      </c>
      <c r="AI33" s="73">
        <v>1</v>
      </c>
      <c r="AJ33" s="70">
        <v>0</v>
      </c>
      <c r="AK33" s="71">
        <v>0</v>
      </c>
      <c r="AL33" s="72">
        <v>0</v>
      </c>
      <c r="AM33" s="244"/>
      <c r="AN33" s="71">
        <v>1</v>
      </c>
      <c r="AO33" s="71">
        <v>0</v>
      </c>
      <c r="AP33" s="71">
        <v>0</v>
      </c>
      <c r="AQ33" s="71">
        <v>0</v>
      </c>
      <c r="AR33" s="71">
        <v>0</v>
      </c>
      <c r="AS33" s="72">
        <v>1</v>
      </c>
      <c r="AT33" s="73">
        <v>1</v>
      </c>
      <c r="AU33" s="70">
        <v>0</v>
      </c>
      <c r="AV33" s="71">
        <v>1</v>
      </c>
      <c r="AW33" s="72">
        <v>1</v>
      </c>
      <c r="AX33" s="244"/>
      <c r="AY33" s="71">
        <v>0</v>
      </c>
      <c r="AZ33" s="71">
        <v>1</v>
      </c>
      <c r="BA33" s="71">
        <v>0</v>
      </c>
      <c r="BB33" s="71">
        <v>1</v>
      </c>
      <c r="BC33" s="71">
        <v>0</v>
      </c>
      <c r="BD33" s="72">
        <v>2</v>
      </c>
      <c r="BE33" s="73">
        <v>3</v>
      </c>
      <c r="BF33" s="70">
        <v>1</v>
      </c>
      <c r="BG33" s="71">
        <v>0</v>
      </c>
      <c r="BH33" s="72">
        <v>1</v>
      </c>
      <c r="BI33" s="244"/>
      <c r="BJ33" s="71">
        <v>2</v>
      </c>
      <c r="BK33" s="71">
        <v>0</v>
      </c>
      <c r="BL33" s="71">
        <v>2</v>
      </c>
      <c r="BM33" s="71">
        <v>2</v>
      </c>
      <c r="BN33" s="71">
        <v>1</v>
      </c>
      <c r="BO33" s="72">
        <v>7</v>
      </c>
      <c r="BP33" s="73">
        <v>8</v>
      </c>
      <c r="BQ33" s="70">
        <v>1</v>
      </c>
      <c r="BR33" s="71">
        <v>1</v>
      </c>
      <c r="BS33" s="72">
        <v>2</v>
      </c>
      <c r="BT33" s="244"/>
      <c r="BU33" s="71">
        <v>2</v>
      </c>
      <c r="BV33" s="71">
        <v>1</v>
      </c>
      <c r="BW33" s="71">
        <v>1</v>
      </c>
      <c r="BX33" s="71">
        <v>1</v>
      </c>
      <c r="BY33" s="71">
        <v>0</v>
      </c>
      <c r="BZ33" s="72">
        <v>5</v>
      </c>
      <c r="CA33" s="73">
        <v>7</v>
      </c>
      <c r="CB33" s="70">
        <v>0</v>
      </c>
      <c r="CC33" s="71">
        <v>0</v>
      </c>
      <c r="CD33" s="72">
        <v>0</v>
      </c>
      <c r="CE33" s="244"/>
      <c r="CF33" s="71">
        <v>0</v>
      </c>
      <c r="CG33" s="71">
        <v>0</v>
      </c>
      <c r="CH33" s="71">
        <v>0</v>
      </c>
      <c r="CI33" s="71">
        <v>0</v>
      </c>
      <c r="CJ33" s="71">
        <v>0</v>
      </c>
      <c r="CK33" s="72">
        <v>0</v>
      </c>
      <c r="CL33" s="73">
        <v>0</v>
      </c>
      <c r="CM33" s="70">
        <v>2</v>
      </c>
      <c r="CN33" s="71">
        <v>2</v>
      </c>
      <c r="CO33" s="72">
        <v>4</v>
      </c>
      <c r="CP33" s="244"/>
      <c r="CQ33" s="71">
        <v>6</v>
      </c>
      <c r="CR33" s="71">
        <v>2</v>
      </c>
      <c r="CS33" s="71">
        <v>3</v>
      </c>
      <c r="CT33" s="71">
        <v>4</v>
      </c>
      <c r="CU33" s="71">
        <v>1</v>
      </c>
      <c r="CV33" s="72">
        <v>16</v>
      </c>
      <c r="CW33" s="73">
        <v>20</v>
      </c>
      <c r="CX33" s="123">
        <v>1</v>
      </c>
      <c r="CY33" s="82">
        <v>1</v>
      </c>
      <c r="CZ33" s="83">
        <v>2</v>
      </c>
      <c r="DA33" s="241"/>
      <c r="DB33" s="82">
        <v>5</v>
      </c>
      <c r="DC33" s="82">
        <v>2</v>
      </c>
      <c r="DD33" s="82">
        <v>1</v>
      </c>
      <c r="DE33" s="82">
        <v>3</v>
      </c>
      <c r="DF33" s="82">
        <v>0</v>
      </c>
      <c r="DG33" s="84">
        <v>11</v>
      </c>
      <c r="DH33" s="85">
        <v>13</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1</v>
      </c>
      <c r="EA33" s="71">
        <v>0</v>
      </c>
      <c r="EB33" s="71">
        <v>0</v>
      </c>
      <c r="EC33" s="72">
        <v>1</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0</v>
      </c>
      <c r="EU33" s="71">
        <v>0</v>
      </c>
      <c r="EV33" s="71">
        <v>0</v>
      </c>
      <c r="EW33" s="71">
        <v>1</v>
      </c>
      <c r="EX33" s="71">
        <v>0</v>
      </c>
      <c r="EY33" s="72">
        <v>1</v>
      </c>
      <c r="EZ33" s="73">
        <v>2</v>
      </c>
      <c r="FA33" s="70">
        <v>0</v>
      </c>
      <c r="FB33" s="71">
        <v>0</v>
      </c>
      <c r="FC33" s="72">
        <v>0</v>
      </c>
      <c r="FD33" s="244"/>
      <c r="FE33" s="71">
        <v>4</v>
      </c>
      <c r="FF33" s="71">
        <v>0</v>
      </c>
      <c r="FG33" s="71">
        <v>0</v>
      </c>
      <c r="FH33" s="71">
        <v>0</v>
      </c>
      <c r="FI33" s="71">
        <v>0</v>
      </c>
      <c r="FJ33" s="72">
        <v>4</v>
      </c>
      <c r="FK33" s="73">
        <v>4</v>
      </c>
      <c r="FL33" s="70">
        <v>0</v>
      </c>
      <c r="FM33" s="71">
        <v>1</v>
      </c>
      <c r="FN33" s="72">
        <v>1</v>
      </c>
      <c r="FO33" s="244"/>
      <c r="FP33" s="71">
        <v>1</v>
      </c>
      <c r="FQ33" s="71">
        <v>2</v>
      </c>
      <c r="FR33" s="71">
        <v>0</v>
      </c>
      <c r="FS33" s="71">
        <v>2</v>
      </c>
      <c r="FT33" s="71">
        <v>0</v>
      </c>
      <c r="FU33" s="72">
        <v>5</v>
      </c>
      <c r="FV33" s="73">
        <v>6</v>
      </c>
      <c r="FW33" s="70">
        <v>0</v>
      </c>
      <c r="FX33" s="71">
        <v>0</v>
      </c>
      <c r="FY33" s="72">
        <v>0</v>
      </c>
      <c r="FZ33" s="244"/>
      <c r="GA33" s="71">
        <v>0</v>
      </c>
      <c r="GB33" s="71">
        <v>0</v>
      </c>
      <c r="GC33" s="71">
        <v>0</v>
      </c>
      <c r="GD33" s="71">
        <v>0</v>
      </c>
      <c r="GE33" s="71">
        <v>0</v>
      </c>
      <c r="GF33" s="72">
        <v>0</v>
      </c>
      <c r="GG33" s="73">
        <v>0</v>
      </c>
      <c r="GH33" s="70">
        <v>1</v>
      </c>
      <c r="GI33" s="71">
        <v>1</v>
      </c>
      <c r="GJ33" s="72">
        <v>2</v>
      </c>
      <c r="GK33" s="244"/>
      <c r="GL33" s="71">
        <v>5</v>
      </c>
      <c r="GM33" s="71">
        <v>2</v>
      </c>
      <c r="GN33" s="71">
        <v>1</v>
      </c>
      <c r="GO33" s="71">
        <v>3</v>
      </c>
      <c r="GP33" s="71">
        <v>0</v>
      </c>
      <c r="GQ33" s="72">
        <v>11</v>
      </c>
      <c r="GR33" s="73">
        <v>13</v>
      </c>
      <c r="GS33" s="123">
        <v>3</v>
      </c>
      <c r="GT33" s="82">
        <v>3</v>
      </c>
      <c r="GU33" s="83">
        <v>6</v>
      </c>
      <c r="GV33" s="241"/>
      <c r="GW33" s="82">
        <v>11</v>
      </c>
      <c r="GX33" s="82">
        <v>4</v>
      </c>
      <c r="GY33" s="82">
        <v>4</v>
      </c>
      <c r="GZ33" s="82">
        <v>7</v>
      </c>
      <c r="HA33" s="82">
        <v>1</v>
      </c>
      <c r="HB33" s="84">
        <v>27</v>
      </c>
      <c r="HC33" s="85">
        <v>33</v>
      </c>
      <c r="HD33" s="70">
        <v>0</v>
      </c>
      <c r="HE33" s="71">
        <v>0</v>
      </c>
      <c r="HF33" s="72">
        <v>0</v>
      </c>
      <c r="HG33" s="244"/>
      <c r="HH33" s="71">
        <v>0</v>
      </c>
      <c r="HI33" s="71">
        <v>0</v>
      </c>
      <c r="HJ33" s="71">
        <v>0</v>
      </c>
      <c r="HK33" s="71">
        <v>0</v>
      </c>
      <c r="HL33" s="71">
        <v>0</v>
      </c>
      <c r="HM33" s="72">
        <v>0</v>
      </c>
      <c r="HN33" s="73">
        <v>0</v>
      </c>
      <c r="HO33" s="70">
        <v>0</v>
      </c>
      <c r="HP33" s="71">
        <v>0</v>
      </c>
      <c r="HQ33" s="72">
        <v>0</v>
      </c>
      <c r="HR33" s="244"/>
      <c r="HS33" s="71">
        <v>1</v>
      </c>
      <c r="HT33" s="71">
        <v>0</v>
      </c>
      <c r="HU33" s="71">
        <v>1</v>
      </c>
      <c r="HV33" s="71">
        <v>0</v>
      </c>
      <c r="HW33" s="71">
        <v>0</v>
      </c>
      <c r="HX33" s="72">
        <v>2</v>
      </c>
      <c r="HY33" s="73">
        <v>2</v>
      </c>
      <c r="HZ33" s="70">
        <v>0</v>
      </c>
      <c r="IA33" s="71">
        <v>0</v>
      </c>
      <c r="IB33" s="72">
        <v>0</v>
      </c>
      <c r="IC33" s="244"/>
      <c r="ID33" s="71">
        <v>1</v>
      </c>
      <c r="IE33" s="71">
        <v>0</v>
      </c>
      <c r="IF33" s="71">
        <v>0</v>
      </c>
      <c r="IG33" s="71">
        <v>0</v>
      </c>
      <c r="IH33" s="71">
        <v>0</v>
      </c>
      <c r="II33" s="72">
        <v>1</v>
      </c>
      <c r="IJ33" s="73">
        <v>1</v>
      </c>
      <c r="IK33" s="70">
        <v>1</v>
      </c>
      <c r="IL33" s="71">
        <v>1</v>
      </c>
      <c r="IM33" s="72">
        <v>2</v>
      </c>
      <c r="IN33" s="244"/>
      <c r="IO33" s="71">
        <v>0</v>
      </c>
      <c r="IP33" s="71">
        <v>1</v>
      </c>
      <c r="IQ33" s="71">
        <v>0</v>
      </c>
      <c r="IR33" s="71">
        <v>2</v>
      </c>
      <c r="IS33" s="71">
        <v>0</v>
      </c>
      <c r="IT33" s="72">
        <v>3</v>
      </c>
      <c r="IU33" s="73">
        <v>5</v>
      </c>
      <c r="IV33" s="70">
        <v>1</v>
      </c>
      <c r="IW33" s="71">
        <v>0</v>
      </c>
      <c r="IX33" s="72">
        <v>1</v>
      </c>
      <c r="IY33" s="244"/>
      <c r="IZ33" s="71">
        <v>6</v>
      </c>
      <c r="JA33" s="71">
        <v>0</v>
      </c>
      <c r="JB33" s="71">
        <v>2</v>
      </c>
      <c r="JC33" s="71">
        <v>2</v>
      </c>
      <c r="JD33" s="71">
        <v>1</v>
      </c>
      <c r="JE33" s="72">
        <v>11</v>
      </c>
      <c r="JF33" s="73">
        <v>12</v>
      </c>
      <c r="JG33" s="70">
        <v>1</v>
      </c>
      <c r="JH33" s="71">
        <v>2</v>
      </c>
      <c r="JI33" s="72">
        <v>3</v>
      </c>
      <c r="JJ33" s="244"/>
      <c r="JK33" s="71">
        <v>3</v>
      </c>
      <c r="JL33" s="71">
        <v>3</v>
      </c>
      <c r="JM33" s="71">
        <v>1</v>
      </c>
      <c r="JN33" s="71">
        <v>3</v>
      </c>
      <c r="JO33" s="71">
        <v>0</v>
      </c>
      <c r="JP33" s="72">
        <v>10</v>
      </c>
      <c r="JQ33" s="73">
        <v>13</v>
      </c>
      <c r="JR33" s="70">
        <v>0</v>
      </c>
      <c r="JS33" s="71">
        <v>0</v>
      </c>
      <c r="JT33" s="72">
        <v>0</v>
      </c>
      <c r="JU33" s="244"/>
      <c r="JV33" s="71">
        <v>0</v>
      </c>
      <c r="JW33" s="71">
        <v>0</v>
      </c>
      <c r="JX33" s="71">
        <v>0</v>
      </c>
      <c r="JY33" s="71">
        <v>0</v>
      </c>
      <c r="JZ33" s="71">
        <v>0</v>
      </c>
      <c r="KA33" s="72">
        <v>0</v>
      </c>
      <c r="KB33" s="73">
        <v>0</v>
      </c>
      <c r="KC33" s="70">
        <v>3</v>
      </c>
      <c r="KD33" s="71">
        <v>3</v>
      </c>
      <c r="KE33" s="72">
        <v>6</v>
      </c>
      <c r="KF33" s="244"/>
      <c r="KG33" s="71">
        <v>11</v>
      </c>
      <c r="KH33" s="71">
        <v>4</v>
      </c>
      <c r="KI33" s="71">
        <v>4</v>
      </c>
      <c r="KJ33" s="71">
        <v>7</v>
      </c>
      <c r="KK33" s="71">
        <v>1</v>
      </c>
      <c r="KL33" s="72">
        <v>27</v>
      </c>
      <c r="KM33" s="73">
        <v>33</v>
      </c>
    </row>
    <row r="34" spans="2:299" ht="21" customHeight="1" x14ac:dyDescent="0.2">
      <c r="B34" s="126" t="s">
        <v>31</v>
      </c>
      <c r="C34" s="313">
        <v>4</v>
      </c>
      <c r="D34" s="82">
        <v>5</v>
      </c>
      <c r="E34" s="83">
        <v>9</v>
      </c>
      <c r="F34" s="241"/>
      <c r="G34" s="82">
        <v>8</v>
      </c>
      <c r="H34" s="82">
        <v>6</v>
      </c>
      <c r="I34" s="82">
        <v>4</v>
      </c>
      <c r="J34" s="82">
        <v>1</v>
      </c>
      <c r="K34" s="82">
        <v>5</v>
      </c>
      <c r="L34" s="84">
        <v>24</v>
      </c>
      <c r="M34" s="85">
        <v>33</v>
      </c>
      <c r="N34" s="70">
        <v>0</v>
      </c>
      <c r="O34" s="71">
        <v>0</v>
      </c>
      <c r="P34" s="72">
        <v>0</v>
      </c>
      <c r="Q34" s="244"/>
      <c r="R34" s="71">
        <v>0</v>
      </c>
      <c r="S34" s="71">
        <v>1</v>
      </c>
      <c r="T34" s="71">
        <v>0</v>
      </c>
      <c r="U34" s="71">
        <v>0</v>
      </c>
      <c r="V34" s="71">
        <v>0</v>
      </c>
      <c r="W34" s="72">
        <v>1</v>
      </c>
      <c r="X34" s="73">
        <v>1</v>
      </c>
      <c r="Y34" s="70">
        <v>1</v>
      </c>
      <c r="Z34" s="71">
        <v>1</v>
      </c>
      <c r="AA34" s="72">
        <v>2</v>
      </c>
      <c r="AB34" s="244"/>
      <c r="AC34" s="71">
        <v>1</v>
      </c>
      <c r="AD34" s="71">
        <v>0</v>
      </c>
      <c r="AE34" s="71">
        <v>2</v>
      </c>
      <c r="AF34" s="71">
        <v>0</v>
      </c>
      <c r="AG34" s="71">
        <v>2</v>
      </c>
      <c r="AH34" s="72">
        <v>5</v>
      </c>
      <c r="AI34" s="73">
        <v>7</v>
      </c>
      <c r="AJ34" s="70">
        <v>0</v>
      </c>
      <c r="AK34" s="71">
        <v>0</v>
      </c>
      <c r="AL34" s="72">
        <v>0</v>
      </c>
      <c r="AM34" s="244"/>
      <c r="AN34" s="71">
        <v>0</v>
      </c>
      <c r="AO34" s="71">
        <v>0</v>
      </c>
      <c r="AP34" s="71">
        <v>0</v>
      </c>
      <c r="AQ34" s="71">
        <v>1</v>
      </c>
      <c r="AR34" s="71">
        <v>0</v>
      </c>
      <c r="AS34" s="72">
        <v>1</v>
      </c>
      <c r="AT34" s="73">
        <v>1</v>
      </c>
      <c r="AU34" s="70">
        <v>1</v>
      </c>
      <c r="AV34" s="71">
        <v>2</v>
      </c>
      <c r="AW34" s="72">
        <v>3</v>
      </c>
      <c r="AX34" s="244"/>
      <c r="AY34" s="71">
        <v>1</v>
      </c>
      <c r="AZ34" s="71">
        <v>0</v>
      </c>
      <c r="BA34" s="71">
        <v>0</v>
      </c>
      <c r="BB34" s="71">
        <v>0</v>
      </c>
      <c r="BC34" s="71">
        <v>0</v>
      </c>
      <c r="BD34" s="72">
        <v>1</v>
      </c>
      <c r="BE34" s="73">
        <v>4</v>
      </c>
      <c r="BF34" s="70">
        <v>1</v>
      </c>
      <c r="BG34" s="71">
        <v>2</v>
      </c>
      <c r="BH34" s="72">
        <v>3</v>
      </c>
      <c r="BI34" s="244"/>
      <c r="BJ34" s="71">
        <v>1</v>
      </c>
      <c r="BK34" s="71">
        <v>2</v>
      </c>
      <c r="BL34" s="71">
        <v>1</v>
      </c>
      <c r="BM34" s="71">
        <v>0</v>
      </c>
      <c r="BN34" s="71">
        <v>0</v>
      </c>
      <c r="BO34" s="72">
        <v>4</v>
      </c>
      <c r="BP34" s="73">
        <v>7</v>
      </c>
      <c r="BQ34" s="70">
        <v>1</v>
      </c>
      <c r="BR34" s="71">
        <v>0</v>
      </c>
      <c r="BS34" s="72">
        <v>1</v>
      </c>
      <c r="BT34" s="244"/>
      <c r="BU34" s="71">
        <v>5</v>
      </c>
      <c r="BV34" s="71">
        <v>3</v>
      </c>
      <c r="BW34" s="71">
        <v>1</v>
      </c>
      <c r="BX34" s="71">
        <v>0</v>
      </c>
      <c r="BY34" s="71">
        <v>3</v>
      </c>
      <c r="BZ34" s="72">
        <v>12</v>
      </c>
      <c r="CA34" s="73">
        <v>13</v>
      </c>
      <c r="CB34" s="70">
        <v>0</v>
      </c>
      <c r="CC34" s="71">
        <v>0</v>
      </c>
      <c r="CD34" s="72">
        <v>0</v>
      </c>
      <c r="CE34" s="244"/>
      <c r="CF34" s="71">
        <v>0</v>
      </c>
      <c r="CG34" s="71">
        <v>0</v>
      </c>
      <c r="CH34" s="71">
        <v>0</v>
      </c>
      <c r="CI34" s="71">
        <v>0</v>
      </c>
      <c r="CJ34" s="71">
        <v>0</v>
      </c>
      <c r="CK34" s="72">
        <v>0</v>
      </c>
      <c r="CL34" s="73">
        <v>0</v>
      </c>
      <c r="CM34" s="70">
        <v>4</v>
      </c>
      <c r="CN34" s="71">
        <v>5</v>
      </c>
      <c r="CO34" s="72">
        <v>9</v>
      </c>
      <c r="CP34" s="244"/>
      <c r="CQ34" s="71">
        <v>8</v>
      </c>
      <c r="CR34" s="71">
        <v>6</v>
      </c>
      <c r="CS34" s="71">
        <v>4</v>
      </c>
      <c r="CT34" s="71">
        <v>1</v>
      </c>
      <c r="CU34" s="71">
        <v>5</v>
      </c>
      <c r="CV34" s="72">
        <v>24</v>
      </c>
      <c r="CW34" s="73">
        <v>33</v>
      </c>
      <c r="CX34" s="123">
        <v>1</v>
      </c>
      <c r="CY34" s="82">
        <v>0</v>
      </c>
      <c r="CZ34" s="83">
        <v>1</v>
      </c>
      <c r="DA34" s="241"/>
      <c r="DB34" s="82">
        <v>2</v>
      </c>
      <c r="DC34" s="82">
        <v>0</v>
      </c>
      <c r="DD34" s="82">
        <v>2</v>
      </c>
      <c r="DE34" s="82">
        <v>2</v>
      </c>
      <c r="DF34" s="82">
        <v>1</v>
      </c>
      <c r="DG34" s="84">
        <v>7</v>
      </c>
      <c r="DH34" s="85">
        <v>8</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0</v>
      </c>
      <c r="EJ34" s="71">
        <v>0</v>
      </c>
      <c r="EK34" s="71">
        <v>1</v>
      </c>
      <c r="EL34" s="71">
        <v>1</v>
      </c>
      <c r="EM34" s="71">
        <v>0</v>
      </c>
      <c r="EN34" s="72">
        <v>2</v>
      </c>
      <c r="EO34" s="73">
        <v>2</v>
      </c>
      <c r="EP34" s="70">
        <v>0</v>
      </c>
      <c r="EQ34" s="71">
        <v>0</v>
      </c>
      <c r="ER34" s="72">
        <v>0</v>
      </c>
      <c r="ES34" s="244"/>
      <c r="ET34" s="71">
        <v>2</v>
      </c>
      <c r="EU34" s="71">
        <v>0</v>
      </c>
      <c r="EV34" s="71">
        <v>0</v>
      </c>
      <c r="EW34" s="71">
        <v>0</v>
      </c>
      <c r="EX34" s="71">
        <v>0</v>
      </c>
      <c r="EY34" s="72">
        <v>2</v>
      </c>
      <c r="EZ34" s="73">
        <v>2</v>
      </c>
      <c r="FA34" s="70">
        <v>1</v>
      </c>
      <c r="FB34" s="71">
        <v>0</v>
      </c>
      <c r="FC34" s="72">
        <v>1</v>
      </c>
      <c r="FD34" s="244"/>
      <c r="FE34" s="71">
        <v>0</v>
      </c>
      <c r="FF34" s="71">
        <v>0</v>
      </c>
      <c r="FG34" s="71">
        <v>0</v>
      </c>
      <c r="FH34" s="71">
        <v>0</v>
      </c>
      <c r="FI34" s="71">
        <v>0</v>
      </c>
      <c r="FJ34" s="72">
        <v>0</v>
      </c>
      <c r="FK34" s="73">
        <v>1</v>
      </c>
      <c r="FL34" s="70">
        <v>0</v>
      </c>
      <c r="FM34" s="71">
        <v>0</v>
      </c>
      <c r="FN34" s="72">
        <v>0</v>
      </c>
      <c r="FO34" s="244"/>
      <c r="FP34" s="71">
        <v>0</v>
      </c>
      <c r="FQ34" s="71">
        <v>0</v>
      </c>
      <c r="FR34" s="71">
        <v>1</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1</v>
      </c>
      <c r="GI34" s="71">
        <v>0</v>
      </c>
      <c r="GJ34" s="72">
        <v>1</v>
      </c>
      <c r="GK34" s="244"/>
      <c r="GL34" s="71">
        <v>2</v>
      </c>
      <c r="GM34" s="71">
        <v>0</v>
      </c>
      <c r="GN34" s="71">
        <v>2</v>
      </c>
      <c r="GO34" s="71">
        <v>2</v>
      </c>
      <c r="GP34" s="71">
        <v>1</v>
      </c>
      <c r="GQ34" s="72">
        <v>7</v>
      </c>
      <c r="GR34" s="73">
        <v>8</v>
      </c>
      <c r="GS34" s="123">
        <v>5</v>
      </c>
      <c r="GT34" s="82">
        <v>5</v>
      </c>
      <c r="GU34" s="83">
        <v>10</v>
      </c>
      <c r="GV34" s="241"/>
      <c r="GW34" s="82">
        <v>10</v>
      </c>
      <c r="GX34" s="82">
        <v>6</v>
      </c>
      <c r="GY34" s="82">
        <v>6</v>
      </c>
      <c r="GZ34" s="82">
        <v>3</v>
      </c>
      <c r="HA34" s="82">
        <v>6</v>
      </c>
      <c r="HB34" s="84">
        <v>31</v>
      </c>
      <c r="HC34" s="85">
        <v>41</v>
      </c>
      <c r="HD34" s="70">
        <v>0</v>
      </c>
      <c r="HE34" s="71">
        <v>0</v>
      </c>
      <c r="HF34" s="72">
        <v>0</v>
      </c>
      <c r="HG34" s="244"/>
      <c r="HH34" s="71">
        <v>0</v>
      </c>
      <c r="HI34" s="71">
        <v>1</v>
      </c>
      <c r="HJ34" s="71">
        <v>0</v>
      </c>
      <c r="HK34" s="71">
        <v>0</v>
      </c>
      <c r="HL34" s="71">
        <v>0</v>
      </c>
      <c r="HM34" s="72">
        <v>1</v>
      </c>
      <c r="HN34" s="73">
        <v>1</v>
      </c>
      <c r="HO34" s="70">
        <v>1</v>
      </c>
      <c r="HP34" s="71">
        <v>1</v>
      </c>
      <c r="HQ34" s="72">
        <v>2</v>
      </c>
      <c r="HR34" s="244"/>
      <c r="HS34" s="71">
        <v>1</v>
      </c>
      <c r="HT34" s="71">
        <v>0</v>
      </c>
      <c r="HU34" s="71">
        <v>2</v>
      </c>
      <c r="HV34" s="71">
        <v>0</v>
      </c>
      <c r="HW34" s="71">
        <v>2</v>
      </c>
      <c r="HX34" s="72">
        <v>5</v>
      </c>
      <c r="HY34" s="73">
        <v>7</v>
      </c>
      <c r="HZ34" s="70">
        <v>0</v>
      </c>
      <c r="IA34" s="71">
        <v>0</v>
      </c>
      <c r="IB34" s="72">
        <v>0</v>
      </c>
      <c r="IC34" s="244"/>
      <c r="ID34" s="71">
        <v>0</v>
      </c>
      <c r="IE34" s="71">
        <v>0</v>
      </c>
      <c r="IF34" s="71">
        <v>1</v>
      </c>
      <c r="IG34" s="71">
        <v>2</v>
      </c>
      <c r="IH34" s="71">
        <v>0</v>
      </c>
      <c r="II34" s="72">
        <v>3</v>
      </c>
      <c r="IJ34" s="73">
        <v>3</v>
      </c>
      <c r="IK34" s="70">
        <v>1</v>
      </c>
      <c r="IL34" s="71">
        <v>2</v>
      </c>
      <c r="IM34" s="72">
        <v>3</v>
      </c>
      <c r="IN34" s="244"/>
      <c r="IO34" s="71">
        <v>3</v>
      </c>
      <c r="IP34" s="71">
        <v>0</v>
      </c>
      <c r="IQ34" s="71">
        <v>0</v>
      </c>
      <c r="IR34" s="71">
        <v>0</v>
      </c>
      <c r="IS34" s="71">
        <v>0</v>
      </c>
      <c r="IT34" s="72">
        <v>3</v>
      </c>
      <c r="IU34" s="73">
        <v>6</v>
      </c>
      <c r="IV34" s="70">
        <v>2</v>
      </c>
      <c r="IW34" s="71">
        <v>2</v>
      </c>
      <c r="IX34" s="72">
        <v>4</v>
      </c>
      <c r="IY34" s="244"/>
      <c r="IZ34" s="71">
        <v>1</v>
      </c>
      <c r="JA34" s="71">
        <v>2</v>
      </c>
      <c r="JB34" s="71">
        <v>1</v>
      </c>
      <c r="JC34" s="71">
        <v>0</v>
      </c>
      <c r="JD34" s="71">
        <v>0</v>
      </c>
      <c r="JE34" s="72">
        <v>4</v>
      </c>
      <c r="JF34" s="73">
        <v>8</v>
      </c>
      <c r="JG34" s="70">
        <v>1</v>
      </c>
      <c r="JH34" s="71">
        <v>0</v>
      </c>
      <c r="JI34" s="72">
        <v>1</v>
      </c>
      <c r="JJ34" s="244"/>
      <c r="JK34" s="71">
        <v>5</v>
      </c>
      <c r="JL34" s="71">
        <v>3</v>
      </c>
      <c r="JM34" s="71">
        <v>2</v>
      </c>
      <c r="JN34" s="71">
        <v>1</v>
      </c>
      <c r="JO34" s="71">
        <v>4</v>
      </c>
      <c r="JP34" s="72">
        <v>15</v>
      </c>
      <c r="JQ34" s="73">
        <v>16</v>
      </c>
      <c r="JR34" s="70">
        <v>0</v>
      </c>
      <c r="JS34" s="71">
        <v>0</v>
      </c>
      <c r="JT34" s="72">
        <v>0</v>
      </c>
      <c r="JU34" s="244"/>
      <c r="JV34" s="71">
        <v>0</v>
      </c>
      <c r="JW34" s="71">
        <v>0</v>
      </c>
      <c r="JX34" s="71">
        <v>0</v>
      </c>
      <c r="JY34" s="71">
        <v>0</v>
      </c>
      <c r="JZ34" s="71">
        <v>0</v>
      </c>
      <c r="KA34" s="72">
        <v>0</v>
      </c>
      <c r="KB34" s="73">
        <v>0</v>
      </c>
      <c r="KC34" s="70">
        <v>5</v>
      </c>
      <c r="KD34" s="71">
        <v>5</v>
      </c>
      <c r="KE34" s="72">
        <v>10</v>
      </c>
      <c r="KF34" s="244"/>
      <c r="KG34" s="71">
        <v>10</v>
      </c>
      <c r="KH34" s="71">
        <v>6</v>
      </c>
      <c r="KI34" s="71">
        <v>6</v>
      </c>
      <c r="KJ34" s="71">
        <v>3</v>
      </c>
      <c r="KK34" s="71">
        <v>6</v>
      </c>
      <c r="KL34" s="72">
        <v>31</v>
      </c>
      <c r="KM34" s="73">
        <v>41</v>
      </c>
    </row>
    <row r="35" spans="2:299" ht="21" customHeight="1" x14ac:dyDescent="0.2">
      <c r="B35" s="126" t="s">
        <v>32</v>
      </c>
      <c r="C35" s="313">
        <v>4</v>
      </c>
      <c r="D35" s="82">
        <v>1</v>
      </c>
      <c r="E35" s="83">
        <v>5</v>
      </c>
      <c r="F35" s="241"/>
      <c r="G35" s="82">
        <v>7</v>
      </c>
      <c r="H35" s="82">
        <v>4</v>
      </c>
      <c r="I35" s="82">
        <v>4</v>
      </c>
      <c r="J35" s="82">
        <v>4</v>
      </c>
      <c r="K35" s="82">
        <v>6</v>
      </c>
      <c r="L35" s="84">
        <v>25</v>
      </c>
      <c r="M35" s="85">
        <v>30</v>
      </c>
      <c r="N35" s="70">
        <v>0</v>
      </c>
      <c r="O35" s="71">
        <v>0</v>
      </c>
      <c r="P35" s="72">
        <v>0</v>
      </c>
      <c r="Q35" s="244"/>
      <c r="R35" s="71">
        <v>0</v>
      </c>
      <c r="S35" s="71">
        <v>0</v>
      </c>
      <c r="T35" s="71">
        <v>0</v>
      </c>
      <c r="U35" s="71">
        <v>0</v>
      </c>
      <c r="V35" s="71">
        <v>0</v>
      </c>
      <c r="W35" s="72">
        <v>0</v>
      </c>
      <c r="X35" s="73">
        <v>0</v>
      </c>
      <c r="Y35" s="70">
        <v>2</v>
      </c>
      <c r="Z35" s="71">
        <v>0</v>
      </c>
      <c r="AA35" s="72">
        <v>2</v>
      </c>
      <c r="AB35" s="244"/>
      <c r="AC35" s="71">
        <v>0</v>
      </c>
      <c r="AD35" s="71">
        <v>1</v>
      </c>
      <c r="AE35" s="71">
        <v>0</v>
      </c>
      <c r="AF35" s="71">
        <v>1</v>
      </c>
      <c r="AG35" s="71">
        <v>1</v>
      </c>
      <c r="AH35" s="72">
        <v>3</v>
      </c>
      <c r="AI35" s="73">
        <v>5</v>
      </c>
      <c r="AJ35" s="70">
        <v>1</v>
      </c>
      <c r="AK35" s="71">
        <v>0</v>
      </c>
      <c r="AL35" s="72">
        <v>1</v>
      </c>
      <c r="AM35" s="244"/>
      <c r="AN35" s="71">
        <v>0</v>
      </c>
      <c r="AO35" s="71">
        <v>1</v>
      </c>
      <c r="AP35" s="71">
        <v>0</v>
      </c>
      <c r="AQ35" s="71">
        <v>0</v>
      </c>
      <c r="AR35" s="71">
        <v>2</v>
      </c>
      <c r="AS35" s="72">
        <v>3</v>
      </c>
      <c r="AT35" s="73">
        <v>4</v>
      </c>
      <c r="AU35" s="70">
        <v>0</v>
      </c>
      <c r="AV35" s="71">
        <v>1</v>
      </c>
      <c r="AW35" s="72">
        <v>1</v>
      </c>
      <c r="AX35" s="244"/>
      <c r="AY35" s="71">
        <v>4</v>
      </c>
      <c r="AZ35" s="71">
        <v>0</v>
      </c>
      <c r="BA35" s="71">
        <v>0</v>
      </c>
      <c r="BB35" s="71">
        <v>0</v>
      </c>
      <c r="BC35" s="71">
        <v>1</v>
      </c>
      <c r="BD35" s="72">
        <v>5</v>
      </c>
      <c r="BE35" s="73">
        <v>6</v>
      </c>
      <c r="BF35" s="70">
        <v>1</v>
      </c>
      <c r="BG35" s="71">
        <v>0</v>
      </c>
      <c r="BH35" s="72">
        <v>1</v>
      </c>
      <c r="BI35" s="244"/>
      <c r="BJ35" s="71">
        <v>2</v>
      </c>
      <c r="BK35" s="71">
        <v>0</v>
      </c>
      <c r="BL35" s="71">
        <v>3</v>
      </c>
      <c r="BM35" s="71">
        <v>1</v>
      </c>
      <c r="BN35" s="71">
        <v>2</v>
      </c>
      <c r="BO35" s="72">
        <v>8</v>
      </c>
      <c r="BP35" s="73">
        <v>9</v>
      </c>
      <c r="BQ35" s="70">
        <v>0</v>
      </c>
      <c r="BR35" s="71">
        <v>0</v>
      </c>
      <c r="BS35" s="72">
        <v>0</v>
      </c>
      <c r="BT35" s="244"/>
      <c r="BU35" s="71">
        <v>1</v>
      </c>
      <c r="BV35" s="71">
        <v>2</v>
      </c>
      <c r="BW35" s="71">
        <v>1</v>
      </c>
      <c r="BX35" s="71">
        <v>2</v>
      </c>
      <c r="BY35" s="71">
        <v>0</v>
      </c>
      <c r="BZ35" s="72">
        <v>6</v>
      </c>
      <c r="CA35" s="73">
        <v>6</v>
      </c>
      <c r="CB35" s="70">
        <v>0</v>
      </c>
      <c r="CC35" s="71">
        <v>0</v>
      </c>
      <c r="CD35" s="72">
        <v>0</v>
      </c>
      <c r="CE35" s="244"/>
      <c r="CF35" s="71">
        <v>0</v>
      </c>
      <c r="CG35" s="71">
        <v>0</v>
      </c>
      <c r="CH35" s="71">
        <v>0</v>
      </c>
      <c r="CI35" s="71">
        <v>0</v>
      </c>
      <c r="CJ35" s="71">
        <v>0</v>
      </c>
      <c r="CK35" s="72">
        <v>0</v>
      </c>
      <c r="CL35" s="73">
        <v>0</v>
      </c>
      <c r="CM35" s="70">
        <v>4</v>
      </c>
      <c r="CN35" s="71">
        <v>1</v>
      </c>
      <c r="CO35" s="72">
        <v>5</v>
      </c>
      <c r="CP35" s="244"/>
      <c r="CQ35" s="71">
        <v>7</v>
      </c>
      <c r="CR35" s="71">
        <v>4</v>
      </c>
      <c r="CS35" s="71">
        <v>4</v>
      </c>
      <c r="CT35" s="71">
        <v>4</v>
      </c>
      <c r="CU35" s="71">
        <v>6</v>
      </c>
      <c r="CV35" s="72">
        <v>25</v>
      </c>
      <c r="CW35" s="73">
        <v>30</v>
      </c>
      <c r="CX35" s="123">
        <v>0</v>
      </c>
      <c r="CY35" s="82">
        <v>1</v>
      </c>
      <c r="CZ35" s="83">
        <v>1</v>
      </c>
      <c r="DA35" s="241"/>
      <c r="DB35" s="82">
        <v>4</v>
      </c>
      <c r="DC35" s="82">
        <v>3</v>
      </c>
      <c r="DD35" s="82">
        <v>3</v>
      </c>
      <c r="DE35" s="82">
        <v>1</v>
      </c>
      <c r="DF35" s="82">
        <v>0</v>
      </c>
      <c r="DG35" s="84">
        <v>11</v>
      </c>
      <c r="DH35" s="85">
        <v>12</v>
      </c>
      <c r="DI35" s="70">
        <v>0</v>
      </c>
      <c r="DJ35" s="71">
        <v>0</v>
      </c>
      <c r="DK35" s="72">
        <v>0</v>
      </c>
      <c r="DL35" s="244"/>
      <c r="DM35" s="71">
        <v>1</v>
      </c>
      <c r="DN35" s="71">
        <v>0</v>
      </c>
      <c r="DO35" s="71">
        <v>0</v>
      </c>
      <c r="DP35" s="71">
        <v>0</v>
      </c>
      <c r="DQ35" s="71">
        <v>0</v>
      </c>
      <c r="DR35" s="72">
        <v>1</v>
      </c>
      <c r="DS35" s="73">
        <v>1</v>
      </c>
      <c r="DT35" s="70">
        <v>0</v>
      </c>
      <c r="DU35" s="71">
        <v>0</v>
      </c>
      <c r="DV35" s="72">
        <v>0</v>
      </c>
      <c r="DW35" s="244"/>
      <c r="DX35" s="71">
        <v>1</v>
      </c>
      <c r="DY35" s="71">
        <v>0</v>
      </c>
      <c r="DZ35" s="71">
        <v>0</v>
      </c>
      <c r="EA35" s="71">
        <v>0</v>
      </c>
      <c r="EB35" s="71">
        <v>0</v>
      </c>
      <c r="EC35" s="72">
        <v>1</v>
      </c>
      <c r="ED35" s="73">
        <v>1</v>
      </c>
      <c r="EE35" s="70">
        <v>0</v>
      </c>
      <c r="EF35" s="71">
        <v>1</v>
      </c>
      <c r="EG35" s="72">
        <v>1</v>
      </c>
      <c r="EH35" s="244"/>
      <c r="EI35" s="71">
        <v>0</v>
      </c>
      <c r="EJ35" s="71">
        <v>0</v>
      </c>
      <c r="EK35" s="71">
        <v>0</v>
      </c>
      <c r="EL35" s="71">
        <v>0</v>
      </c>
      <c r="EM35" s="71">
        <v>0</v>
      </c>
      <c r="EN35" s="72">
        <v>0</v>
      </c>
      <c r="EO35" s="73">
        <v>1</v>
      </c>
      <c r="EP35" s="70">
        <v>0</v>
      </c>
      <c r="EQ35" s="71">
        <v>0</v>
      </c>
      <c r="ER35" s="72">
        <v>0</v>
      </c>
      <c r="ES35" s="244"/>
      <c r="ET35" s="71">
        <v>1</v>
      </c>
      <c r="EU35" s="71">
        <v>0</v>
      </c>
      <c r="EV35" s="71">
        <v>0</v>
      </c>
      <c r="EW35" s="71">
        <v>0</v>
      </c>
      <c r="EX35" s="71">
        <v>0</v>
      </c>
      <c r="EY35" s="72">
        <v>1</v>
      </c>
      <c r="EZ35" s="73">
        <v>1</v>
      </c>
      <c r="FA35" s="70">
        <v>0</v>
      </c>
      <c r="FB35" s="71">
        <v>0</v>
      </c>
      <c r="FC35" s="72">
        <v>0</v>
      </c>
      <c r="FD35" s="244"/>
      <c r="FE35" s="71">
        <v>0</v>
      </c>
      <c r="FF35" s="71">
        <v>2</v>
      </c>
      <c r="FG35" s="71">
        <v>1</v>
      </c>
      <c r="FH35" s="71">
        <v>0</v>
      </c>
      <c r="FI35" s="71">
        <v>0</v>
      </c>
      <c r="FJ35" s="72">
        <v>3</v>
      </c>
      <c r="FK35" s="73">
        <v>3</v>
      </c>
      <c r="FL35" s="70">
        <v>0</v>
      </c>
      <c r="FM35" s="71">
        <v>0</v>
      </c>
      <c r="FN35" s="72">
        <v>0</v>
      </c>
      <c r="FO35" s="244"/>
      <c r="FP35" s="71">
        <v>1</v>
      </c>
      <c r="FQ35" s="71">
        <v>1</v>
      </c>
      <c r="FR35" s="71">
        <v>2</v>
      </c>
      <c r="FS35" s="71">
        <v>1</v>
      </c>
      <c r="FT35" s="71">
        <v>0</v>
      </c>
      <c r="FU35" s="72">
        <v>5</v>
      </c>
      <c r="FV35" s="73">
        <v>5</v>
      </c>
      <c r="FW35" s="70">
        <v>0</v>
      </c>
      <c r="FX35" s="71">
        <v>0</v>
      </c>
      <c r="FY35" s="72">
        <v>0</v>
      </c>
      <c r="FZ35" s="244"/>
      <c r="GA35" s="71">
        <v>0</v>
      </c>
      <c r="GB35" s="71">
        <v>0</v>
      </c>
      <c r="GC35" s="71">
        <v>0</v>
      </c>
      <c r="GD35" s="71">
        <v>0</v>
      </c>
      <c r="GE35" s="71">
        <v>0</v>
      </c>
      <c r="GF35" s="72">
        <v>0</v>
      </c>
      <c r="GG35" s="73">
        <v>0</v>
      </c>
      <c r="GH35" s="70">
        <v>0</v>
      </c>
      <c r="GI35" s="71">
        <v>1</v>
      </c>
      <c r="GJ35" s="72">
        <v>1</v>
      </c>
      <c r="GK35" s="244"/>
      <c r="GL35" s="71">
        <v>4</v>
      </c>
      <c r="GM35" s="71">
        <v>3</v>
      </c>
      <c r="GN35" s="71">
        <v>3</v>
      </c>
      <c r="GO35" s="71">
        <v>1</v>
      </c>
      <c r="GP35" s="71">
        <v>0</v>
      </c>
      <c r="GQ35" s="72">
        <v>11</v>
      </c>
      <c r="GR35" s="73">
        <v>12</v>
      </c>
      <c r="GS35" s="123">
        <v>4</v>
      </c>
      <c r="GT35" s="82">
        <v>2</v>
      </c>
      <c r="GU35" s="83">
        <v>6</v>
      </c>
      <c r="GV35" s="241"/>
      <c r="GW35" s="82">
        <v>11</v>
      </c>
      <c r="GX35" s="82">
        <v>7</v>
      </c>
      <c r="GY35" s="82">
        <v>7</v>
      </c>
      <c r="GZ35" s="82">
        <v>5</v>
      </c>
      <c r="HA35" s="82">
        <v>6</v>
      </c>
      <c r="HB35" s="84">
        <v>36</v>
      </c>
      <c r="HC35" s="85">
        <v>42</v>
      </c>
      <c r="HD35" s="70">
        <v>0</v>
      </c>
      <c r="HE35" s="71">
        <v>0</v>
      </c>
      <c r="HF35" s="72">
        <v>0</v>
      </c>
      <c r="HG35" s="244"/>
      <c r="HH35" s="71">
        <v>1</v>
      </c>
      <c r="HI35" s="71">
        <v>0</v>
      </c>
      <c r="HJ35" s="71">
        <v>0</v>
      </c>
      <c r="HK35" s="71">
        <v>0</v>
      </c>
      <c r="HL35" s="71">
        <v>0</v>
      </c>
      <c r="HM35" s="72">
        <v>1</v>
      </c>
      <c r="HN35" s="73">
        <v>1</v>
      </c>
      <c r="HO35" s="70">
        <v>2</v>
      </c>
      <c r="HP35" s="71">
        <v>0</v>
      </c>
      <c r="HQ35" s="72">
        <v>2</v>
      </c>
      <c r="HR35" s="244"/>
      <c r="HS35" s="71">
        <v>1</v>
      </c>
      <c r="HT35" s="71">
        <v>1</v>
      </c>
      <c r="HU35" s="71">
        <v>0</v>
      </c>
      <c r="HV35" s="71">
        <v>1</v>
      </c>
      <c r="HW35" s="71">
        <v>1</v>
      </c>
      <c r="HX35" s="72">
        <v>4</v>
      </c>
      <c r="HY35" s="73">
        <v>6</v>
      </c>
      <c r="HZ35" s="70">
        <v>1</v>
      </c>
      <c r="IA35" s="71">
        <v>1</v>
      </c>
      <c r="IB35" s="72">
        <v>2</v>
      </c>
      <c r="IC35" s="244"/>
      <c r="ID35" s="71">
        <v>0</v>
      </c>
      <c r="IE35" s="71">
        <v>1</v>
      </c>
      <c r="IF35" s="71">
        <v>0</v>
      </c>
      <c r="IG35" s="71">
        <v>0</v>
      </c>
      <c r="IH35" s="71">
        <v>2</v>
      </c>
      <c r="II35" s="72">
        <v>3</v>
      </c>
      <c r="IJ35" s="73">
        <v>5</v>
      </c>
      <c r="IK35" s="70">
        <v>0</v>
      </c>
      <c r="IL35" s="71">
        <v>1</v>
      </c>
      <c r="IM35" s="72">
        <v>1</v>
      </c>
      <c r="IN35" s="244"/>
      <c r="IO35" s="71">
        <v>5</v>
      </c>
      <c r="IP35" s="71">
        <v>0</v>
      </c>
      <c r="IQ35" s="71">
        <v>0</v>
      </c>
      <c r="IR35" s="71">
        <v>0</v>
      </c>
      <c r="IS35" s="71">
        <v>1</v>
      </c>
      <c r="IT35" s="72">
        <v>6</v>
      </c>
      <c r="IU35" s="73">
        <v>7</v>
      </c>
      <c r="IV35" s="70">
        <v>1</v>
      </c>
      <c r="IW35" s="71">
        <v>0</v>
      </c>
      <c r="IX35" s="72">
        <v>1</v>
      </c>
      <c r="IY35" s="244"/>
      <c r="IZ35" s="71">
        <v>2</v>
      </c>
      <c r="JA35" s="71">
        <v>2</v>
      </c>
      <c r="JB35" s="71">
        <v>4</v>
      </c>
      <c r="JC35" s="71">
        <v>1</v>
      </c>
      <c r="JD35" s="71">
        <v>2</v>
      </c>
      <c r="JE35" s="72">
        <v>11</v>
      </c>
      <c r="JF35" s="73">
        <v>12</v>
      </c>
      <c r="JG35" s="70">
        <v>0</v>
      </c>
      <c r="JH35" s="71">
        <v>0</v>
      </c>
      <c r="JI35" s="72">
        <v>0</v>
      </c>
      <c r="JJ35" s="244"/>
      <c r="JK35" s="71">
        <v>2</v>
      </c>
      <c r="JL35" s="71">
        <v>3</v>
      </c>
      <c r="JM35" s="71">
        <v>3</v>
      </c>
      <c r="JN35" s="71">
        <v>3</v>
      </c>
      <c r="JO35" s="71">
        <v>0</v>
      </c>
      <c r="JP35" s="72">
        <v>11</v>
      </c>
      <c r="JQ35" s="73">
        <v>11</v>
      </c>
      <c r="JR35" s="70">
        <v>0</v>
      </c>
      <c r="JS35" s="71">
        <v>0</v>
      </c>
      <c r="JT35" s="72">
        <v>0</v>
      </c>
      <c r="JU35" s="244"/>
      <c r="JV35" s="71">
        <v>0</v>
      </c>
      <c r="JW35" s="71">
        <v>0</v>
      </c>
      <c r="JX35" s="71">
        <v>0</v>
      </c>
      <c r="JY35" s="71">
        <v>0</v>
      </c>
      <c r="JZ35" s="71">
        <v>0</v>
      </c>
      <c r="KA35" s="72">
        <v>0</v>
      </c>
      <c r="KB35" s="73">
        <v>0</v>
      </c>
      <c r="KC35" s="70">
        <v>4</v>
      </c>
      <c r="KD35" s="71">
        <v>2</v>
      </c>
      <c r="KE35" s="72">
        <v>6</v>
      </c>
      <c r="KF35" s="244"/>
      <c r="KG35" s="71">
        <v>11</v>
      </c>
      <c r="KH35" s="71">
        <v>7</v>
      </c>
      <c r="KI35" s="71">
        <v>7</v>
      </c>
      <c r="KJ35" s="71">
        <v>5</v>
      </c>
      <c r="KK35" s="71">
        <v>6</v>
      </c>
      <c r="KL35" s="72">
        <v>36</v>
      </c>
      <c r="KM35" s="73">
        <v>42</v>
      </c>
    </row>
    <row r="36" spans="2:299" ht="21" customHeight="1" x14ac:dyDescent="0.2">
      <c r="B36" s="126" t="s">
        <v>33</v>
      </c>
      <c r="C36" s="313">
        <v>1</v>
      </c>
      <c r="D36" s="82">
        <v>2</v>
      </c>
      <c r="E36" s="83">
        <v>3</v>
      </c>
      <c r="F36" s="241"/>
      <c r="G36" s="82">
        <v>9</v>
      </c>
      <c r="H36" s="82">
        <v>2</v>
      </c>
      <c r="I36" s="82">
        <v>4</v>
      </c>
      <c r="J36" s="82">
        <v>3</v>
      </c>
      <c r="K36" s="82">
        <v>6</v>
      </c>
      <c r="L36" s="84">
        <v>24</v>
      </c>
      <c r="M36" s="85">
        <v>27</v>
      </c>
      <c r="N36" s="70">
        <v>0</v>
      </c>
      <c r="O36" s="71">
        <v>0</v>
      </c>
      <c r="P36" s="72">
        <v>0</v>
      </c>
      <c r="Q36" s="244"/>
      <c r="R36" s="71">
        <v>1</v>
      </c>
      <c r="S36" s="71">
        <v>0</v>
      </c>
      <c r="T36" s="71">
        <v>0</v>
      </c>
      <c r="U36" s="71">
        <v>0</v>
      </c>
      <c r="V36" s="71">
        <v>1</v>
      </c>
      <c r="W36" s="72">
        <v>2</v>
      </c>
      <c r="X36" s="73">
        <v>2</v>
      </c>
      <c r="Y36" s="70">
        <v>0</v>
      </c>
      <c r="Z36" s="71">
        <v>0</v>
      </c>
      <c r="AA36" s="72">
        <v>0</v>
      </c>
      <c r="AB36" s="244"/>
      <c r="AC36" s="71">
        <v>1</v>
      </c>
      <c r="AD36" s="71">
        <v>0</v>
      </c>
      <c r="AE36" s="71">
        <v>1</v>
      </c>
      <c r="AF36" s="71">
        <v>0</v>
      </c>
      <c r="AG36" s="71">
        <v>1</v>
      </c>
      <c r="AH36" s="72">
        <v>3</v>
      </c>
      <c r="AI36" s="73">
        <v>3</v>
      </c>
      <c r="AJ36" s="70">
        <v>0</v>
      </c>
      <c r="AK36" s="71">
        <v>0</v>
      </c>
      <c r="AL36" s="72">
        <v>0</v>
      </c>
      <c r="AM36" s="244"/>
      <c r="AN36" s="71">
        <v>2</v>
      </c>
      <c r="AO36" s="71">
        <v>1</v>
      </c>
      <c r="AP36" s="71">
        <v>0</v>
      </c>
      <c r="AQ36" s="71">
        <v>0</v>
      </c>
      <c r="AR36" s="71">
        <v>3</v>
      </c>
      <c r="AS36" s="72">
        <v>6</v>
      </c>
      <c r="AT36" s="73">
        <v>6</v>
      </c>
      <c r="AU36" s="70">
        <v>0</v>
      </c>
      <c r="AV36" s="71">
        <v>1</v>
      </c>
      <c r="AW36" s="72">
        <v>1</v>
      </c>
      <c r="AX36" s="244"/>
      <c r="AY36" s="71">
        <v>0</v>
      </c>
      <c r="AZ36" s="71">
        <v>0</v>
      </c>
      <c r="BA36" s="71">
        <v>0</v>
      </c>
      <c r="BB36" s="71">
        <v>1</v>
      </c>
      <c r="BC36" s="71">
        <v>0</v>
      </c>
      <c r="BD36" s="72">
        <v>1</v>
      </c>
      <c r="BE36" s="73">
        <v>2</v>
      </c>
      <c r="BF36" s="70">
        <v>1</v>
      </c>
      <c r="BG36" s="71">
        <v>0</v>
      </c>
      <c r="BH36" s="72">
        <v>1</v>
      </c>
      <c r="BI36" s="244"/>
      <c r="BJ36" s="71">
        <v>1</v>
      </c>
      <c r="BK36" s="71">
        <v>1</v>
      </c>
      <c r="BL36" s="71">
        <v>2</v>
      </c>
      <c r="BM36" s="71">
        <v>0</v>
      </c>
      <c r="BN36" s="71">
        <v>1</v>
      </c>
      <c r="BO36" s="72">
        <v>5</v>
      </c>
      <c r="BP36" s="73">
        <v>6</v>
      </c>
      <c r="BQ36" s="70">
        <v>0</v>
      </c>
      <c r="BR36" s="71">
        <v>1</v>
      </c>
      <c r="BS36" s="72">
        <v>1</v>
      </c>
      <c r="BT36" s="244"/>
      <c r="BU36" s="71">
        <v>4</v>
      </c>
      <c r="BV36" s="71">
        <v>0</v>
      </c>
      <c r="BW36" s="71">
        <v>1</v>
      </c>
      <c r="BX36" s="71">
        <v>2</v>
      </c>
      <c r="BY36" s="71">
        <v>0</v>
      </c>
      <c r="BZ36" s="72">
        <v>7</v>
      </c>
      <c r="CA36" s="73">
        <v>8</v>
      </c>
      <c r="CB36" s="70">
        <v>0</v>
      </c>
      <c r="CC36" s="71">
        <v>0</v>
      </c>
      <c r="CD36" s="72">
        <v>0</v>
      </c>
      <c r="CE36" s="244"/>
      <c r="CF36" s="71">
        <v>0</v>
      </c>
      <c r="CG36" s="71">
        <v>0</v>
      </c>
      <c r="CH36" s="71">
        <v>0</v>
      </c>
      <c r="CI36" s="71">
        <v>0</v>
      </c>
      <c r="CJ36" s="71">
        <v>0</v>
      </c>
      <c r="CK36" s="72">
        <v>0</v>
      </c>
      <c r="CL36" s="73">
        <v>0</v>
      </c>
      <c r="CM36" s="70">
        <v>1</v>
      </c>
      <c r="CN36" s="71">
        <v>2</v>
      </c>
      <c r="CO36" s="72">
        <v>3</v>
      </c>
      <c r="CP36" s="244"/>
      <c r="CQ36" s="71">
        <v>9</v>
      </c>
      <c r="CR36" s="71">
        <v>2</v>
      </c>
      <c r="CS36" s="71">
        <v>4</v>
      </c>
      <c r="CT36" s="71">
        <v>3</v>
      </c>
      <c r="CU36" s="71">
        <v>6</v>
      </c>
      <c r="CV36" s="72">
        <v>24</v>
      </c>
      <c r="CW36" s="73">
        <v>27</v>
      </c>
      <c r="CX36" s="123">
        <v>3</v>
      </c>
      <c r="CY36" s="82">
        <v>3</v>
      </c>
      <c r="CZ36" s="83">
        <v>6</v>
      </c>
      <c r="DA36" s="241"/>
      <c r="DB36" s="82">
        <v>4</v>
      </c>
      <c r="DC36" s="82">
        <v>1</v>
      </c>
      <c r="DD36" s="82">
        <v>5</v>
      </c>
      <c r="DE36" s="82">
        <v>3</v>
      </c>
      <c r="DF36" s="82">
        <v>1</v>
      </c>
      <c r="DG36" s="84">
        <v>14</v>
      </c>
      <c r="DH36" s="85">
        <v>20</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0</v>
      </c>
      <c r="DZ36" s="71">
        <v>0</v>
      </c>
      <c r="EA36" s="71">
        <v>0</v>
      </c>
      <c r="EB36" s="71">
        <v>0</v>
      </c>
      <c r="EC36" s="72">
        <v>0</v>
      </c>
      <c r="ED36" s="73">
        <v>0</v>
      </c>
      <c r="EE36" s="70">
        <v>0</v>
      </c>
      <c r="EF36" s="71">
        <v>1</v>
      </c>
      <c r="EG36" s="72">
        <v>1</v>
      </c>
      <c r="EH36" s="244"/>
      <c r="EI36" s="71">
        <v>0</v>
      </c>
      <c r="EJ36" s="71">
        <v>1</v>
      </c>
      <c r="EK36" s="71">
        <v>1</v>
      </c>
      <c r="EL36" s="71">
        <v>1</v>
      </c>
      <c r="EM36" s="71">
        <v>0</v>
      </c>
      <c r="EN36" s="72">
        <v>3</v>
      </c>
      <c r="EO36" s="73">
        <v>4</v>
      </c>
      <c r="EP36" s="70">
        <v>3</v>
      </c>
      <c r="EQ36" s="71">
        <v>0</v>
      </c>
      <c r="ER36" s="72">
        <v>3</v>
      </c>
      <c r="ES36" s="244"/>
      <c r="ET36" s="71">
        <v>0</v>
      </c>
      <c r="EU36" s="71">
        <v>0</v>
      </c>
      <c r="EV36" s="71">
        <v>1</v>
      </c>
      <c r="EW36" s="71">
        <v>0</v>
      </c>
      <c r="EX36" s="71">
        <v>0</v>
      </c>
      <c r="EY36" s="72">
        <v>1</v>
      </c>
      <c r="EZ36" s="73">
        <v>4</v>
      </c>
      <c r="FA36" s="70">
        <v>0</v>
      </c>
      <c r="FB36" s="71">
        <v>1</v>
      </c>
      <c r="FC36" s="72">
        <v>1</v>
      </c>
      <c r="FD36" s="244"/>
      <c r="FE36" s="71">
        <v>2</v>
      </c>
      <c r="FF36" s="71">
        <v>0</v>
      </c>
      <c r="FG36" s="71">
        <v>1</v>
      </c>
      <c r="FH36" s="71">
        <v>1</v>
      </c>
      <c r="FI36" s="71">
        <v>1</v>
      </c>
      <c r="FJ36" s="72">
        <v>5</v>
      </c>
      <c r="FK36" s="73">
        <v>6</v>
      </c>
      <c r="FL36" s="70">
        <v>0</v>
      </c>
      <c r="FM36" s="71">
        <v>1</v>
      </c>
      <c r="FN36" s="72">
        <v>1</v>
      </c>
      <c r="FO36" s="244"/>
      <c r="FP36" s="71">
        <v>2</v>
      </c>
      <c r="FQ36" s="71">
        <v>0</v>
      </c>
      <c r="FR36" s="71">
        <v>2</v>
      </c>
      <c r="FS36" s="71">
        <v>1</v>
      </c>
      <c r="FT36" s="71">
        <v>0</v>
      </c>
      <c r="FU36" s="72">
        <v>5</v>
      </c>
      <c r="FV36" s="73">
        <v>6</v>
      </c>
      <c r="FW36" s="70">
        <v>0</v>
      </c>
      <c r="FX36" s="71">
        <v>0</v>
      </c>
      <c r="FY36" s="72">
        <v>0</v>
      </c>
      <c r="FZ36" s="244"/>
      <c r="GA36" s="71">
        <v>0</v>
      </c>
      <c r="GB36" s="71">
        <v>0</v>
      </c>
      <c r="GC36" s="71">
        <v>0</v>
      </c>
      <c r="GD36" s="71">
        <v>0</v>
      </c>
      <c r="GE36" s="71">
        <v>0</v>
      </c>
      <c r="GF36" s="72">
        <v>0</v>
      </c>
      <c r="GG36" s="73">
        <v>0</v>
      </c>
      <c r="GH36" s="70">
        <v>3</v>
      </c>
      <c r="GI36" s="71">
        <v>3</v>
      </c>
      <c r="GJ36" s="72">
        <v>6</v>
      </c>
      <c r="GK36" s="244"/>
      <c r="GL36" s="71">
        <v>4</v>
      </c>
      <c r="GM36" s="71">
        <v>1</v>
      </c>
      <c r="GN36" s="71">
        <v>5</v>
      </c>
      <c r="GO36" s="71">
        <v>3</v>
      </c>
      <c r="GP36" s="71">
        <v>1</v>
      </c>
      <c r="GQ36" s="72">
        <v>14</v>
      </c>
      <c r="GR36" s="73">
        <v>20</v>
      </c>
      <c r="GS36" s="123">
        <v>4</v>
      </c>
      <c r="GT36" s="82">
        <v>5</v>
      </c>
      <c r="GU36" s="83">
        <v>9</v>
      </c>
      <c r="GV36" s="241"/>
      <c r="GW36" s="82">
        <v>13</v>
      </c>
      <c r="GX36" s="82">
        <v>3</v>
      </c>
      <c r="GY36" s="82">
        <v>9</v>
      </c>
      <c r="GZ36" s="82">
        <v>6</v>
      </c>
      <c r="HA36" s="82">
        <v>7</v>
      </c>
      <c r="HB36" s="84">
        <v>38</v>
      </c>
      <c r="HC36" s="85">
        <v>47</v>
      </c>
      <c r="HD36" s="70">
        <v>0</v>
      </c>
      <c r="HE36" s="71">
        <v>0</v>
      </c>
      <c r="HF36" s="72">
        <v>0</v>
      </c>
      <c r="HG36" s="244"/>
      <c r="HH36" s="71">
        <v>1</v>
      </c>
      <c r="HI36" s="71">
        <v>0</v>
      </c>
      <c r="HJ36" s="71">
        <v>0</v>
      </c>
      <c r="HK36" s="71">
        <v>0</v>
      </c>
      <c r="HL36" s="71">
        <v>1</v>
      </c>
      <c r="HM36" s="72">
        <v>2</v>
      </c>
      <c r="HN36" s="73">
        <v>2</v>
      </c>
      <c r="HO36" s="70">
        <v>0</v>
      </c>
      <c r="HP36" s="71">
        <v>0</v>
      </c>
      <c r="HQ36" s="72">
        <v>0</v>
      </c>
      <c r="HR36" s="244"/>
      <c r="HS36" s="71">
        <v>1</v>
      </c>
      <c r="HT36" s="71">
        <v>0</v>
      </c>
      <c r="HU36" s="71">
        <v>1</v>
      </c>
      <c r="HV36" s="71">
        <v>0</v>
      </c>
      <c r="HW36" s="71">
        <v>1</v>
      </c>
      <c r="HX36" s="72">
        <v>3</v>
      </c>
      <c r="HY36" s="73">
        <v>3</v>
      </c>
      <c r="HZ36" s="70">
        <v>0</v>
      </c>
      <c r="IA36" s="71">
        <v>1</v>
      </c>
      <c r="IB36" s="72">
        <v>1</v>
      </c>
      <c r="IC36" s="244"/>
      <c r="ID36" s="71">
        <v>2</v>
      </c>
      <c r="IE36" s="71">
        <v>2</v>
      </c>
      <c r="IF36" s="71">
        <v>1</v>
      </c>
      <c r="IG36" s="71">
        <v>1</v>
      </c>
      <c r="IH36" s="71">
        <v>3</v>
      </c>
      <c r="II36" s="72">
        <v>9</v>
      </c>
      <c r="IJ36" s="73">
        <v>10</v>
      </c>
      <c r="IK36" s="70">
        <v>3</v>
      </c>
      <c r="IL36" s="71">
        <v>1</v>
      </c>
      <c r="IM36" s="72">
        <v>4</v>
      </c>
      <c r="IN36" s="244"/>
      <c r="IO36" s="71">
        <v>0</v>
      </c>
      <c r="IP36" s="71">
        <v>0</v>
      </c>
      <c r="IQ36" s="71">
        <v>1</v>
      </c>
      <c r="IR36" s="71">
        <v>1</v>
      </c>
      <c r="IS36" s="71">
        <v>0</v>
      </c>
      <c r="IT36" s="72">
        <v>2</v>
      </c>
      <c r="IU36" s="73">
        <v>6</v>
      </c>
      <c r="IV36" s="70">
        <v>1</v>
      </c>
      <c r="IW36" s="71">
        <v>1</v>
      </c>
      <c r="IX36" s="72">
        <v>2</v>
      </c>
      <c r="IY36" s="244"/>
      <c r="IZ36" s="71">
        <v>3</v>
      </c>
      <c r="JA36" s="71">
        <v>1</v>
      </c>
      <c r="JB36" s="71">
        <v>3</v>
      </c>
      <c r="JC36" s="71">
        <v>1</v>
      </c>
      <c r="JD36" s="71">
        <v>2</v>
      </c>
      <c r="JE36" s="72">
        <v>10</v>
      </c>
      <c r="JF36" s="73">
        <v>12</v>
      </c>
      <c r="JG36" s="70">
        <v>0</v>
      </c>
      <c r="JH36" s="71">
        <v>2</v>
      </c>
      <c r="JI36" s="72">
        <v>2</v>
      </c>
      <c r="JJ36" s="244"/>
      <c r="JK36" s="71">
        <v>6</v>
      </c>
      <c r="JL36" s="71">
        <v>0</v>
      </c>
      <c r="JM36" s="71">
        <v>3</v>
      </c>
      <c r="JN36" s="71">
        <v>3</v>
      </c>
      <c r="JO36" s="71">
        <v>0</v>
      </c>
      <c r="JP36" s="72">
        <v>12</v>
      </c>
      <c r="JQ36" s="73">
        <v>14</v>
      </c>
      <c r="JR36" s="70">
        <v>0</v>
      </c>
      <c r="JS36" s="71">
        <v>0</v>
      </c>
      <c r="JT36" s="72">
        <v>0</v>
      </c>
      <c r="JU36" s="244"/>
      <c r="JV36" s="71">
        <v>0</v>
      </c>
      <c r="JW36" s="71">
        <v>0</v>
      </c>
      <c r="JX36" s="71">
        <v>0</v>
      </c>
      <c r="JY36" s="71">
        <v>0</v>
      </c>
      <c r="JZ36" s="71">
        <v>0</v>
      </c>
      <c r="KA36" s="72">
        <v>0</v>
      </c>
      <c r="KB36" s="73">
        <v>0</v>
      </c>
      <c r="KC36" s="70">
        <v>4</v>
      </c>
      <c r="KD36" s="71">
        <v>5</v>
      </c>
      <c r="KE36" s="72">
        <v>9</v>
      </c>
      <c r="KF36" s="244"/>
      <c r="KG36" s="71">
        <v>13</v>
      </c>
      <c r="KH36" s="71">
        <v>3</v>
      </c>
      <c r="KI36" s="71">
        <v>9</v>
      </c>
      <c r="KJ36" s="71">
        <v>6</v>
      </c>
      <c r="KK36" s="71">
        <v>7</v>
      </c>
      <c r="KL36" s="72">
        <v>38</v>
      </c>
      <c r="KM36" s="73">
        <v>47</v>
      </c>
    </row>
    <row r="37" spans="2:299" ht="21" customHeight="1" x14ac:dyDescent="0.2">
      <c r="B37" s="126" t="s">
        <v>34</v>
      </c>
      <c r="C37" s="313">
        <v>1</v>
      </c>
      <c r="D37" s="82">
        <v>0</v>
      </c>
      <c r="E37" s="83">
        <v>1</v>
      </c>
      <c r="F37" s="241"/>
      <c r="G37" s="82">
        <v>1</v>
      </c>
      <c r="H37" s="82">
        <v>4</v>
      </c>
      <c r="I37" s="82">
        <v>2</v>
      </c>
      <c r="J37" s="82">
        <v>0</v>
      </c>
      <c r="K37" s="82">
        <v>1</v>
      </c>
      <c r="L37" s="84">
        <v>8</v>
      </c>
      <c r="M37" s="85">
        <v>9</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1</v>
      </c>
      <c r="AK37" s="71">
        <v>0</v>
      </c>
      <c r="AL37" s="72">
        <v>1</v>
      </c>
      <c r="AM37" s="244"/>
      <c r="AN37" s="71">
        <v>0</v>
      </c>
      <c r="AO37" s="71">
        <v>0</v>
      </c>
      <c r="AP37" s="71">
        <v>0</v>
      </c>
      <c r="AQ37" s="71">
        <v>0</v>
      </c>
      <c r="AR37" s="71">
        <v>0</v>
      </c>
      <c r="AS37" s="72">
        <v>0</v>
      </c>
      <c r="AT37" s="73">
        <v>1</v>
      </c>
      <c r="AU37" s="70">
        <v>0</v>
      </c>
      <c r="AV37" s="71">
        <v>0</v>
      </c>
      <c r="AW37" s="72">
        <v>0</v>
      </c>
      <c r="AX37" s="244"/>
      <c r="AY37" s="71">
        <v>1</v>
      </c>
      <c r="AZ37" s="71">
        <v>1</v>
      </c>
      <c r="BA37" s="71">
        <v>0</v>
      </c>
      <c r="BB37" s="71">
        <v>0</v>
      </c>
      <c r="BC37" s="71">
        <v>0</v>
      </c>
      <c r="BD37" s="72">
        <v>2</v>
      </c>
      <c r="BE37" s="73">
        <v>2</v>
      </c>
      <c r="BF37" s="70">
        <v>0</v>
      </c>
      <c r="BG37" s="71">
        <v>0</v>
      </c>
      <c r="BH37" s="72">
        <v>0</v>
      </c>
      <c r="BI37" s="244"/>
      <c r="BJ37" s="71">
        <v>0</v>
      </c>
      <c r="BK37" s="71">
        <v>0</v>
      </c>
      <c r="BL37" s="71">
        <v>1</v>
      </c>
      <c r="BM37" s="71">
        <v>0</v>
      </c>
      <c r="BN37" s="71">
        <v>0</v>
      </c>
      <c r="BO37" s="72">
        <v>1</v>
      </c>
      <c r="BP37" s="73">
        <v>1</v>
      </c>
      <c r="BQ37" s="70">
        <v>0</v>
      </c>
      <c r="BR37" s="71">
        <v>0</v>
      </c>
      <c r="BS37" s="72">
        <v>0</v>
      </c>
      <c r="BT37" s="244"/>
      <c r="BU37" s="71">
        <v>0</v>
      </c>
      <c r="BV37" s="71">
        <v>2</v>
      </c>
      <c r="BW37" s="71">
        <v>1</v>
      </c>
      <c r="BX37" s="71">
        <v>0</v>
      </c>
      <c r="BY37" s="71">
        <v>1</v>
      </c>
      <c r="BZ37" s="72">
        <v>4</v>
      </c>
      <c r="CA37" s="73">
        <v>4</v>
      </c>
      <c r="CB37" s="70">
        <v>0</v>
      </c>
      <c r="CC37" s="71">
        <v>0</v>
      </c>
      <c r="CD37" s="72">
        <v>0</v>
      </c>
      <c r="CE37" s="244"/>
      <c r="CF37" s="71">
        <v>0</v>
      </c>
      <c r="CG37" s="71">
        <v>0</v>
      </c>
      <c r="CH37" s="71">
        <v>0</v>
      </c>
      <c r="CI37" s="71">
        <v>0</v>
      </c>
      <c r="CJ37" s="71">
        <v>0</v>
      </c>
      <c r="CK37" s="72">
        <v>0</v>
      </c>
      <c r="CL37" s="73">
        <v>0</v>
      </c>
      <c r="CM37" s="70">
        <v>1</v>
      </c>
      <c r="CN37" s="71">
        <v>0</v>
      </c>
      <c r="CO37" s="72">
        <v>1</v>
      </c>
      <c r="CP37" s="244"/>
      <c r="CQ37" s="71">
        <v>1</v>
      </c>
      <c r="CR37" s="71">
        <v>4</v>
      </c>
      <c r="CS37" s="71">
        <v>2</v>
      </c>
      <c r="CT37" s="71">
        <v>0</v>
      </c>
      <c r="CU37" s="71">
        <v>1</v>
      </c>
      <c r="CV37" s="72">
        <v>8</v>
      </c>
      <c r="CW37" s="73">
        <v>9</v>
      </c>
      <c r="CX37" s="123">
        <v>1</v>
      </c>
      <c r="CY37" s="82">
        <v>0</v>
      </c>
      <c r="CZ37" s="83">
        <v>1</v>
      </c>
      <c r="DA37" s="241"/>
      <c r="DB37" s="82">
        <v>1</v>
      </c>
      <c r="DC37" s="82">
        <v>1</v>
      </c>
      <c r="DD37" s="82">
        <v>1</v>
      </c>
      <c r="DE37" s="82">
        <v>0</v>
      </c>
      <c r="DF37" s="82">
        <v>0</v>
      </c>
      <c r="DG37" s="84">
        <v>3</v>
      </c>
      <c r="DH37" s="85">
        <v>4</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0</v>
      </c>
      <c r="EQ37" s="71">
        <v>0</v>
      </c>
      <c r="ER37" s="72">
        <v>0</v>
      </c>
      <c r="ES37" s="244"/>
      <c r="ET37" s="71">
        <v>0</v>
      </c>
      <c r="EU37" s="71">
        <v>0</v>
      </c>
      <c r="EV37" s="71">
        <v>0</v>
      </c>
      <c r="EW37" s="71">
        <v>0</v>
      </c>
      <c r="EX37" s="71">
        <v>0</v>
      </c>
      <c r="EY37" s="72">
        <v>0</v>
      </c>
      <c r="EZ37" s="73">
        <v>0</v>
      </c>
      <c r="FA37" s="70">
        <v>1</v>
      </c>
      <c r="FB37" s="71">
        <v>0</v>
      </c>
      <c r="FC37" s="72">
        <v>1</v>
      </c>
      <c r="FD37" s="244"/>
      <c r="FE37" s="71">
        <v>1</v>
      </c>
      <c r="FF37" s="71">
        <v>1</v>
      </c>
      <c r="FG37" s="71">
        <v>0</v>
      </c>
      <c r="FH37" s="71">
        <v>0</v>
      </c>
      <c r="FI37" s="71">
        <v>0</v>
      </c>
      <c r="FJ37" s="72">
        <v>2</v>
      </c>
      <c r="FK37" s="73">
        <v>3</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1</v>
      </c>
      <c r="GI37" s="71">
        <v>0</v>
      </c>
      <c r="GJ37" s="72">
        <v>1</v>
      </c>
      <c r="GK37" s="244"/>
      <c r="GL37" s="71">
        <v>1</v>
      </c>
      <c r="GM37" s="71">
        <v>1</v>
      </c>
      <c r="GN37" s="71">
        <v>1</v>
      </c>
      <c r="GO37" s="71">
        <v>0</v>
      </c>
      <c r="GP37" s="71">
        <v>0</v>
      </c>
      <c r="GQ37" s="72">
        <v>3</v>
      </c>
      <c r="GR37" s="73">
        <v>4</v>
      </c>
      <c r="GS37" s="123">
        <v>2</v>
      </c>
      <c r="GT37" s="82">
        <v>0</v>
      </c>
      <c r="GU37" s="83">
        <v>2</v>
      </c>
      <c r="GV37" s="241"/>
      <c r="GW37" s="82">
        <v>2</v>
      </c>
      <c r="GX37" s="82">
        <v>5</v>
      </c>
      <c r="GY37" s="82">
        <v>3</v>
      </c>
      <c r="GZ37" s="82">
        <v>0</v>
      </c>
      <c r="HA37" s="82">
        <v>1</v>
      </c>
      <c r="HB37" s="84">
        <v>11</v>
      </c>
      <c r="HC37" s="85">
        <v>13</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1</v>
      </c>
      <c r="IA37" s="71">
        <v>0</v>
      </c>
      <c r="IB37" s="72">
        <v>1</v>
      </c>
      <c r="IC37" s="244"/>
      <c r="ID37" s="71">
        <v>0</v>
      </c>
      <c r="IE37" s="71">
        <v>0</v>
      </c>
      <c r="IF37" s="71">
        <v>1</v>
      </c>
      <c r="IG37" s="71">
        <v>0</v>
      </c>
      <c r="IH37" s="71">
        <v>0</v>
      </c>
      <c r="II37" s="72">
        <v>1</v>
      </c>
      <c r="IJ37" s="73">
        <v>2</v>
      </c>
      <c r="IK37" s="70">
        <v>0</v>
      </c>
      <c r="IL37" s="71">
        <v>0</v>
      </c>
      <c r="IM37" s="72">
        <v>0</v>
      </c>
      <c r="IN37" s="244"/>
      <c r="IO37" s="71">
        <v>1</v>
      </c>
      <c r="IP37" s="71">
        <v>1</v>
      </c>
      <c r="IQ37" s="71">
        <v>0</v>
      </c>
      <c r="IR37" s="71">
        <v>0</v>
      </c>
      <c r="IS37" s="71">
        <v>0</v>
      </c>
      <c r="IT37" s="72">
        <v>2</v>
      </c>
      <c r="IU37" s="73">
        <v>2</v>
      </c>
      <c r="IV37" s="70">
        <v>1</v>
      </c>
      <c r="IW37" s="71">
        <v>0</v>
      </c>
      <c r="IX37" s="72">
        <v>1</v>
      </c>
      <c r="IY37" s="244"/>
      <c r="IZ37" s="71">
        <v>1</v>
      </c>
      <c r="JA37" s="71">
        <v>1</v>
      </c>
      <c r="JB37" s="71">
        <v>1</v>
      </c>
      <c r="JC37" s="71">
        <v>0</v>
      </c>
      <c r="JD37" s="71">
        <v>0</v>
      </c>
      <c r="JE37" s="72">
        <v>3</v>
      </c>
      <c r="JF37" s="73">
        <v>4</v>
      </c>
      <c r="JG37" s="70">
        <v>0</v>
      </c>
      <c r="JH37" s="71">
        <v>0</v>
      </c>
      <c r="JI37" s="72">
        <v>0</v>
      </c>
      <c r="JJ37" s="244"/>
      <c r="JK37" s="71">
        <v>0</v>
      </c>
      <c r="JL37" s="71">
        <v>2</v>
      </c>
      <c r="JM37" s="71">
        <v>1</v>
      </c>
      <c r="JN37" s="71">
        <v>0</v>
      </c>
      <c r="JO37" s="71">
        <v>1</v>
      </c>
      <c r="JP37" s="72">
        <v>4</v>
      </c>
      <c r="JQ37" s="73">
        <v>4</v>
      </c>
      <c r="JR37" s="70">
        <v>0</v>
      </c>
      <c r="JS37" s="71">
        <v>0</v>
      </c>
      <c r="JT37" s="72">
        <v>0</v>
      </c>
      <c r="JU37" s="244"/>
      <c r="JV37" s="71">
        <v>0</v>
      </c>
      <c r="JW37" s="71">
        <v>0</v>
      </c>
      <c r="JX37" s="71">
        <v>0</v>
      </c>
      <c r="JY37" s="71">
        <v>0</v>
      </c>
      <c r="JZ37" s="71">
        <v>0</v>
      </c>
      <c r="KA37" s="72">
        <v>0</v>
      </c>
      <c r="KB37" s="73">
        <v>0</v>
      </c>
      <c r="KC37" s="70">
        <v>2</v>
      </c>
      <c r="KD37" s="71">
        <v>0</v>
      </c>
      <c r="KE37" s="72">
        <v>2</v>
      </c>
      <c r="KF37" s="244"/>
      <c r="KG37" s="71">
        <v>2</v>
      </c>
      <c r="KH37" s="71">
        <v>5</v>
      </c>
      <c r="KI37" s="71">
        <v>3</v>
      </c>
      <c r="KJ37" s="71">
        <v>0</v>
      </c>
      <c r="KK37" s="71">
        <v>1</v>
      </c>
      <c r="KL37" s="72">
        <v>11</v>
      </c>
      <c r="KM37" s="73">
        <v>13</v>
      </c>
    </row>
    <row r="38" spans="2:299" ht="21" customHeight="1" x14ac:dyDescent="0.2">
      <c r="B38" s="126" t="s">
        <v>35</v>
      </c>
      <c r="C38" s="313">
        <v>6</v>
      </c>
      <c r="D38" s="82">
        <v>10</v>
      </c>
      <c r="E38" s="83">
        <v>16</v>
      </c>
      <c r="F38" s="241"/>
      <c r="G38" s="82">
        <v>17</v>
      </c>
      <c r="H38" s="82">
        <v>6</v>
      </c>
      <c r="I38" s="82">
        <v>7</v>
      </c>
      <c r="J38" s="82">
        <v>6</v>
      </c>
      <c r="K38" s="82">
        <v>1</v>
      </c>
      <c r="L38" s="84">
        <v>37</v>
      </c>
      <c r="M38" s="85">
        <v>53</v>
      </c>
      <c r="N38" s="70">
        <v>0</v>
      </c>
      <c r="O38" s="71">
        <v>0</v>
      </c>
      <c r="P38" s="72">
        <v>0</v>
      </c>
      <c r="Q38" s="244"/>
      <c r="R38" s="71">
        <v>0</v>
      </c>
      <c r="S38" s="71">
        <v>0</v>
      </c>
      <c r="T38" s="71">
        <v>0</v>
      </c>
      <c r="U38" s="71">
        <v>2</v>
      </c>
      <c r="V38" s="71">
        <v>0</v>
      </c>
      <c r="W38" s="72">
        <v>2</v>
      </c>
      <c r="X38" s="73">
        <v>2</v>
      </c>
      <c r="Y38" s="70">
        <v>0</v>
      </c>
      <c r="Z38" s="71">
        <v>0</v>
      </c>
      <c r="AA38" s="72">
        <v>0</v>
      </c>
      <c r="AB38" s="244"/>
      <c r="AC38" s="71">
        <v>1</v>
      </c>
      <c r="AD38" s="71">
        <v>1</v>
      </c>
      <c r="AE38" s="71">
        <v>1</v>
      </c>
      <c r="AF38" s="71">
        <v>0</v>
      </c>
      <c r="AG38" s="71">
        <v>0</v>
      </c>
      <c r="AH38" s="72">
        <v>3</v>
      </c>
      <c r="AI38" s="73">
        <v>3</v>
      </c>
      <c r="AJ38" s="70">
        <v>0</v>
      </c>
      <c r="AK38" s="71">
        <v>2</v>
      </c>
      <c r="AL38" s="72">
        <v>2</v>
      </c>
      <c r="AM38" s="244"/>
      <c r="AN38" s="71">
        <v>5</v>
      </c>
      <c r="AO38" s="71">
        <v>0</v>
      </c>
      <c r="AP38" s="71">
        <v>3</v>
      </c>
      <c r="AQ38" s="71">
        <v>2</v>
      </c>
      <c r="AR38" s="71">
        <v>0</v>
      </c>
      <c r="AS38" s="72">
        <v>10</v>
      </c>
      <c r="AT38" s="73">
        <v>12</v>
      </c>
      <c r="AU38" s="70">
        <v>2</v>
      </c>
      <c r="AV38" s="71">
        <v>0</v>
      </c>
      <c r="AW38" s="72">
        <v>2</v>
      </c>
      <c r="AX38" s="244"/>
      <c r="AY38" s="71">
        <v>4</v>
      </c>
      <c r="AZ38" s="71">
        <v>3</v>
      </c>
      <c r="BA38" s="71">
        <v>1</v>
      </c>
      <c r="BB38" s="71">
        <v>0</v>
      </c>
      <c r="BC38" s="71">
        <v>0</v>
      </c>
      <c r="BD38" s="72">
        <v>8</v>
      </c>
      <c r="BE38" s="73">
        <v>10</v>
      </c>
      <c r="BF38" s="70">
        <v>1</v>
      </c>
      <c r="BG38" s="71">
        <v>5</v>
      </c>
      <c r="BH38" s="72">
        <v>6</v>
      </c>
      <c r="BI38" s="244"/>
      <c r="BJ38" s="71">
        <v>5</v>
      </c>
      <c r="BK38" s="71">
        <v>1</v>
      </c>
      <c r="BL38" s="71">
        <v>1</v>
      </c>
      <c r="BM38" s="71">
        <v>0</v>
      </c>
      <c r="BN38" s="71">
        <v>1</v>
      </c>
      <c r="BO38" s="72">
        <v>8</v>
      </c>
      <c r="BP38" s="73">
        <v>14</v>
      </c>
      <c r="BQ38" s="70">
        <v>3</v>
      </c>
      <c r="BR38" s="71">
        <v>3</v>
      </c>
      <c r="BS38" s="72">
        <v>6</v>
      </c>
      <c r="BT38" s="244"/>
      <c r="BU38" s="71">
        <v>2</v>
      </c>
      <c r="BV38" s="71">
        <v>1</v>
      </c>
      <c r="BW38" s="71">
        <v>1</v>
      </c>
      <c r="BX38" s="71">
        <v>2</v>
      </c>
      <c r="BY38" s="71">
        <v>0</v>
      </c>
      <c r="BZ38" s="72">
        <v>6</v>
      </c>
      <c r="CA38" s="73">
        <v>12</v>
      </c>
      <c r="CB38" s="70">
        <v>0</v>
      </c>
      <c r="CC38" s="71">
        <v>0</v>
      </c>
      <c r="CD38" s="72">
        <v>0</v>
      </c>
      <c r="CE38" s="244"/>
      <c r="CF38" s="71">
        <v>0</v>
      </c>
      <c r="CG38" s="71">
        <v>0</v>
      </c>
      <c r="CH38" s="71">
        <v>0</v>
      </c>
      <c r="CI38" s="71">
        <v>0</v>
      </c>
      <c r="CJ38" s="71">
        <v>0</v>
      </c>
      <c r="CK38" s="72">
        <v>0</v>
      </c>
      <c r="CL38" s="73">
        <v>0</v>
      </c>
      <c r="CM38" s="70">
        <v>6</v>
      </c>
      <c r="CN38" s="71">
        <v>10</v>
      </c>
      <c r="CO38" s="72">
        <v>16</v>
      </c>
      <c r="CP38" s="244"/>
      <c r="CQ38" s="71">
        <v>17</v>
      </c>
      <c r="CR38" s="71">
        <v>6</v>
      </c>
      <c r="CS38" s="71">
        <v>7</v>
      </c>
      <c r="CT38" s="71">
        <v>6</v>
      </c>
      <c r="CU38" s="71">
        <v>1</v>
      </c>
      <c r="CV38" s="72">
        <v>37</v>
      </c>
      <c r="CW38" s="73">
        <v>53</v>
      </c>
      <c r="CX38" s="123">
        <v>4</v>
      </c>
      <c r="CY38" s="82">
        <v>1</v>
      </c>
      <c r="CZ38" s="83">
        <v>5</v>
      </c>
      <c r="DA38" s="241"/>
      <c r="DB38" s="82">
        <v>7</v>
      </c>
      <c r="DC38" s="82">
        <v>4</v>
      </c>
      <c r="DD38" s="82">
        <v>2</v>
      </c>
      <c r="DE38" s="82">
        <v>6</v>
      </c>
      <c r="DF38" s="82">
        <v>2</v>
      </c>
      <c r="DG38" s="84">
        <v>21</v>
      </c>
      <c r="DH38" s="85">
        <v>26</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0</v>
      </c>
      <c r="EJ38" s="71">
        <v>1</v>
      </c>
      <c r="EK38" s="71">
        <v>0</v>
      </c>
      <c r="EL38" s="71">
        <v>0</v>
      </c>
      <c r="EM38" s="71">
        <v>0</v>
      </c>
      <c r="EN38" s="72">
        <v>1</v>
      </c>
      <c r="EO38" s="73">
        <v>1</v>
      </c>
      <c r="EP38" s="70">
        <v>2</v>
      </c>
      <c r="EQ38" s="71">
        <v>0</v>
      </c>
      <c r="ER38" s="72">
        <v>2</v>
      </c>
      <c r="ES38" s="244"/>
      <c r="ET38" s="71">
        <v>3</v>
      </c>
      <c r="EU38" s="71">
        <v>1</v>
      </c>
      <c r="EV38" s="71">
        <v>0</v>
      </c>
      <c r="EW38" s="71">
        <v>2</v>
      </c>
      <c r="EX38" s="71">
        <v>0</v>
      </c>
      <c r="EY38" s="72">
        <v>6</v>
      </c>
      <c r="EZ38" s="73">
        <v>8</v>
      </c>
      <c r="FA38" s="70">
        <v>1</v>
      </c>
      <c r="FB38" s="71">
        <v>1</v>
      </c>
      <c r="FC38" s="72">
        <v>2</v>
      </c>
      <c r="FD38" s="244"/>
      <c r="FE38" s="71">
        <v>4</v>
      </c>
      <c r="FF38" s="71">
        <v>2</v>
      </c>
      <c r="FG38" s="71">
        <v>0</v>
      </c>
      <c r="FH38" s="71">
        <v>0</v>
      </c>
      <c r="FI38" s="71">
        <v>0</v>
      </c>
      <c r="FJ38" s="72">
        <v>6</v>
      </c>
      <c r="FK38" s="73">
        <v>8</v>
      </c>
      <c r="FL38" s="70">
        <v>1</v>
      </c>
      <c r="FM38" s="71">
        <v>0</v>
      </c>
      <c r="FN38" s="72">
        <v>1</v>
      </c>
      <c r="FO38" s="244"/>
      <c r="FP38" s="71">
        <v>0</v>
      </c>
      <c r="FQ38" s="71">
        <v>0</v>
      </c>
      <c r="FR38" s="71">
        <v>1</v>
      </c>
      <c r="FS38" s="71">
        <v>4</v>
      </c>
      <c r="FT38" s="71">
        <v>2</v>
      </c>
      <c r="FU38" s="72">
        <v>7</v>
      </c>
      <c r="FV38" s="73">
        <v>8</v>
      </c>
      <c r="FW38" s="70">
        <v>0</v>
      </c>
      <c r="FX38" s="71">
        <v>0</v>
      </c>
      <c r="FY38" s="72">
        <v>0</v>
      </c>
      <c r="FZ38" s="244"/>
      <c r="GA38" s="71">
        <v>0</v>
      </c>
      <c r="GB38" s="71">
        <v>0</v>
      </c>
      <c r="GC38" s="71">
        <v>0</v>
      </c>
      <c r="GD38" s="71">
        <v>0</v>
      </c>
      <c r="GE38" s="71">
        <v>0</v>
      </c>
      <c r="GF38" s="72">
        <v>0</v>
      </c>
      <c r="GG38" s="73">
        <v>0</v>
      </c>
      <c r="GH38" s="70">
        <v>4</v>
      </c>
      <c r="GI38" s="71">
        <v>1</v>
      </c>
      <c r="GJ38" s="72">
        <v>5</v>
      </c>
      <c r="GK38" s="244"/>
      <c r="GL38" s="71">
        <v>7</v>
      </c>
      <c r="GM38" s="71">
        <v>4</v>
      </c>
      <c r="GN38" s="71">
        <v>2</v>
      </c>
      <c r="GO38" s="71">
        <v>6</v>
      </c>
      <c r="GP38" s="71">
        <v>2</v>
      </c>
      <c r="GQ38" s="72">
        <v>21</v>
      </c>
      <c r="GR38" s="73">
        <v>26</v>
      </c>
      <c r="GS38" s="123">
        <v>10</v>
      </c>
      <c r="GT38" s="82">
        <v>11</v>
      </c>
      <c r="GU38" s="83">
        <v>21</v>
      </c>
      <c r="GV38" s="241"/>
      <c r="GW38" s="82">
        <v>24</v>
      </c>
      <c r="GX38" s="82">
        <v>10</v>
      </c>
      <c r="GY38" s="82">
        <v>9</v>
      </c>
      <c r="GZ38" s="82">
        <v>12</v>
      </c>
      <c r="HA38" s="82">
        <v>3</v>
      </c>
      <c r="HB38" s="84">
        <v>58</v>
      </c>
      <c r="HC38" s="85">
        <v>79</v>
      </c>
      <c r="HD38" s="70">
        <v>0</v>
      </c>
      <c r="HE38" s="71">
        <v>0</v>
      </c>
      <c r="HF38" s="72">
        <v>0</v>
      </c>
      <c r="HG38" s="244"/>
      <c r="HH38" s="71">
        <v>0</v>
      </c>
      <c r="HI38" s="71">
        <v>0</v>
      </c>
      <c r="HJ38" s="71">
        <v>0</v>
      </c>
      <c r="HK38" s="71">
        <v>2</v>
      </c>
      <c r="HL38" s="71">
        <v>0</v>
      </c>
      <c r="HM38" s="72">
        <v>2</v>
      </c>
      <c r="HN38" s="73">
        <v>2</v>
      </c>
      <c r="HO38" s="70">
        <v>0</v>
      </c>
      <c r="HP38" s="71">
        <v>0</v>
      </c>
      <c r="HQ38" s="72">
        <v>0</v>
      </c>
      <c r="HR38" s="244"/>
      <c r="HS38" s="71">
        <v>1</v>
      </c>
      <c r="HT38" s="71">
        <v>1</v>
      </c>
      <c r="HU38" s="71">
        <v>2</v>
      </c>
      <c r="HV38" s="71">
        <v>0</v>
      </c>
      <c r="HW38" s="71">
        <v>0</v>
      </c>
      <c r="HX38" s="72">
        <v>4</v>
      </c>
      <c r="HY38" s="73">
        <v>4</v>
      </c>
      <c r="HZ38" s="70">
        <v>0</v>
      </c>
      <c r="IA38" s="71">
        <v>2</v>
      </c>
      <c r="IB38" s="72">
        <v>2</v>
      </c>
      <c r="IC38" s="244"/>
      <c r="ID38" s="71">
        <v>5</v>
      </c>
      <c r="IE38" s="71">
        <v>1</v>
      </c>
      <c r="IF38" s="71">
        <v>3</v>
      </c>
      <c r="IG38" s="71">
        <v>2</v>
      </c>
      <c r="IH38" s="71">
        <v>0</v>
      </c>
      <c r="II38" s="72">
        <v>11</v>
      </c>
      <c r="IJ38" s="73">
        <v>13</v>
      </c>
      <c r="IK38" s="70">
        <v>4</v>
      </c>
      <c r="IL38" s="71">
        <v>0</v>
      </c>
      <c r="IM38" s="72">
        <v>4</v>
      </c>
      <c r="IN38" s="244"/>
      <c r="IO38" s="71">
        <v>7</v>
      </c>
      <c r="IP38" s="71">
        <v>4</v>
      </c>
      <c r="IQ38" s="71">
        <v>1</v>
      </c>
      <c r="IR38" s="71">
        <v>2</v>
      </c>
      <c r="IS38" s="71">
        <v>0</v>
      </c>
      <c r="IT38" s="72">
        <v>14</v>
      </c>
      <c r="IU38" s="73">
        <v>18</v>
      </c>
      <c r="IV38" s="70">
        <v>2</v>
      </c>
      <c r="IW38" s="71">
        <v>6</v>
      </c>
      <c r="IX38" s="72">
        <v>8</v>
      </c>
      <c r="IY38" s="244"/>
      <c r="IZ38" s="71">
        <v>9</v>
      </c>
      <c r="JA38" s="71">
        <v>3</v>
      </c>
      <c r="JB38" s="71">
        <v>1</v>
      </c>
      <c r="JC38" s="71">
        <v>0</v>
      </c>
      <c r="JD38" s="71">
        <v>1</v>
      </c>
      <c r="JE38" s="72">
        <v>14</v>
      </c>
      <c r="JF38" s="73">
        <v>22</v>
      </c>
      <c r="JG38" s="70">
        <v>4</v>
      </c>
      <c r="JH38" s="71">
        <v>3</v>
      </c>
      <c r="JI38" s="72">
        <v>7</v>
      </c>
      <c r="JJ38" s="244"/>
      <c r="JK38" s="71">
        <v>2</v>
      </c>
      <c r="JL38" s="71">
        <v>1</v>
      </c>
      <c r="JM38" s="71">
        <v>2</v>
      </c>
      <c r="JN38" s="71">
        <v>6</v>
      </c>
      <c r="JO38" s="71">
        <v>2</v>
      </c>
      <c r="JP38" s="72">
        <v>13</v>
      </c>
      <c r="JQ38" s="73">
        <v>20</v>
      </c>
      <c r="JR38" s="70">
        <v>0</v>
      </c>
      <c r="JS38" s="71">
        <v>0</v>
      </c>
      <c r="JT38" s="72">
        <v>0</v>
      </c>
      <c r="JU38" s="244"/>
      <c r="JV38" s="71">
        <v>0</v>
      </c>
      <c r="JW38" s="71">
        <v>0</v>
      </c>
      <c r="JX38" s="71">
        <v>0</v>
      </c>
      <c r="JY38" s="71">
        <v>0</v>
      </c>
      <c r="JZ38" s="71">
        <v>0</v>
      </c>
      <c r="KA38" s="72">
        <v>0</v>
      </c>
      <c r="KB38" s="73">
        <v>0</v>
      </c>
      <c r="KC38" s="70">
        <v>10</v>
      </c>
      <c r="KD38" s="71">
        <v>11</v>
      </c>
      <c r="KE38" s="72">
        <v>21</v>
      </c>
      <c r="KF38" s="244"/>
      <c r="KG38" s="71">
        <v>24</v>
      </c>
      <c r="KH38" s="71">
        <v>10</v>
      </c>
      <c r="KI38" s="71">
        <v>9</v>
      </c>
      <c r="KJ38" s="71">
        <v>12</v>
      </c>
      <c r="KK38" s="71">
        <v>3</v>
      </c>
      <c r="KL38" s="72">
        <v>58</v>
      </c>
      <c r="KM38" s="73">
        <v>79</v>
      </c>
    </row>
    <row r="39" spans="2:299" ht="21" customHeight="1" x14ac:dyDescent="0.2">
      <c r="B39" s="126" t="s">
        <v>36</v>
      </c>
      <c r="C39" s="313">
        <v>4</v>
      </c>
      <c r="D39" s="82">
        <v>6</v>
      </c>
      <c r="E39" s="83">
        <v>10</v>
      </c>
      <c r="F39" s="241"/>
      <c r="G39" s="82">
        <v>8</v>
      </c>
      <c r="H39" s="82">
        <v>5</v>
      </c>
      <c r="I39" s="82">
        <v>3</v>
      </c>
      <c r="J39" s="82">
        <v>7</v>
      </c>
      <c r="K39" s="82">
        <v>5</v>
      </c>
      <c r="L39" s="84">
        <v>28</v>
      </c>
      <c r="M39" s="85">
        <v>38</v>
      </c>
      <c r="N39" s="70">
        <v>0</v>
      </c>
      <c r="O39" s="71">
        <v>0</v>
      </c>
      <c r="P39" s="72">
        <v>0</v>
      </c>
      <c r="Q39" s="244"/>
      <c r="R39" s="71">
        <v>0</v>
      </c>
      <c r="S39" s="71">
        <v>0</v>
      </c>
      <c r="T39" s="71">
        <v>0</v>
      </c>
      <c r="U39" s="71">
        <v>0</v>
      </c>
      <c r="V39" s="71">
        <v>0</v>
      </c>
      <c r="W39" s="72">
        <v>0</v>
      </c>
      <c r="X39" s="73">
        <v>0</v>
      </c>
      <c r="Y39" s="70">
        <v>0</v>
      </c>
      <c r="Z39" s="71">
        <v>0</v>
      </c>
      <c r="AA39" s="72">
        <v>0</v>
      </c>
      <c r="AB39" s="244"/>
      <c r="AC39" s="71">
        <v>0</v>
      </c>
      <c r="AD39" s="71">
        <v>2</v>
      </c>
      <c r="AE39" s="71">
        <v>0</v>
      </c>
      <c r="AF39" s="71">
        <v>1</v>
      </c>
      <c r="AG39" s="71">
        <v>0</v>
      </c>
      <c r="AH39" s="72">
        <v>3</v>
      </c>
      <c r="AI39" s="73">
        <v>3</v>
      </c>
      <c r="AJ39" s="70">
        <v>2</v>
      </c>
      <c r="AK39" s="71">
        <v>0</v>
      </c>
      <c r="AL39" s="72">
        <v>2</v>
      </c>
      <c r="AM39" s="244"/>
      <c r="AN39" s="71">
        <v>1</v>
      </c>
      <c r="AO39" s="71">
        <v>1</v>
      </c>
      <c r="AP39" s="71">
        <v>0</v>
      </c>
      <c r="AQ39" s="71">
        <v>1</v>
      </c>
      <c r="AR39" s="71">
        <v>2</v>
      </c>
      <c r="AS39" s="72">
        <v>5</v>
      </c>
      <c r="AT39" s="73">
        <v>7</v>
      </c>
      <c r="AU39" s="70">
        <v>1</v>
      </c>
      <c r="AV39" s="71">
        <v>3</v>
      </c>
      <c r="AW39" s="72">
        <v>4</v>
      </c>
      <c r="AX39" s="244"/>
      <c r="AY39" s="71">
        <v>4</v>
      </c>
      <c r="AZ39" s="71">
        <v>1</v>
      </c>
      <c r="BA39" s="71">
        <v>2</v>
      </c>
      <c r="BB39" s="71">
        <v>0</v>
      </c>
      <c r="BC39" s="71">
        <v>2</v>
      </c>
      <c r="BD39" s="72">
        <v>9</v>
      </c>
      <c r="BE39" s="73">
        <v>13</v>
      </c>
      <c r="BF39" s="70">
        <v>1</v>
      </c>
      <c r="BG39" s="71">
        <v>2</v>
      </c>
      <c r="BH39" s="72">
        <v>3</v>
      </c>
      <c r="BI39" s="244"/>
      <c r="BJ39" s="71">
        <v>2</v>
      </c>
      <c r="BK39" s="71">
        <v>0</v>
      </c>
      <c r="BL39" s="71">
        <v>0</v>
      </c>
      <c r="BM39" s="71">
        <v>2</v>
      </c>
      <c r="BN39" s="71">
        <v>0</v>
      </c>
      <c r="BO39" s="72">
        <v>4</v>
      </c>
      <c r="BP39" s="73">
        <v>7</v>
      </c>
      <c r="BQ39" s="70">
        <v>0</v>
      </c>
      <c r="BR39" s="71">
        <v>1</v>
      </c>
      <c r="BS39" s="72">
        <v>1</v>
      </c>
      <c r="BT39" s="244"/>
      <c r="BU39" s="71">
        <v>1</v>
      </c>
      <c r="BV39" s="71">
        <v>1</v>
      </c>
      <c r="BW39" s="71">
        <v>1</v>
      </c>
      <c r="BX39" s="71">
        <v>3</v>
      </c>
      <c r="BY39" s="71">
        <v>1</v>
      </c>
      <c r="BZ39" s="72">
        <v>7</v>
      </c>
      <c r="CA39" s="73">
        <v>8</v>
      </c>
      <c r="CB39" s="70">
        <v>0</v>
      </c>
      <c r="CC39" s="71">
        <v>0</v>
      </c>
      <c r="CD39" s="72">
        <v>0</v>
      </c>
      <c r="CE39" s="244"/>
      <c r="CF39" s="71">
        <v>0</v>
      </c>
      <c r="CG39" s="71">
        <v>0</v>
      </c>
      <c r="CH39" s="71">
        <v>0</v>
      </c>
      <c r="CI39" s="71">
        <v>0</v>
      </c>
      <c r="CJ39" s="71">
        <v>0</v>
      </c>
      <c r="CK39" s="72">
        <v>0</v>
      </c>
      <c r="CL39" s="73">
        <v>0</v>
      </c>
      <c r="CM39" s="70">
        <v>4</v>
      </c>
      <c r="CN39" s="71">
        <v>6</v>
      </c>
      <c r="CO39" s="72">
        <v>10</v>
      </c>
      <c r="CP39" s="244"/>
      <c r="CQ39" s="71">
        <v>8</v>
      </c>
      <c r="CR39" s="71">
        <v>5</v>
      </c>
      <c r="CS39" s="71">
        <v>3</v>
      </c>
      <c r="CT39" s="71">
        <v>7</v>
      </c>
      <c r="CU39" s="71">
        <v>5</v>
      </c>
      <c r="CV39" s="72">
        <v>28</v>
      </c>
      <c r="CW39" s="73">
        <v>38</v>
      </c>
      <c r="CX39" s="123">
        <v>1</v>
      </c>
      <c r="CY39" s="82">
        <v>5</v>
      </c>
      <c r="CZ39" s="83">
        <v>6</v>
      </c>
      <c r="DA39" s="241"/>
      <c r="DB39" s="82">
        <v>6</v>
      </c>
      <c r="DC39" s="82">
        <v>4</v>
      </c>
      <c r="DD39" s="82">
        <v>2</v>
      </c>
      <c r="DE39" s="82">
        <v>5</v>
      </c>
      <c r="DF39" s="82">
        <v>3</v>
      </c>
      <c r="DG39" s="84">
        <v>20</v>
      </c>
      <c r="DH39" s="85">
        <v>26</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2</v>
      </c>
      <c r="EG39" s="72">
        <v>2</v>
      </c>
      <c r="EH39" s="244"/>
      <c r="EI39" s="71">
        <v>1</v>
      </c>
      <c r="EJ39" s="71">
        <v>0</v>
      </c>
      <c r="EK39" s="71">
        <v>0</v>
      </c>
      <c r="EL39" s="71">
        <v>0</v>
      </c>
      <c r="EM39" s="71">
        <v>0</v>
      </c>
      <c r="EN39" s="72">
        <v>1</v>
      </c>
      <c r="EO39" s="73">
        <v>3</v>
      </c>
      <c r="EP39" s="70">
        <v>0</v>
      </c>
      <c r="EQ39" s="71">
        <v>1</v>
      </c>
      <c r="ER39" s="72">
        <v>1</v>
      </c>
      <c r="ES39" s="244"/>
      <c r="ET39" s="71">
        <v>1</v>
      </c>
      <c r="EU39" s="71">
        <v>0</v>
      </c>
      <c r="EV39" s="71">
        <v>0</v>
      </c>
      <c r="EW39" s="71">
        <v>1</v>
      </c>
      <c r="EX39" s="71">
        <v>0</v>
      </c>
      <c r="EY39" s="72">
        <v>2</v>
      </c>
      <c r="EZ39" s="73">
        <v>3</v>
      </c>
      <c r="FA39" s="70">
        <v>0</v>
      </c>
      <c r="FB39" s="71">
        <v>2</v>
      </c>
      <c r="FC39" s="72">
        <v>2</v>
      </c>
      <c r="FD39" s="244"/>
      <c r="FE39" s="71">
        <v>2</v>
      </c>
      <c r="FF39" s="71">
        <v>2</v>
      </c>
      <c r="FG39" s="71">
        <v>1</v>
      </c>
      <c r="FH39" s="71">
        <v>4</v>
      </c>
      <c r="FI39" s="71">
        <v>0</v>
      </c>
      <c r="FJ39" s="72">
        <v>9</v>
      </c>
      <c r="FK39" s="73">
        <v>11</v>
      </c>
      <c r="FL39" s="70">
        <v>1</v>
      </c>
      <c r="FM39" s="71">
        <v>0</v>
      </c>
      <c r="FN39" s="72">
        <v>1</v>
      </c>
      <c r="FO39" s="244"/>
      <c r="FP39" s="71">
        <v>2</v>
      </c>
      <c r="FQ39" s="71">
        <v>2</v>
      </c>
      <c r="FR39" s="71">
        <v>1</v>
      </c>
      <c r="FS39" s="71">
        <v>0</v>
      </c>
      <c r="FT39" s="71">
        <v>3</v>
      </c>
      <c r="FU39" s="72">
        <v>8</v>
      </c>
      <c r="FV39" s="73">
        <v>9</v>
      </c>
      <c r="FW39" s="70">
        <v>0</v>
      </c>
      <c r="FX39" s="71">
        <v>0</v>
      </c>
      <c r="FY39" s="72">
        <v>0</v>
      </c>
      <c r="FZ39" s="244"/>
      <c r="GA39" s="71">
        <v>0</v>
      </c>
      <c r="GB39" s="71">
        <v>0</v>
      </c>
      <c r="GC39" s="71">
        <v>0</v>
      </c>
      <c r="GD39" s="71">
        <v>0</v>
      </c>
      <c r="GE39" s="71">
        <v>0</v>
      </c>
      <c r="GF39" s="72">
        <v>0</v>
      </c>
      <c r="GG39" s="73">
        <v>0</v>
      </c>
      <c r="GH39" s="70">
        <v>1</v>
      </c>
      <c r="GI39" s="71">
        <v>5</v>
      </c>
      <c r="GJ39" s="72">
        <v>6</v>
      </c>
      <c r="GK39" s="244"/>
      <c r="GL39" s="71">
        <v>6</v>
      </c>
      <c r="GM39" s="71">
        <v>4</v>
      </c>
      <c r="GN39" s="71">
        <v>2</v>
      </c>
      <c r="GO39" s="71">
        <v>5</v>
      </c>
      <c r="GP39" s="71">
        <v>3</v>
      </c>
      <c r="GQ39" s="72">
        <v>20</v>
      </c>
      <c r="GR39" s="73">
        <v>26</v>
      </c>
      <c r="GS39" s="123">
        <v>5</v>
      </c>
      <c r="GT39" s="82">
        <v>11</v>
      </c>
      <c r="GU39" s="83">
        <v>16</v>
      </c>
      <c r="GV39" s="241"/>
      <c r="GW39" s="82">
        <v>14</v>
      </c>
      <c r="GX39" s="82">
        <v>9</v>
      </c>
      <c r="GY39" s="82">
        <v>5</v>
      </c>
      <c r="GZ39" s="82">
        <v>12</v>
      </c>
      <c r="HA39" s="82">
        <v>8</v>
      </c>
      <c r="HB39" s="84">
        <v>48</v>
      </c>
      <c r="HC39" s="85">
        <v>64</v>
      </c>
      <c r="HD39" s="70">
        <v>0</v>
      </c>
      <c r="HE39" s="71">
        <v>0</v>
      </c>
      <c r="HF39" s="72">
        <v>0</v>
      </c>
      <c r="HG39" s="244"/>
      <c r="HH39" s="71">
        <v>0</v>
      </c>
      <c r="HI39" s="71">
        <v>0</v>
      </c>
      <c r="HJ39" s="71">
        <v>0</v>
      </c>
      <c r="HK39" s="71">
        <v>0</v>
      </c>
      <c r="HL39" s="71">
        <v>0</v>
      </c>
      <c r="HM39" s="72">
        <v>0</v>
      </c>
      <c r="HN39" s="73">
        <v>0</v>
      </c>
      <c r="HO39" s="70">
        <v>0</v>
      </c>
      <c r="HP39" s="71">
        <v>0</v>
      </c>
      <c r="HQ39" s="72">
        <v>0</v>
      </c>
      <c r="HR39" s="244"/>
      <c r="HS39" s="71">
        <v>0</v>
      </c>
      <c r="HT39" s="71">
        <v>2</v>
      </c>
      <c r="HU39" s="71">
        <v>0</v>
      </c>
      <c r="HV39" s="71">
        <v>1</v>
      </c>
      <c r="HW39" s="71">
        <v>0</v>
      </c>
      <c r="HX39" s="72">
        <v>3</v>
      </c>
      <c r="HY39" s="73">
        <v>3</v>
      </c>
      <c r="HZ39" s="70">
        <v>2</v>
      </c>
      <c r="IA39" s="71">
        <v>2</v>
      </c>
      <c r="IB39" s="72">
        <v>4</v>
      </c>
      <c r="IC39" s="244"/>
      <c r="ID39" s="71">
        <v>2</v>
      </c>
      <c r="IE39" s="71">
        <v>1</v>
      </c>
      <c r="IF39" s="71">
        <v>0</v>
      </c>
      <c r="IG39" s="71">
        <v>1</v>
      </c>
      <c r="IH39" s="71">
        <v>2</v>
      </c>
      <c r="II39" s="72">
        <v>6</v>
      </c>
      <c r="IJ39" s="73">
        <v>10</v>
      </c>
      <c r="IK39" s="70">
        <v>1</v>
      </c>
      <c r="IL39" s="71">
        <v>4</v>
      </c>
      <c r="IM39" s="72">
        <v>5</v>
      </c>
      <c r="IN39" s="244"/>
      <c r="IO39" s="71">
        <v>5</v>
      </c>
      <c r="IP39" s="71">
        <v>1</v>
      </c>
      <c r="IQ39" s="71">
        <v>2</v>
      </c>
      <c r="IR39" s="71">
        <v>1</v>
      </c>
      <c r="IS39" s="71">
        <v>2</v>
      </c>
      <c r="IT39" s="72">
        <v>11</v>
      </c>
      <c r="IU39" s="73">
        <v>16</v>
      </c>
      <c r="IV39" s="70">
        <v>1</v>
      </c>
      <c r="IW39" s="71">
        <v>4</v>
      </c>
      <c r="IX39" s="72">
        <v>5</v>
      </c>
      <c r="IY39" s="244"/>
      <c r="IZ39" s="71">
        <v>4</v>
      </c>
      <c r="JA39" s="71">
        <v>2</v>
      </c>
      <c r="JB39" s="71">
        <v>1</v>
      </c>
      <c r="JC39" s="71">
        <v>6</v>
      </c>
      <c r="JD39" s="71">
        <v>0</v>
      </c>
      <c r="JE39" s="72">
        <v>13</v>
      </c>
      <c r="JF39" s="73">
        <v>18</v>
      </c>
      <c r="JG39" s="70">
        <v>1</v>
      </c>
      <c r="JH39" s="71">
        <v>1</v>
      </c>
      <c r="JI39" s="72">
        <v>2</v>
      </c>
      <c r="JJ39" s="244"/>
      <c r="JK39" s="71">
        <v>3</v>
      </c>
      <c r="JL39" s="71">
        <v>3</v>
      </c>
      <c r="JM39" s="71">
        <v>2</v>
      </c>
      <c r="JN39" s="71">
        <v>3</v>
      </c>
      <c r="JO39" s="71">
        <v>4</v>
      </c>
      <c r="JP39" s="72">
        <v>15</v>
      </c>
      <c r="JQ39" s="73">
        <v>17</v>
      </c>
      <c r="JR39" s="70">
        <v>0</v>
      </c>
      <c r="JS39" s="71">
        <v>0</v>
      </c>
      <c r="JT39" s="72">
        <v>0</v>
      </c>
      <c r="JU39" s="244"/>
      <c r="JV39" s="71">
        <v>0</v>
      </c>
      <c r="JW39" s="71">
        <v>0</v>
      </c>
      <c r="JX39" s="71">
        <v>0</v>
      </c>
      <c r="JY39" s="71">
        <v>0</v>
      </c>
      <c r="JZ39" s="71">
        <v>0</v>
      </c>
      <c r="KA39" s="72">
        <v>0</v>
      </c>
      <c r="KB39" s="73">
        <v>0</v>
      </c>
      <c r="KC39" s="70">
        <v>5</v>
      </c>
      <c r="KD39" s="71">
        <v>11</v>
      </c>
      <c r="KE39" s="72">
        <v>16</v>
      </c>
      <c r="KF39" s="244"/>
      <c r="KG39" s="71">
        <v>14</v>
      </c>
      <c r="KH39" s="71">
        <v>9</v>
      </c>
      <c r="KI39" s="71">
        <v>5</v>
      </c>
      <c r="KJ39" s="71">
        <v>12</v>
      </c>
      <c r="KK39" s="71">
        <v>8</v>
      </c>
      <c r="KL39" s="72">
        <v>48</v>
      </c>
      <c r="KM39" s="73">
        <v>64</v>
      </c>
    </row>
    <row r="40" spans="2:299" ht="21" customHeight="1" thickBot="1" x14ac:dyDescent="0.25">
      <c r="B40" s="127" t="s">
        <v>37</v>
      </c>
      <c r="C40" s="314">
        <v>1</v>
      </c>
      <c r="D40" s="87">
        <v>0</v>
      </c>
      <c r="E40" s="88">
        <v>1</v>
      </c>
      <c r="F40" s="242"/>
      <c r="G40" s="87">
        <v>0</v>
      </c>
      <c r="H40" s="87">
        <v>0</v>
      </c>
      <c r="I40" s="87">
        <v>0</v>
      </c>
      <c r="J40" s="87">
        <v>2</v>
      </c>
      <c r="K40" s="87">
        <v>0</v>
      </c>
      <c r="L40" s="89">
        <v>2</v>
      </c>
      <c r="M40" s="90">
        <v>3</v>
      </c>
      <c r="N40" s="74">
        <v>0</v>
      </c>
      <c r="O40" s="75">
        <v>0</v>
      </c>
      <c r="P40" s="76">
        <v>0</v>
      </c>
      <c r="Q40" s="245"/>
      <c r="R40" s="75">
        <v>0</v>
      </c>
      <c r="S40" s="75">
        <v>0</v>
      </c>
      <c r="T40" s="75">
        <v>0</v>
      </c>
      <c r="U40" s="75">
        <v>0</v>
      </c>
      <c r="V40" s="75">
        <v>0</v>
      </c>
      <c r="W40" s="76">
        <v>0</v>
      </c>
      <c r="X40" s="77">
        <v>0</v>
      </c>
      <c r="Y40" s="74">
        <v>1</v>
      </c>
      <c r="Z40" s="75">
        <v>0</v>
      </c>
      <c r="AA40" s="76">
        <v>1</v>
      </c>
      <c r="AB40" s="245"/>
      <c r="AC40" s="75">
        <v>0</v>
      </c>
      <c r="AD40" s="75">
        <v>0</v>
      </c>
      <c r="AE40" s="75">
        <v>0</v>
      </c>
      <c r="AF40" s="75">
        <v>1</v>
      </c>
      <c r="AG40" s="75">
        <v>0</v>
      </c>
      <c r="AH40" s="76">
        <v>1</v>
      </c>
      <c r="AI40" s="77">
        <v>2</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0</v>
      </c>
      <c r="BD40" s="76">
        <v>1</v>
      </c>
      <c r="BE40" s="77">
        <v>1</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1</v>
      </c>
      <c r="CN40" s="75">
        <v>0</v>
      </c>
      <c r="CO40" s="76">
        <v>1</v>
      </c>
      <c r="CP40" s="245"/>
      <c r="CQ40" s="75">
        <v>0</v>
      </c>
      <c r="CR40" s="75">
        <v>0</v>
      </c>
      <c r="CS40" s="75">
        <v>0</v>
      </c>
      <c r="CT40" s="75">
        <v>2</v>
      </c>
      <c r="CU40" s="75">
        <v>0</v>
      </c>
      <c r="CV40" s="76">
        <v>2</v>
      </c>
      <c r="CW40" s="77">
        <v>3</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1</v>
      </c>
      <c r="GT40" s="87">
        <v>0</v>
      </c>
      <c r="GU40" s="88">
        <v>1</v>
      </c>
      <c r="GV40" s="242"/>
      <c r="GW40" s="87">
        <v>0</v>
      </c>
      <c r="GX40" s="87">
        <v>0</v>
      </c>
      <c r="GY40" s="87">
        <v>0</v>
      </c>
      <c r="GZ40" s="87">
        <v>2</v>
      </c>
      <c r="HA40" s="87">
        <v>1</v>
      </c>
      <c r="HB40" s="89">
        <v>3</v>
      </c>
      <c r="HC40" s="90">
        <v>4</v>
      </c>
      <c r="HD40" s="74">
        <v>0</v>
      </c>
      <c r="HE40" s="75">
        <v>0</v>
      </c>
      <c r="HF40" s="76">
        <v>0</v>
      </c>
      <c r="HG40" s="245"/>
      <c r="HH40" s="75">
        <v>0</v>
      </c>
      <c r="HI40" s="75">
        <v>0</v>
      </c>
      <c r="HJ40" s="75">
        <v>0</v>
      </c>
      <c r="HK40" s="75">
        <v>0</v>
      </c>
      <c r="HL40" s="75">
        <v>0</v>
      </c>
      <c r="HM40" s="76">
        <v>0</v>
      </c>
      <c r="HN40" s="77">
        <v>0</v>
      </c>
      <c r="HO40" s="74">
        <v>1</v>
      </c>
      <c r="HP40" s="75">
        <v>0</v>
      </c>
      <c r="HQ40" s="76">
        <v>1</v>
      </c>
      <c r="HR40" s="245"/>
      <c r="HS40" s="75">
        <v>0</v>
      </c>
      <c r="HT40" s="75">
        <v>0</v>
      </c>
      <c r="HU40" s="75">
        <v>0</v>
      </c>
      <c r="HV40" s="75">
        <v>1</v>
      </c>
      <c r="HW40" s="75">
        <v>0</v>
      </c>
      <c r="HX40" s="76">
        <v>1</v>
      </c>
      <c r="HY40" s="77">
        <v>2</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0</v>
      </c>
      <c r="IT40" s="76">
        <v>1</v>
      </c>
      <c r="IU40" s="77">
        <v>1</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1</v>
      </c>
      <c r="KD40" s="75">
        <v>0</v>
      </c>
      <c r="KE40" s="76">
        <v>1</v>
      </c>
      <c r="KF40" s="245"/>
      <c r="KG40" s="75">
        <v>0</v>
      </c>
      <c r="KH40" s="75">
        <v>0</v>
      </c>
      <c r="KI40" s="75">
        <v>0</v>
      </c>
      <c r="KJ40" s="75">
        <v>2</v>
      </c>
      <c r="KK40" s="75">
        <v>1</v>
      </c>
      <c r="KL40" s="76">
        <v>3</v>
      </c>
      <c r="KM40" s="77">
        <v>4</v>
      </c>
    </row>
    <row r="41" spans="2:299" ht="32.25" customHeight="1" x14ac:dyDescent="0.2">
      <c r="C41" s="308" t="s">
        <v>126</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2.33203125" style="23" customWidth="1"/>
    <col min="2" max="2" width="10.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3</v>
      </c>
      <c r="F1" s="22"/>
      <c r="G1" s="525">
        <f>第１表!F2</f>
        <v>5</v>
      </c>
      <c r="H1" s="525"/>
      <c r="I1" s="248">
        <f>第１表!G2</f>
        <v>7</v>
      </c>
      <c r="J1" s="529">
        <f>IF(I1&lt;3,I1+12-2,I1-2)</f>
        <v>5</v>
      </c>
      <c r="K1" s="529"/>
    </row>
    <row r="2" spans="2:35" ht="24" customHeight="1" thickBot="1" x14ac:dyDescent="0.25">
      <c r="B2" s="291"/>
      <c r="J2" s="24"/>
      <c r="K2" s="24"/>
      <c r="L2" s="24"/>
      <c r="M2" s="24"/>
      <c r="N2" s="24"/>
      <c r="O2" s="24"/>
      <c r="P2" s="25"/>
      <c r="Q2" s="25"/>
      <c r="R2" s="25"/>
    </row>
    <row r="3" spans="2:35" s="44" customFormat="1" ht="21" customHeight="1" thickBot="1" x14ac:dyDescent="0.25">
      <c r="B3" s="54"/>
      <c r="C3" s="526" t="s">
        <v>53</v>
      </c>
      <c r="D3" s="527"/>
      <c r="E3" s="527"/>
      <c r="F3" s="527"/>
      <c r="G3" s="527"/>
      <c r="H3" s="527"/>
      <c r="I3" s="527"/>
      <c r="J3" s="527"/>
      <c r="K3" s="527"/>
      <c r="L3" s="527"/>
      <c r="M3" s="528"/>
      <c r="N3" s="526" t="s">
        <v>54</v>
      </c>
      <c r="O3" s="527"/>
      <c r="P3" s="527"/>
      <c r="Q3" s="527"/>
      <c r="R3" s="527"/>
      <c r="S3" s="527"/>
      <c r="T3" s="527"/>
      <c r="U3" s="527"/>
      <c r="V3" s="527"/>
      <c r="W3" s="527"/>
      <c r="X3" s="528"/>
      <c r="Y3" s="526" t="s">
        <v>55</v>
      </c>
      <c r="Z3" s="527"/>
      <c r="AA3" s="527"/>
      <c r="AB3" s="527"/>
      <c r="AC3" s="527"/>
      <c r="AD3" s="527"/>
      <c r="AE3" s="527"/>
      <c r="AF3" s="527"/>
      <c r="AG3" s="527"/>
      <c r="AH3" s="527"/>
      <c r="AI3" s="528"/>
    </row>
    <row r="4" spans="2:35" s="44" customFormat="1" ht="30"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21" customHeight="1" x14ac:dyDescent="0.2">
      <c r="B5" s="46" t="s">
        <v>4</v>
      </c>
      <c r="C5" s="215">
        <v>16649</v>
      </c>
      <c r="D5" s="216">
        <v>29574</v>
      </c>
      <c r="E5" s="217">
        <v>46223</v>
      </c>
      <c r="F5" s="212">
        <v>0</v>
      </c>
      <c r="G5" s="216">
        <v>60154</v>
      </c>
      <c r="H5" s="216">
        <v>61375</v>
      </c>
      <c r="I5" s="216">
        <v>36234</v>
      </c>
      <c r="J5" s="216">
        <v>28107</v>
      </c>
      <c r="K5" s="216">
        <v>16814</v>
      </c>
      <c r="L5" s="217">
        <v>202684</v>
      </c>
      <c r="M5" s="218">
        <v>248907</v>
      </c>
      <c r="N5" s="219">
        <v>301</v>
      </c>
      <c r="O5" s="216">
        <v>833</v>
      </c>
      <c r="P5" s="217">
        <v>1134</v>
      </c>
      <c r="Q5" s="212">
        <v>0</v>
      </c>
      <c r="R5" s="216">
        <v>1094</v>
      </c>
      <c r="S5" s="216">
        <v>1885</v>
      </c>
      <c r="T5" s="216">
        <v>1002</v>
      </c>
      <c r="U5" s="216">
        <v>829</v>
      </c>
      <c r="V5" s="216">
        <v>807</v>
      </c>
      <c r="W5" s="217">
        <v>5617</v>
      </c>
      <c r="X5" s="218">
        <v>6751</v>
      </c>
      <c r="Y5" s="215">
        <v>16950</v>
      </c>
      <c r="Z5" s="216">
        <v>30407</v>
      </c>
      <c r="AA5" s="217">
        <v>47357</v>
      </c>
      <c r="AB5" s="212">
        <v>0</v>
      </c>
      <c r="AC5" s="216">
        <v>61248</v>
      </c>
      <c r="AD5" s="216">
        <v>63260</v>
      </c>
      <c r="AE5" s="216">
        <v>37236</v>
      </c>
      <c r="AF5" s="216">
        <v>28936</v>
      </c>
      <c r="AG5" s="216">
        <v>17621</v>
      </c>
      <c r="AH5" s="217">
        <v>208301</v>
      </c>
      <c r="AI5" s="218">
        <v>255658</v>
      </c>
    </row>
    <row r="6" spans="2:35" ht="21" customHeight="1" x14ac:dyDescent="0.2">
      <c r="B6" s="49" t="s">
        <v>5</v>
      </c>
      <c r="C6" s="220">
        <v>6221</v>
      </c>
      <c r="D6" s="221">
        <v>13103</v>
      </c>
      <c r="E6" s="222">
        <v>19324</v>
      </c>
      <c r="F6" s="213">
        <v>0</v>
      </c>
      <c r="G6" s="221">
        <v>16033</v>
      </c>
      <c r="H6" s="221">
        <v>22728</v>
      </c>
      <c r="I6" s="221">
        <v>11777</v>
      </c>
      <c r="J6" s="221">
        <v>9483</v>
      </c>
      <c r="K6" s="221">
        <v>5568</v>
      </c>
      <c r="L6" s="222">
        <v>65589</v>
      </c>
      <c r="M6" s="223">
        <v>84913</v>
      </c>
      <c r="N6" s="224">
        <v>105</v>
      </c>
      <c r="O6" s="221">
        <v>360</v>
      </c>
      <c r="P6" s="222">
        <v>465</v>
      </c>
      <c r="Q6" s="213">
        <v>0</v>
      </c>
      <c r="R6" s="221">
        <v>232</v>
      </c>
      <c r="S6" s="221">
        <v>777</v>
      </c>
      <c r="T6" s="221">
        <v>373</v>
      </c>
      <c r="U6" s="221">
        <v>290</v>
      </c>
      <c r="V6" s="221">
        <v>307</v>
      </c>
      <c r="W6" s="222">
        <v>1979</v>
      </c>
      <c r="X6" s="223">
        <v>2444</v>
      </c>
      <c r="Y6" s="220">
        <v>6326</v>
      </c>
      <c r="Z6" s="221">
        <v>13463</v>
      </c>
      <c r="AA6" s="222">
        <v>19789</v>
      </c>
      <c r="AB6" s="213">
        <v>0</v>
      </c>
      <c r="AC6" s="221">
        <v>16265</v>
      </c>
      <c r="AD6" s="221">
        <v>23505</v>
      </c>
      <c r="AE6" s="221">
        <v>12150</v>
      </c>
      <c r="AF6" s="221">
        <v>9773</v>
      </c>
      <c r="AG6" s="221">
        <v>5875</v>
      </c>
      <c r="AH6" s="222">
        <v>67568</v>
      </c>
      <c r="AI6" s="223">
        <v>87357</v>
      </c>
    </row>
    <row r="7" spans="2:35" ht="21" customHeight="1" x14ac:dyDescent="0.2">
      <c r="B7" s="49" t="s">
        <v>6</v>
      </c>
      <c r="C7" s="220">
        <v>2309</v>
      </c>
      <c r="D7" s="221">
        <v>3636</v>
      </c>
      <c r="E7" s="222">
        <v>5945</v>
      </c>
      <c r="F7" s="213">
        <v>0</v>
      </c>
      <c r="G7" s="221">
        <v>10611</v>
      </c>
      <c r="H7" s="221">
        <v>8970</v>
      </c>
      <c r="I7" s="221">
        <v>5804</v>
      </c>
      <c r="J7" s="221">
        <v>4591</v>
      </c>
      <c r="K7" s="221">
        <v>2941</v>
      </c>
      <c r="L7" s="222">
        <v>32917</v>
      </c>
      <c r="M7" s="223">
        <v>38862</v>
      </c>
      <c r="N7" s="224">
        <v>62</v>
      </c>
      <c r="O7" s="221">
        <v>106</v>
      </c>
      <c r="P7" s="222">
        <v>168</v>
      </c>
      <c r="Q7" s="213">
        <v>0</v>
      </c>
      <c r="R7" s="221">
        <v>229</v>
      </c>
      <c r="S7" s="221">
        <v>269</v>
      </c>
      <c r="T7" s="221">
        <v>158</v>
      </c>
      <c r="U7" s="221">
        <v>151</v>
      </c>
      <c r="V7" s="221">
        <v>146</v>
      </c>
      <c r="W7" s="222">
        <v>953</v>
      </c>
      <c r="X7" s="223">
        <v>1121</v>
      </c>
      <c r="Y7" s="220">
        <v>2371</v>
      </c>
      <c r="Z7" s="221">
        <v>3742</v>
      </c>
      <c r="AA7" s="222">
        <v>6113</v>
      </c>
      <c r="AB7" s="213">
        <v>0</v>
      </c>
      <c r="AC7" s="221">
        <v>10840</v>
      </c>
      <c r="AD7" s="221">
        <v>9239</v>
      </c>
      <c r="AE7" s="221">
        <v>5962</v>
      </c>
      <c r="AF7" s="221">
        <v>4742</v>
      </c>
      <c r="AG7" s="221">
        <v>3087</v>
      </c>
      <c r="AH7" s="222">
        <v>33870</v>
      </c>
      <c r="AI7" s="223">
        <v>39983</v>
      </c>
    </row>
    <row r="8" spans="2:35" ht="21" customHeight="1" x14ac:dyDescent="0.2">
      <c r="B8" s="49" t="s">
        <v>14</v>
      </c>
      <c r="C8" s="220">
        <v>1124</v>
      </c>
      <c r="D8" s="221">
        <v>2681</v>
      </c>
      <c r="E8" s="222">
        <v>3805</v>
      </c>
      <c r="F8" s="213">
        <v>0</v>
      </c>
      <c r="G8" s="221">
        <v>4446</v>
      </c>
      <c r="H8" s="221">
        <v>5598</v>
      </c>
      <c r="I8" s="221">
        <v>3589</v>
      </c>
      <c r="J8" s="221">
        <v>2365</v>
      </c>
      <c r="K8" s="221">
        <v>1364</v>
      </c>
      <c r="L8" s="222">
        <v>17362</v>
      </c>
      <c r="M8" s="223">
        <v>21167</v>
      </c>
      <c r="N8" s="224">
        <v>18</v>
      </c>
      <c r="O8" s="221">
        <v>97</v>
      </c>
      <c r="P8" s="222">
        <v>115</v>
      </c>
      <c r="Q8" s="213">
        <v>0</v>
      </c>
      <c r="R8" s="221">
        <v>61</v>
      </c>
      <c r="S8" s="221">
        <v>170</v>
      </c>
      <c r="T8" s="221">
        <v>89</v>
      </c>
      <c r="U8" s="221">
        <v>79</v>
      </c>
      <c r="V8" s="221">
        <v>70</v>
      </c>
      <c r="W8" s="222">
        <v>469</v>
      </c>
      <c r="X8" s="223">
        <v>584</v>
      </c>
      <c r="Y8" s="220">
        <v>1142</v>
      </c>
      <c r="Z8" s="221">
        <v>2778</v>
      </c>
      <c r="AA8" s="222">
        <v>3920</v>
      </c>
      <c r="AB8" s="213">
        <v>0</v>
      </c>
      <c r="AC8" s="221">
        <v>4507</v>
      </c>
      <c r="AD8" s="221">
        <v>5768</v>
      </c>
      <c r="AE8" s="221">
        <v>3678</v>
      </c>
      <c r="AF8" s="221">
        <v>2444</v>
      </c>
      <c r="AG8" s="221">
        <v>1434</v>
      </c>
      <c r="AH8" s="222">
        <v>17831</v>
      </c>
      <c r="AI8" s="223">
        <v>21751</v>
      </c>
    </row>
    <row r="9" spans="2:35" ht="21" customHeight="1" x14ac:dyDescent="0.2">
      <c r="B9" s="49" t="s">
        <v>7</v>
      </c>
      <c r="C9" s="220">
        <v>546</v>
      </c>
      <c r="D9" s="221">
        <v>836</v>
      </c>
      <c r="E9" s="222">
        <v>1382</v>
      </c>
      <c r="F9" s="213">
        <v>0</v>
      </c>
      <c r="G9" s="221">
        <v>5064</v>
      </c>
      <c r="H9" s="221">
        <v>3515</v>
      </c>
      <c r="I9" s="221">
        <v>2006</v>
      </c>
      <c r="J9" s="221">
        <v>1527</v>
      </c>
      <c r="K9" s="221">
        <v>872</v>
      </c>
      <c r="L9" s="222">
        <v>12984</v>
      </c>
      <c r="M9" s="223">
        <v>14366</v>
      </c>
      <c r="N9" s="224">
        <v>9</v>
      </c>
      <c r="O9" s="221">
        <v>12</v>
      </c>
      <c r="P9" s="222">
        <v>21</v>
      </c>
      <c r="Q9" s="213">
        <v>0</v>
      </c>
      <c r="R9" s="221">
        <v>100</v>
      </c>
      <c r="S9" s="221">
        <v>99</v>
      </c>
      <c r="T9" s="221">
        <v>47</v>
      </c>
      <c r="U9" s="221">
        <v>33</v>
      </c>
      <c r="V9" s="221">
        <v>35</v>
      </c>
      <c r="W9" s="222">
        <v>314</v>
      </c>
      <c r="X9" s="223">
        <v>335</v>
      </c>
      <c r="Y9" s="220">
        <v>555</v>
      </c>
      <c r="Z9" s="221">
        <v>848</v>
      </c>
      <c r="AA9" s="222">
        <v>1403</v>
      </c>
      <c r="AB9" s="213">
        <v>0</v>
      </c>
      <c r="AC9" s="221">
        <v>5164</v>
      </c>
      <c r="AD9" s="221">
        <v>3614</v>
      </c>
      <c r="AE9" s="221">
        <v>2053</v>
      </c>
      <c r="AF9" s="221">
        <v>1560</v>
      </c>
      <c r="AG9" s="221">
        <v>907</v>
      </c>
      <c r="AH9" s="222">
        <v>13298</v>
      </c>
      <c r="AI9" s="223">
        <v>14701</v>
      </c>
    </row>
    <row r="10" spans="2:35" ht="21" customHeight="1" x14ac:dyDescent="0.2">
      <c r="B10" s="49" t="s">
        <v>8</v>
      </c>
      <c r="C10" s="220">
        <v>590</v>
      </c>
      <c r="D10" s="221">
        <v>671</v>
      </c>
      <c r="E10" s="222">
        <v>1261</v>
      </c>
      <c r="F10" s="213">
        <v>0</v>
      </c>
      <c r="G10" s="221">
        <v>2049</v>
      </c>
      <c r="H10" s="221">
        <v>2099</v>
      </c>
      <c r="I10" s="221">
        <v>1306</v>
      </c>
      <c r="J10" s="221">
        <v>867</v>
      </c>
      <c r="K10" s="221">
        <v>520</v>
      </c>
      <c r="L10" s="222">
        <v>6841</v>
      </c>
      <c r="M10" s="223">
        <v>8102</v>
      </c>
      <c r="N10" s="224">
        <v>8</v>
      </c>
      <c r="O10" s="221">
        <v>22</v>
      </c>
      <c r="P10" s="222">
        <v>30</v>
      </c>
      <c r="Q10" s="213">
        <v>0</v>
      </c>
      <c r="R10" s="221">
        <v>34</v>
      </c>
      <c r="S10" s="221">
        <v>76</v>
      </c>
      <c r="T10" s="221">
        <v>32</v>
      </c>
      <c r="U10" s="221">
        <v>26</v>
      </c>
      <c r="V10" s="221">
        <v>17</v>
      </c>
      <c r="W10" s="222">
        <v>185</v>
      </c>
      <c r="X10" s="223">
        <v>215</v>
      </c>
      <c r="Y10" s="220">
        <v>598</v>
      </c>
      <c r="Z10" s="221">
        <v>693</v>
      </c>
      <c r="AA10" s="222">
        <v>1291</v>
      </c>
      <c r="AB10" s="213">
        <v>0</v>
      </c>
      <c r="AC10" s="221">
        <v>2083</v>
      </c>
      <c r="AD10" s="221">
        <v>2175</v>
      </c>
      <c r="AE10" s="221">
        <v>1338</v>
      </c>
      <c r="AF10" s="221">
        <v>893</v>
      </c>
      <c r="AG10" s="221">
        <v>537</v>
      </c>
      <c r="AH10" s="222">
        <v>7026</v>
      </c>
      <c r="AI10" s="223">
        <v>8317</v>
      </c>
    </row>
    <row r="11" spans="2:35" ht="21" customHeight="1" x14ac:dyDescent="0.2">
      <c r="B11" s="49" t="s">
        <v>9</v>
      </c>
      <c r="C11" s="220">
        <v>507</v>
      </c>
      <c r="D11" s="221">
        <v>619</v>
      </c>
      <c r="E11" s="222">
        <v>1126</v>
      </c>
      <c r="F11" s="213">
        <v>0</v>
      </c>
      <c r="G11" s="221">
        <v>2217</v>
      </c>
      <c r="H11" s="221">
        <v>1744</v>
      </c>
      <c r="I11" s="221">
        <v>1200</v>
      </c>
      <c r="J11" s="221">
        <v>1096</v>
      </c>
      <c r="K11" s="221">
        <v>673</v>
      </c>
      <c r="L11" s="222">
        <v>6930</v>
      </c>
      <c r="M11" s="223">
        <v>8056</v>
      </c>
      <c r="N11" s="224">
        <v>1</v>
      </c>
      <c r="O11" s="221">
        <v>12</v>
      </c>
      <c r="P11" s="222">
        <v>13</v>
      </c>
      <c r="Q11" s="213">
        <v>0</v>
      </c>
      <c r="R11" s="221">
        <v>41</v>
      </c>
      <c r="S11" s="221">
        <v>29</v>
      </c>
      <c r="T11" s="221">
        <v>26</v>
      </c>
      <c r="U11" s="221">
        <v>26</v>
      </c>
      <c r="V11" s="221">
        <v>19</v>
      </c>
      <c r="W11" s="222">
        <v>141</v>
      </c>
      <c r="X11" s="223">
        <v>154</v>
      </c>
      <c r="Y11" s="220">
        <v>508</v>
      </c>
      <c r="Z11" s="221">
        <v>631</v>
      </c>
      <c r="AA11" s="222">
        <v>1139</v>
      </c>
      <c r="AB11" s="213">
        <v>0</v>
      </c>
      <c r="AC11" s="221">
        <v>2258</v>
      </c>
      <c r="AD11" s="221">
        <v>1773</v>
      </c>
      <c r="AE11" s="221">
        <v>1226</v>
      </c>
      <c r="AF11" s="221">
        <v>1122</v>
      </c>
      <c r="AG11" s="221">
        <v>692</v>
      </c>
      <c r="AH11" s="222">
        <v>7071</v>
      </c>
      <c r="AI11" s="223">
        <v>8210</v>
      </c>
    </row>
    <row r="12" spans="2:35" ht="21" customHeight="1" x14ac:dyDescent="0.2">
      <c r="B12" s="49" t="s">
        <v>10</v>
      </c>
      <c r="C12" s="220">
        <v>1326</v>
      </c>
      <c r="D12" s="221">
        <v>1626</v>
      </c>
      <c r="E12" s="222">
        <v>2952</v>
      </c>
      <c r="F12" s="213">
        <v>0</v>
      </c>
      <c r="G12" s="221">
        <v>4020</v>
      </c>
      <c r="H12" s="221">
        <v>2413</v>
      </c>
      <c r="I12" s="221">
        <v>1617</v>
      </c>
      <c r="J12" s="221">
        <v>1284</v>
      </c>
      <c r="K12" s="221">
        <v>909</v>
      </c>
      <c r="L12" s="222">
        <v>10243</v>
      </c>
      <c r="M12" s="223">
        <v>13195</v>
      </c>
      <c r="N12" s="224">
        <v>28</v>
      </c>
      <c r="O12" s="221">
        <v>36</v>
      </c>
      <c r="P12" s="222">
        <v>64</v>
      </c>
      <c r="Q12" s="213">
        <v>0</v>
      </c>
      <c r="R12" s="221">
        <v>99</v>
      </c>
      <c r="S12" s="221">
        <v>65</v>
      </c>
      <c r="T12" s="221">
        <v>39</v>
      </c>
      <c r="U12" s="221">
        <v>39</v>
      </c>
      <c r="V12" s="221">
        <v>45</v>
      </c>
      <c r="W12" s="222">
        <v>287</v>
      </c>
      <c r="X12" s="223">
        <v>351</v>
      </c>
      <c r="Y12" s="220">
        <v>1354</v>
      </c>
      <c r="Z12" s="221">
        <v>1662</v>
      </c>
      <c r="AA12" s="222">
        <v>3016</v>
      </c>
      <c r="AB12" s="213">
        <v>0</v>
      </c>
      <c r="AC12" s="221">
        <v>4119</v>
      </c>
      <c r="AD12" s="221">
        <v>2478</v>
      </c>
      <c r="AE12" s="221">
        <v>1656</v>
      </c>
      <c r="AF12" s="221">
        <v>1323</v>
      </c>
      <c r="AG12" s="221">
        <v>954</v>
      </c>
      <c r="AH12" s="222">
        <v>10530</v>
      </c>
      <c r="AI12" s="223">
        <v>13546</v>
      </c>
    </row>
    <row r="13" spans="2:35" ht="21" customHeight="1" x14ac:dyDescent="0.2">
      <c r="B13" s="49" t="s">
        <v>11</v>
      </c>
      <c r="C13" s="220">
        <v>547</v>
      </c>
      <c r="D13" s="221">
        <v>588</v>
      </c>
      <c r="E13" s="222">
        <v>1135</v>
      </c>
      <c r="F13" s="213">
        <v>0</v>
      </c>
      <c r="G13" s="221">
        <v>2144</v>
      </c>
      <c r="H13" s="221">
        <v>1352</v>
      </c>
      <c r="I13" s="221">
        <v>953</v>
      </c>
      <c r="J13" s="221">
        <v>756</v>
      </c>
      <c r="K13" s="221">
        <v>388</v>
      </c>
      <c r="L13" s="222">
        <v>5593</v>
      </c>
      <c r="M13" s="223">
        <v>6728</v>
      </c>
      <c r="N13" s="224">
        <v>9</v>
      </c>
      <c r="O13" s="221">
        <v>9</v>
      </c>
      <c r="P13" s="222">
        <v>18</v>
      </c>
      <c r="Q13" s="213">
        <v>0</v>
      </c>
      <c r="R13" s="221">
        <v>44</v>
      </c>
      <c r="S13" s="221">
        <v>35</v>
      </c>
      <c r="T13" s="221">
        <v>23</v>
      </c>
      <c r="U13" s="221">
        <v>16</v>
      </c>
      <c r="V13" s="221">
        <v>17</v>
      </c>
      <c r="W13" s="222">
        <v>135</v>
      </c>
      <c r="X13" s="223">
        <v>153</v>
      </c>
      <c r="Y13" s="220">
        <v>556</v>
      </c>
      <c r="Z13" s="221">
        <v>597</v>
      </c>
      <c r="AA13" s="222">
        <v>1153</v>
      </c>
      <c r="AB13" s="213">
        <v>0</v>
      </c>
      <c r="AC13" s="221">
        <v>2188</v>
      </c>
      <c r="AD13" s="221">
        <v>1387</v>
      </c>
      <c r="AE13" s="221">
        <v>976</v>
      </c>
      <c r="AF13" s="221">
        <v>772</v>
      </c>
      <c r="AG13" s="221">
        <v>405</v>
      </c>
      <c r="AH13" s="222">
        <v>5728</v>
      </c>
      <c r="AI13" s="223">
        <v>6881</v>
      </c>
    </row>
    <row r="14" spans="2:35" ht="21" customHeight="1" x14ac:dyDescent="0.2">
      <c r="B14" s="49" t="s">
        <v>12</v>
      </c>
      <c r="C14" s="220">
        <v>721</v>
      </c>
      <c r="D14" s="221">
        <v>1093</v>
      </c>
      <c r="E14" s="222">
        <v>1814</v>
      </c>
      <c r="F14" s="213">
        <v>0</v>
      </c>
      <c r="G14" s="221">
        <v>1680</v>
      </c>
      <c r="H14" s="221">
        <v>1467</v>
      </c>
      <c r="I14" s="221">
        <v>985</v>
      </c>
      <c r="J14" s="221">
        <v>876</v>
      </c>
      <c r="K14" s="221">
        <v>511</v>
      </c>
      <c r="L14" s="222">
        <v>5519</v>
      </c>
      <c r="M14" s="223">
        <v>7333</v>
      </c>
      <c r="N14" s="224">
        <v>15</v>
      </c>
      <c r="O14" s="221">
        <v>32</v>
      </c>
      <c r="P14" s="222">
        <v>47</v>
      </c>
      <c r="Q14" s="213">
        <v>0</v>
      </c>
      <c r="R14" s="221">
        <v>26</v>
      </c>
      <c r="S14" s="221">
        <v>25</v>
      </c>
      <c r="T14" s="221">
        <v>20</v>
      </c>
      <c r="U14" s="221">
        <v>19</v>
      </c>
      <c r="V14" s="221">
        <v>15</v>
      </c>
      <c r="W14" s="222">
        <v>105</v>
      </c>
      <c r="X14" s="223">
        <v>152</v>
      </c>
      <c r="Y14" s="220">
        <v>736</v>
      </c>
      <c r="Z14" s="221">
        <v>1125</v>
      </c>
      <c r="AA14" s="222">
        <v>1861</v>
      </c>
      <c r="AB14" s="213">
        <v>0</v>
      </c>
      <c r="AC14" s="221">
        <v>1706</v>
      </c>
      <c r="AD14" s="221">
        <v>1492</v>
      </c>
      <c r="AE14" s="221">
        <v>1005</v>
      </c>
      <c r="AF14" s="221">
        <v>895</v>
      </c>
      <c r="AG14" s="221">
        <v>526</v>
      </c>
      <c r="AH14" s="222">
        <v>5624</v>
      </c>
      <c r="AI14" s="223">
        <v>7485</v>
      </c>
    </row>
    <row r="15" spans="2:35" ht="21" customHeight="1" x14ac:dyDescent="0.2">
      <c r="B15" s="49" t="s">
        <v>13</v>
      </c>
      <c r="C15" s="220">
        <v>133</v>
      </c>
      <c r="D15" s="221">
        <v>210</v>
      </c>
      <c r="E15" s="222">
        <v>343</v>
      </c>
      <c r="F15" s="213">
        <v>0</v>
      </c>
      <c r="G15" s="221">
        <v>652</v>
      </c>
      <c r="H15" s="221">
        <v>615</v>
      </c>
      <c r="I15" s="221">
        <v>388</v>
      </c>
      <c r="J15" s="221">
        <v>329</v>
      </c>
      <c r="K15" s="221">
        <v>219</v>
      </c>
      <c r="L15" s="222">
        <v>2203</v>
      </c>
      <c r="M15" s="223">
        <v>2546</v>
      </c>
      <c r="N15" s="224">
        <v>0</v>
      </c>
      <c r="O15" s="221">
        <v>3</v>
      </c>
      <c r="P15" s="222">
        <v>3</v>
      </c>
      <c r="Q15" s="213">
        <v>0</v>
      </c>
      <c r="R15" s="221">
        <v>11</v>
      </c>
      <c r="S15" s="221">
        <v>10</v>
      </c>
      <c r="T15" s="221">
        <v>12</v>
      </c>
      <c r="U15" s="221">
        <v>5</v>
      </c>
      <c r="V15" s="221">
        <v>10</v>
      </c>
      <c r="W15" s="222">
        <v>48</v>
      </c>
      <c r="X15" s="223">
        <v>51</v>
      </c>
      <c r="Y15" s="220">
        <v>133</v>
      </c>
      <c r="Z15" s="221">
        <v>213</v>
      </c>
      <c r="AA15" s="222">
        <v>346</v>
      </c>
      <c r="AB15" s="213">
        <v>0</v>
      </c>
      <c r="AC15" s="221">
        <v>663</v>
      </c>
      <c r="AD15" s="221">
        <v>625</v>
      </c>
      <c r="AE15" s="221">
        <v>400</v>
      </c>
      <c r="AF15" s="221">
        <v>334</v>
      </c>
      <c r="AG15" s="221">
        <v>229</v>
      </c>
      <c r="AH15" s="222">
        <v>2251</v>
      </c>
      <c r="AI15" s="223">
        <v>2597</v>
      </c>
    </row>
    <row r="16" spans="2:35" ht="21" customHeight="1" x14ac:dyDescent="0.2">
      <c r="B16" s="49" t="s">
        <v>15</v>
      </c>
      <c r="C16" s="220">
        <v>95</v>
      </c>
      <c r="D16" s="221">
        <v>180</v>
      </c>
      <c r="E16" s="222">
        <v>275</v>
      </c>
      <c r="F16" s="213">
        <v>0</v>
      </c>
      <c r="G16" s="221">
        <v>513</v>
      </c>
      <c r="H16" s="221">
        <v>561</v>
      </c>
      <c r="I16" s="221">
        <v>330</v>
      </c>
      <c r="J16" s="221">
        <v>220</v>
      </c>
      <c r="K16" s="221">
        <v>123</v>
      </c>
      <c r="L16" s="222">
        <v>1747</v>
      </c>
      <c r="M16" s="223">
        <v>2022</v>
      </c>
      <c r="N16" s="224">
        <v>0</v>
      </c>
      <c r="O16" s="221">
        <v>5</v>
      </c>
      <c r="P16" s="222">
        <v>5</v>
      </c>
      <c r="Q16" s="213">
        <v>0</v>
      </c>
      <c r="R16" s="221">
        <v>7</v>
      </c>
      <c r="S16" s="221">
        <v>12</v>
      </c>
      <c r="T16" s="221">
        <v>1</v>
      </c>
      <c r="U16" s="221">
        <v>2</v>
      </c>
      <c r="V16" s="221">
        <v>6</v>
      </c>
      <c r="W16" s="222">
        <v>28</v>
      </c>
      <c r="X16" s="223">
        <v>33</v>
      </c>
      <c r="Y16" s="220">
        <v>95</v>
      </c>
      <c r="Z16" s="221">
        <v>185</v>
      </c>
      <c r="AA16" s="222">
        <v>280</v>
      </c>
      <c r="AB16" s="213">
        <v>0</v>
      </c>
      <c r="AC16" s="221">
        <v>520</v>
      </c>
      <c r="AD16" s="221">
        <v>573</v>
      </c>
      <c r="AE16" s="221">
        <v>331</v>
      </c>
      <c r="AF16" s="221">
        <v>222</v>
      </c>
      <c r="AG16" s="221">
        <v>129</v>
      </c>
      <c r="AH16" s="222">
        <v>1775</v>
      </c>
      <c r="AI16" s="223">
        <v>2055</v>
      </c>
    </row>
    <row r="17" spans="2:35" ht="21" customHeight="1" x14ac:dyDescent="0.2">
      <c r="B17" s="49" t="s">
        <v>16</v>
      </c>
      <c r="C17" s="220">
        <v>244</v>
      </c>
      <c r="D17" s="221">
        <v>445</v>
      </c>
      <c r="E17" s="222">
        <v>689</v>
      </c>
      <c r="F17" s="213">
        <v>0</v>
      </c>
      <c r="G17" s="221">
        <v>1026</v>
      </c>
      <c r="H17" s="221">
        <v>1312</v>
      </c>
      <c r="I17" s="221">
        <v>709</v>
      </c>
      <c r="J17" s="221">
        <v>557</v>
      </c>
      <c r="K17" s="221">
        <v>349</v>
      </c>
      <c r="L17" s="222">
        <v>3953</v>
      </c>
      <c r="M17" s="223">
        <v>4642</v>
      </c>
      <c r="N17" s="224">
        <v>6</v>
      </c>
      <c r="O17" s="221">
        <v>14</v>
      </c>
      <c r="P17" s="222">
        <v>20</v>
      </c>
      <c r="Q17" s="213">
        <v>0</v>
      </c>
      <c r="R17" s="221">
        <v>14</v>
      </c>
      <c r="S17" s="221">
        <v>39</v>
      </c>
      <c r="T17" s="221">
        <v>28</v>
      </c>
      <c r="U17" s="221">
        <v>13</v>
      </c>
      <c r="V17" s="221">
        <v>17</v>
      </c>
      <c r="W17" s="222">
        <v>111</v>
      </c>
      <c r="X17" s="223">
        <v>131</v>
      </c>
      <c r="Y17" s="220">
        <v>250</v>
      </c>
      <c r="Z17" s="221">
        <v>459</v>
      </c>
      <c r="AA17" s="222">
        <v>709</v>
      </c>
      <c r="AB17" s="213">
        <v>0</v>
      </c>
      <c r="AC17" s="221">
        <v>1040</v>
      </c>
      <c r="AD17" s="221">
        <v>1351</v>
      </c>
      <c r="AE17" s="221">
        <v>737</v>
      </c>
      <c r="AF17" s="221">
        <v>570</v>
      </c>
      <c r="AG17" s="221">
        <v>366</v>
      </c>
      <c r="AH17" s="222">
        <v>4064</v>
      </c>
      <c r="AI17" s="223">
        <v>4773</v>
      </c>
    </row>
    <row r="18" spans="2:35" ht="21" customHeight="1" x14ac:dyDescent="0.2">
      <c r="B18" s="49" t="s">
        <v>17</v>
      </c>
      <c r="C18" s="220">
        <v>296</v>
      </c>
      <c r="D18" s="221">
        <v>589</v>
      </c>
      <c r="E18" s="222">
        <v>885</v>
      </c>
      <c r="F18" s="213">
        <v>0</v>
      </c>
      <c r="G18" s="221">
        <v>1122</v>
      </c>
      <c r="H18" s="221">
        <v>1674</v>
      </c>
      <c r="I18" s="221">
        <v>1015</v>
      </c>
      <c r="J18" s="221">
        <v>766</v>
      </c>
      <c r="K18" s="221">
        <v>459</v>
      </c>
      <c r="L18" s="222">
        <v>5036</v>
      </c>
      <c r="M18" s="223">
        <v>5921</v>
      </c>
      <c r="N18" s="224">
        <v>2</v>
      </c>
      <c r="O18" s="221">
        <v>30</v>
      </c>
      <c r="P18" s="222">
        <v>32</v>
      </c>
      <c r="Q18" s="213">
        <v>0</v>
      </c>
      <c r="R18" s="221">
        <v>16</v>
      </c>
      <c r="S18" s="221">
        <v>63</v>
      </c>
      <c r="T18" s="221">
        <v>35</v>
      </c>
      <c r="U18" s="221">
        <v>25</v>
      </c>
      <c r="V18" s="221">
        <v>19</v>
      </c>
      <c r="W18" s="222">
        <v>158</v>
      </c>
      <c r="X18" s="223">
        <v>190</v>
      </c>
      <c r="Y18" s="220">
        <v>298</v>
      </c>
      <c r="Z18" s="221">
        <v>619</v>
      </c>
      <c r="AA18" s="222">
        <v>917</v>
      </c>
      <c r="AB18" s="213">
        <v>0</v>
      </c>
      <c r="AC18" s="221">
        <v>1138</v>
      </c>
      <c r="AD18" s="221">
        <v>1737</v>
      </c>
      <c r="AE18" s="221">
        <v>1050</v>
      </c>
      <c r="AF18" s="221">
        <v>791</v>
      </c>
      <c r="AG18" s="221">
        <v>478</v>
      </c>
      <c r="AH18" s="222">
        <v>5194</v>
      </c>
      <c r="AI18" s="223">
        <v>6111</v>
      </c>
    </row>
    <row r="19" spans="2:35" ht="21" customHeight="1" x14ac:dyDescent="0.2">
      <c r="B19" s="49" t="s">
        <v>18</v>
      </c>
      <c r="C19" s="220">
        <v>327</v>
      </c>
      <c r="D19" s="221">
        <v>640</v>
      </c>
      <c r="E19" s="222">
        <v>967</v>
      </c>
      <c r="F19" s="213">
        <v>0</v>
      </c>
      <c r="G19" s="221">
        <v>1841</v>
      </c>
      <c r="H19" s="221">
        <v>1707</v>
      </c>
      <c r="I19" s="221">
        <v>1070</v>
      </c>
      <c r="J19" s="221">
        <v>749</v>
      </c>
      <c r="K19" s="221">
        <v>458</v>
      </c>
      <c r="L19" s="222">
        <v>5825</v>
      </c>
      <c r="M19" s="223">
        <v>6792</v>
      </c>
      <c r="N19" s="224">
        <v>10</v>
      </c>
      <c r="O19" s="221">
        <v>21</v>
      </c>
      <c r="P19" s="222">
        <v>31</v>
      </c>
      <c r="Q19" s="213">
        <v>0</v>
      </c>
      <c r="R19" s="221">
        <v>48</v>
      </c>
      <c r="S19" s="221">
        <v>53</v>
      </c>
      <c r="T19" s="221">
        <v>29</v>
      </c>
      <c r="U19" s="221">
        <v>33</v>
      </c>
      <c r="V19" s="221">
        <v>28</v>
      </c>
      <c r="W19" s="222">
        <v>191</v>
      </c>
      <c r="X19" s="223">
        <v>222</v>
      </c>
      <c r="Y19" s="220">
        <v>337</v>
      </c>
      <c r="Z19" s="221">
        <v>661</v>
      </c>
      <c r="AA19" s="222">
        <v>998</v>
      </c>
      <c r="AB19" s="213">
        <v>0</v>
      </c>
      <c r="AC19" s="221">
        <v>1889</v>
      </c>
      <c r="AD19" s="221">
        <v>1760</v>
      </c>
      <c r="AE19" s="221">
        <v>1099</v>
      </c>
      <c r="AF19" s="221">
        <v>782</v>
      </c>
      <c r="AG19" s="221">
        <v>486</v>
      </c>
      <c r="AH19" s="222">
        <v>6016</v>
      </c>
      <c r="AI19" s="223">
        <v>7014</v>
      </c>
    </row>
    <row r="20" spans="2:35" ht="21" customHeight="1" x14ac:dyDescent="0.2">
      <c r="B20" s="49" t="s">
        <v>19</v>
      </c>
      <c r="C20" s="220">
        <v>198</v>
      </c>
      <c r="D20" s="221">
        <v>268</v>
      </c>
      <c r="E20" s="222">
        <v>466</v>
      </c>
      <c r="F20" s="213">
        <v>0</v>
      </c>
      <c r="G20" s="221">
        <v>876</v>
      </c>
      <c r="H20" s="221">
        <v>739</v>
      </c>
      <c r="I20" s="221">
        <v>470</v>
      </c>
      <c r="J20" s="221">
        <v>324</v>
      </c>
      <c r="K20" s="221">
        <v>241</v>
      </c>
      <c r="L20" s="222">
        <v>2650</v>
      </c>
      <c r="M20" s="223">
        <v>3116</v>
      </c>
      <c r="N20" s="224">
        <v>4</v>
      </c>
      <c r="O20" s="221">
        <v>6</v>
      </c>
      <c r="P20" s="222">
        <v>10</v>
      </c>
      <c r="Q20" s="213">
        <v>0</v>
      </c>
      <c r="R20" s="221">
        <v>19</v>
      </c>
      <c r="S20" s="221">
        <v>17</v>
      </c>
      <c r="T20" s="221">
        <v>14</v>
      </c>
      <c r="U20" s="221">
        <v>8</v>
      </c>
      <c r="V20" s="221">
        <v>11</v>
      </c>
      <c r="W20" s="222">
        <v>69</v>
      </c>
      <c r="X20" s="223">
        <v>79</v>
      </c>
      <c r="Y20" s="220">
        <v>202</v>
      </c>
      <c r="Z20" s="221">
        <v>274</v>
      </c>
      <c r="AA20" s="222">
        <v>476</v>
      </c>
      <c r="AB20" s="213">
        <v>0</v>
      </c>
      <c r="AC20" s="221">
        <v>895</v>
      </c>
      <c r="AD20" s="221">
        <v>756</v>
      </c>
      <c r="AE20" s="221">
        <v>484</v>
      </c>
      <c r="AF20" s="221">
        <v>332</v>
      </c>
      <c r="AG20" s="221">
        <v>252</v>
      </c>
      <c r="AH20" s="222">
        <v>2719</v>
      </c>
      <c r="AI20" s="223">
        <v>3195</v>
      </c>
    </row>
    <row r="21" spans="2:35" ht="21" customHeight="1" x14ac:dyDescent="0.2">
      <c r="B21" s="49" t="s">
        <v>20</v>
      </c>
      <c r="C21" s="220">
        <v>225</v>
      </c>
      <c r="D21" s="221">
        <v>419</v>
      </c>
      <c r="E21" s="222">
        <v>644</v>
      </c>
      <c r="F21" s="213">
        <v>0</v>
      </c>
      <c r="G21" s="221">
        <v>1127</v>
      </c>
      <c r="H21" s="221">
        <v>746</v>
      </c>
      <c r="I21" s="221">
        <v>528</v>
      </c>
      <c r="J21" s="221">
        <v>358</v>
      </c>
      <c r="K21" s="221">
        <v>180</v>
      </c>
      <c r="L21" s="222">
        <v>2939</v>
      </c>
      <c r="M21" s="223">
        <v>3583</v>
      </c>
      <c r="N21" s="224">
        <v>3</v>
      </c>
      <c r="O21" s="221">
        <v>22</v>
      </c>
      <c r="P21" s="222">
        <v>25</v>
      </c>
      <c r="Q21" s="213">
        <v>0</v>
      </c>
      <c r="R21" s="221">
        <v>28</v>
      </c>
      <c r="S21" s="221">
        <v>21</v>
      </c>
      <c r="T21" s="221">
        <v>14</v>
      </c>
      <c r="U21" s="221">
        <v>13</v>
      </c>
      <c r="V21" s="221">
        <v>5</v>
      </c>
      <c r="W21" s="222">
        <v>81</v>
      </c>
      <c r="X21" s="223">
        <v>106</v>
      </c>
      <c r="Y21" s="220">
        <v>228</v>
      </c>
      <c r="Z21" s="221">
        <v>441</v>
      </c>
      <c r="AA21" s="222">
        <v>669</v>
      </c>
      <c r="AB21" s="213">
        <v>0</v>
      </c>
      <c r="AC21" s="221">
        <v>1155</v>
      </c>
      <c r="AD21" s="221">
        <v>767</v>
      </c>
      <c r="AE21" s="221">
        <v>542</v>
      </c>
      <c r="AF21" s="221">
        <v>371</v>
      </c>
      <c r="AG21" s="221">
        <v>185</v>
      </c>
      <c r="AH21" s="222">
        <v>3020</v>
      </c>
      <c r="AI21" s="223">
        <v>3689</v>
      </c>
    </row>
    <row r="22" spans="2:35" ht="21" customHeight="1" x14ac:dyDescent="0.2">
      <c r="B22" s="49" t="s">
        <v>21</v>
      </c>
      <c r="C22" s="220">
        <v>279</v>
      </c>
      <c r="D22" s="221">
        <v>433</v>
      </c>
      <c r="E22" s="222">
        <v>712</v>
      </c>
      <c r="F22" s="213">
        <v>0</v>
      </c>
      <c r="G22" s="221">
        <v>970</v>
      </c>
      <c r="H22" s="221">
        <v>1086</v>
      </c>
      <c r="I22" s="221">
        <v>610</v>
      </c>
      <c r="J22" s="221">
        <v>449</v>
      </c>
      <c r="K22" s="221">
        <v>240</v>
      </c>
      <c r="L22" s="222">
        <v>3355</v>
      </c>
      <c r="M22" s="223">
        <v>4067</v>
      </c>
      <c r="N22" s="224">
        <v>9</v>
      </c>
      <c r="O22" s="221">
        <v>16</v>
      </c>
      <c r="P22" s="222">
        <v>25</v>
      </c>
      <c r="Q22" s="213">
        <v>0</v>
      </c>
      <c r="R22" s="221">
        <v>10</v>
      </c>
      <c r="S22" s="221">
        <v>42</v>
      </c>
      <c r="T22" s="221">
        <v>17</v>
      </c>
      <c r="U22" s="221">
        <v>17</v>
      </c>
      <c r="V22" s="221">
        <v>7</v>
      </c>
      <c r="W22" s="222">
        <v>93</v>
      </c>
      <c r="X22" s="223">
        <v>118</v>
      </c>
      <c r="Y22" s="220">
        <v>288</v>
      </c>
      <c r="Z22" s="221">
        <v>449</v>
      </c>
      <c r="AA22" s="222">
        <v>737</v>
      </c>
      <c r="AB22" s="213">
        <v>0</v>
      </c>
      <c r="AC22" s="221">
        <v>980</v>
      </c>
      <c r="AD22" s="221">
        <v>1128</v>
      </c>
      <c r="AE22" s="221">
        <v>627</v>
      </c>
      <c r="AF22" s="221">
        <v>466</v>
      </c>
      <c r="AG22" s="221">
        <v>247</v>
      </c>
      <c r="AH22" s="222">
        <v>3448</v>
      </c>
      <c r="AI22" s="223">
        <v>4185</v>
      </c>
    </row>
    <row r="23" spans="2:35" ht="21" customHeight="1" x14ac:dyDescent="0.2">
      <c r="B23" s="49" t="s">
        <v>22</v>
      </c>
      <c r="C23" s="220">
        <v>59</v>
      </c>
      <c r="D23" s="221">
        <v>167</v>
      </c>
      <c r="E23" s="222">
        <v>226</v>
      </c>
      <c r="F23" s="213">
        <v>0</v>
      </c>
      <c r="G23" s="221">
        <v>397</v>
      </c>
      <c r="H23" s="221">
        <v>370</v>
      </c>
      <c r="I23" s="221">
        <v>204</v>
      </c>
      <c r="J23" s="221">
        <v>141</v>
      </c>
      <c r="K23" s="221">
        <v>87</v>
      </c>
      <c r="L23" s="222">
        <v>1199</v>
      </c>
      <c r="M23" s="223">
        <v>1425</v>
      </c>
      <c r="N23" s="224">
        <v>0</v>
      </c>
      <c r="O23" s="221">
        <v>4</v>
      </c>
      <c r="P23" s="222">
        <v>4</v>
      </c>
      <c r="Q23" s="213">
        <v>0</v>
      </c>
      <c r="R23" s="221">
        <v>10</v>
      </c>
      <c r="S23" s="221">
        <v>7</v>
      </c>
      <c r="T23" s="221">
        <v>4</v>
      </c>
      <c r="U23" s="221">
        <v>4</v>
      </c>
      <c r="V23" s="221">
        <v>4</v>
      </c>
      <c r="W23" s="222">
        <v>29</v>
      </c>
      <c r="X23" s="223">
        <v>33</v>
      </c>
      <c r="Y23" s="220">
        <v>59</v>
      </c>
      <c r="Z23" s="221">
        <v>171</v>
      </c>
      <c r="AA23" s="222">
        <v>230</v>
      </c>
      <c r="AB23" s="213">
        <v>0</v>
      </c>
      <c r="AC23" s="221">
        <v>407</v>
      </c>
      <c r="AD23" s="221">
        <v>377</v>
      </c>
      <c r="AE23" s="221">
        <v>208</v>
      </c>
      <c r="AF23" s="221">
        <v>145</v>
      </c>
      <c r="AG23" s="221">
        <v>91</v>
      </c>
      <c r="AH23" s="222">
        <v>1228</v>
      </c>
      <c r="AI23" s="223">
        <v>1458</v>
      </c>
    </row>
    <row r="24" spans="2:35" ht="21" customHeight="1" x14ac:dyDescent="0.2">
      <c r="B24" s="49" t="s">
        <v>23</v>
      </c>
      <c r="C24" s="220">
        <v>137</v>
      </c>
      <c r="D24" s="221">
        <v>269</v>
      </c>
      <c r="E24" s="222">
        <v>406</v>
      </c>
      <c r="F24" s="213">
        <v>0</v>
      </c>
      <c r="G24" s="221">
        <v>623</v>
      </c>
      <c r="H24" s="221">
        <v>551</v>
      </c>
      <c r="I24" s="221">
        <v>302</v>
      </c>
      <c r="J24" s="221">
        <v>297</v>
      </c>
      <c r="K24" s="221">
        <v>142</v>
      </c>
      <c r="L24" s="222">
        <v>1915</v>
      </c>
      <c r="M24" s="223">
        <v>2321</v>
      </c>
      <c r="N24" s="224">
        <v>3</v>
      </c>
      <c r="O24" s="221">
        <v>6</v>
      </c>
      <c r="P24" s="222">
        <v>9</v>
      </c>
      <c r="Q24" s="213">
        <v>0</v>
      </c>
      <c r="R24" s="221">
        <v>8</v>
      </c>
      <c r="S24" s="221">
        <v>21</v>
      </c>
      <c r="T24" s="221">
        <v>11</v>
      </c>
      <c r="U24" s="221">
        <v>4</v>
      </c>
      <c r="V24" s="221">
        <v>3</v>
      </c>
      <c r="W24" s="222">
        <v>47</v>
      </c>
      <c r="X24" s="223">
        <v>56</v>
      </c>
      <c r="Y24" s="220">
        <v>140</v>
      </c>
      <c r="Z24" s="221">
        <v>275</v>
      </c>
      <c r="AA24" s="222">
        <v>415</v>
      </c>
      <c r="AB24" s="213">
        <v>0</v>
      </c>
      <c r="AC24" s="221">
        <v>631</v>
      </c>
      <c r="AD24" s="221">
        <v>572</v>
      </c>
      <c r="AE24" s="221">
        <v>313</v>
      </c>
      <c r="AF24" s="221">
        <v>301</v>
      </c>
      <c r="AG24" s="221">
        <v>145</v>
      </c>
      <c r="AH24" s="222">
        <v>1962</v>
      </c>
      <c r="AI24" s="223">
        <v>2377</v>
      </c>
    </row>
    <row r="25" spans="2:35" ht="21" customHeight="1" x14ac:dyDescent="0.2">
      <c r="B25" s="49" t="s">
        <v>24</v>
      </c>
      <c r="C25" s="220">
        <v>127</v>
      </c>
      <c r="D25" s="221">
        <v>108</v>
      </c>
      <c r="E25" s="222">
        <v>235</v>
      </c>
      <c r="F25" s="213">
        <v>0</v>
      </c>
      <c r="G25" s="221">
        <v>323</v>
      </c>
      <c r="H25" s="221">
        <v>241</v>
      </c>
      <c r="I25" s="221">
        <v>162</v>
      </c>
      <c r="J25" s="221">
        <v>124</v>
      </c>
      <c r="K25" s="221">
        <v>79</v>
      </c>
      <c r="L25" s="222">
        <v>929</v>
      </c>
      <c r="M25" s="223">
        <v>1164</v>
      </c>
      <c r="N25" s="224">
        <v>2</v>
      </c>
      <c r="O25" s="221">
        <v>0</v>
      </c>
      <c r="P25" s="222">
        <v>2</v>
      </c>
      <c r="Q25" s="213">
        <v>0</v>
      </c>
      <c r="R25" s="221">
        <v>4</v>
      </c>
      <c r="S25" s="221">
        <v>6</v>
      </c>
      <c r="T25" s="221">
        <v>4</v>
      </c>
      <c r="U25" s="221">
        <v>3</v>
      </c>
      <c r="V25" s="221">
        <v>4</v>
      </c>
      <c r="W25" s="222">
        <v>21</v>
      </c>
      <c r="X25" s="223">
        <v>23</v>
      </c>
      <c r="Y25" s="220">
        <v>129</v>
      </c>
      <c r="Z25" s="221">
        <v>108</v>
      </c>
      <c r="AA25" s="222">
        <v>237</v>
      </c>
      <c r="AB25" s="213">
        <v>0</v>
      </c>
      <c r="AC25" s="221">
        <v>327</v>
      </c>
      <c r="AD25" s="221">
        <v>247</v>
      </c>
      <c r="AE25" s="221">
        <v>166</v>
      </c>
      <c r="AF25" s="221">
        <v>127</v>
      </c>
      <c r="AG25" s="221">
        <v>83</v>
      </c>
      <c r="AH25" s="222">
        <v>950</v>
      </c>
      <c r="AI25" s="223">
        <v>1187</v>
      </c>
    </row>
    <row r="26" spans="2:35" ht="21" customHeight="1" x14ac:dyDescent="0.2">
      <c r="B26" s="49" t="s">
        <v>25</v>
      </c>
      <c r="C26" s="220">
        <v>108</v>
      </c>
      <c r="D26" s="221">
        <v>167</v>
      </c>
      <c r="E26" s="222">
        <v>275</v>
      </c>
      <c r="F26" s="213">
        <v>0</v>
      </c>
      <c r="G26" s="221">
        <v>380</v>
      </c>
      <c r="H26" s="221">
        <v>286</v>
      </c>
      <c r="I26" s="221">
        <v>172</v>
      </c>
      <c r="J26" s="221">
        <v>154</v>
      </c>
      <c r="K26" s="221">
        <v>66</v>
      </c>
      <c r="L26" s="222">
        <v>1058</v>
      </c>
      <c r="M26" s="223">
        <v>1333</v>
      </c>
      <c r="N26" s="224">
        <v>1</v>
      </c>
      <c r="O26" s="221">
        <v>5</v>
      </c>
      <c r="P26" s="222">
        <v>6</v>
      </c>
      <c r="Q26" s="213">
        <v>0</v>
      </c>
      <c r="R26" s="221">
        <v>6</v>
      </c>
      <c r="S26" s="221">
        <v>12</v>
      </c>
      <c r="T26" s="221">
        <v>2</v>
      </c>
      <c r="U26" s="221">
        <v>4</v>
      </c>
      <c r="V26" s="221">
        <v>3</v>
      </c>
      <c r="W26" s="222">
        <v>27</v>
      </c>
      <c r="X26" s="223">
        <v>33</v>
      </c>
      <c r="Y26" s="220">
        <v>109</v>
      </c>
      <c r="Z26" s="221">
        <v>172</v>
      </c>
      <c r="AA26" s="222">
        <v>281</v>
      </c>
      <c r="AB26" s="213">
        <v>0</v>
      </c>
      <c r="AC26" s="221">
        <v>386</v>
      </c>
      <c r="AD26" s="221">
        <v>298</v>
      </c>
      <c r="AE26" s="221">
        <v>174</v>
      </c>
      <c r="AF26" s="221">
        <v>158</v>
      </c>
      <c r="AG26" s="221">
        <v>69</v>
      </c>
      <c r="AH26" s="222">
        <v>1085</v>
      </c>
      <c r="AI26" s="223">
        <v>1366</v>
      </c>
    </row>
    <row r="27" spans="2:35" ht="21" customHeight="1" x14ac:dyDescent="0.2">
      <c r="B27" s="49" t="s">
        <v>26</v>
      </c>
      <c r="C27" s="220">
        <v>84</v>
      </c>
      <c r="D27" s="221">
        <v>110</v>
      </c>
      <c r="E27" s="222">
        <v>194</v>
      </c>
      <c r="F27" s="213">
        <v>0</v>
      </c>
      <c r="G27" s="221">
        <v>311</v>
      </c>
      <c r="H27" s="221">
        <v>262</v>
      </c>
      <c r="I27" s="221">
        <v>188</v>
      </c>
      <c r="J27" s="221">
        <v>110</v>
      </c>
      <c r="K27" s="221">
        <v>77</v>
      </c>
      <c r="L27" s="222">
        <v>948</v>
      </c>
      <c r="M27" s="223">
        <v>1142</v>
      </c>
      <c r="N27" s="224">
        <v>2</v>
      </c>
      <c r="O27" s="221">
        <v>1</v>
      </c>
      <c r="P27" s="222">
        <v>3</v>
      </c>
      <c r="Q27" s="213">
        <v>0</v>
      </c>
      <c r="R27" s="221">
        <v>8</v>
      </c>
      <c r="S27" s="221">
        <v>4</v>
      </c>
      <c r="T27" s="221">
        <v>4</v>
      </c>
      <c r="U27" s="221">
        <v>4</v>
      </c>
      <c r="V27" s="221">
        <v>1</v>
      </c>
      <c r="W27" s="222">
        <v>21</v>
      </c>
      <c r="X27" s="223">
        <v>24</v>
      </c>
      <c r="Y27" s="220">
        <v>86</v>
      </c>
      <c r="Z27" s="221">
        <v>111</v>
      </c>
      <c r="AA27" s="222">
        <v>197</v>
      </c>
      <c r="AB27" s="213">
        <v>0</v>
      </c>
      <c r="AC27" s="221">
        <v>319</v>
      </c>
      <c r="AD27" s="221">
        <v>266</v>
      </c>
      <c r="AE27" s="221">
        <v>192</v>
      </c>
      <c r="AF27" s="221">
        <v>114</v>
      </c>
      <c r="AG27" s="221">
        <v>78</v>
      </c>
      <c r="AH27" s="222">
        <v>969</v>
      </c>
      <c r="AI27" s="223">
        <v>1166</v>
      </c>
    </row>
    <row r="28" spans="2:35" ht="21" customHeight="1" x14ac:dyDescent="0.2">
      <c r="B28" s="49" t="s">
        <v>27</v>
      </c>
      <c r="C28" s="220">
        <v>120</v>
      </c>
      <c r="D28" s="221">
        <v>186</v>
      </c>
      <c r="E28" s="222">
        <v>306</v>
      </c>
      <c r="F28" s="213">
        <v>0</v>
      </c>
      <c r="G28" s="221">
        <v>254</v>
      </c>
      <c r="H28" s="221">
        <v>186</v>
      </c>
      <c r="I28" s="221">
        <v>149</v>
      </c>
      <c r="J28" s="221">
        <v>113</v>
      </c>
      <c r="K28" s="221">
        <v>65</v>
      </c>
      <c r="L28" s="222">
        <v>767</v>
      </c>
      <c r="M28" s="223">
        <v>1073</v>
      </c>
      <c r="N28" s="224">
        <v>2</v>
      </c>
      <c r="O28" s="221">
        <v>2</v>
      </c>
      <c r="P28" s="222">
        <v>4</v>
      </c>
      <c r="Q28" s="213">
        <v>0</v>
      </c>
      <c r="R28" s="221">
        <v>6</v>
      </c>
      <c r="S28" s="221">
        <v>5</v>
      </c>
      <c r="T28" s="221">
        <v>2</v>
      </c>
      <c r="U28" s="221">
        <v>1</v>
      </c>
      <c r="V28" s="221">
        <v>3</v>
      </c>
      <c r="W28" s="222">
        <v>17</v>
      </c>
      <c r="X28" s="223">
        <v>21</v>
      </c>
      <c r="Y28" s="220">
        <v>122</v>
      </c>
      <c r="Z28" s="221">
        <v>188</v>
      </c>
      <c r="AA28" s="222">
        <v>310</v>
      </c>
      <c r="AB28" s="213">
        <v>0</v>
      </c>
      <c r="AC28" s="221">
        <v>260</v>
      </c>
      <c r="AD28" s="221">
        <v>191</v>
      </c>
      <c r="AE28" s="221">
        <v>151</v>
      </c>
      <c r="AF28" s="221">
        <v>114</v>
      </c>
      <c r="AG28" s="221">
        <v>68</v>
      </c>
      <c r="AH28" s="222">
        <v>784</v>
      </c>
      <c r="AI28" s="223">
        <v>1094</v>
      </c>
    </row>
    <row r="29" spans="2:35" ht="21" customHeight="1" x14ac:dyDescent="0.2">
      <c r="B29" s="49" t="s">
        <v>28</v>
      </c>
      <c r="C29" s="220">
        <v>12</v>
      </c>
      <c r="D29" s="221">
        <v>21</v>
      </c>
      <c r="E29" s="222">
        <v>33</v>
      </c>
      <c r="F29" s="213">
        <v>0</v>
      </c>
      <c r="G29" s="221">
        <v>77</v>
      </c>
      <c r="H29" s="221">
        <v>88</v>
      </c>
      <c r="I29" s="221">
        <v>54</v>
      </c>
      <c r="J29" s="221">
        <v>46</v>
      </c>
      <c r="K29" s="221">
        <v>16</v>
      </c>
      <c r="L29" s="222">
        <v>281</v>
      </c>
      <c r="M29" s="223">
        <v>314</v>
      </c>
      <c r="N29" s="224">
        <v>0</v>
      </c>
      <c r="O29" s="221">
        <v>0</v>
      </c>
      <c r="P29" s="222">
        <v>0</v>
      </c>
      <c r="Q29" s="213">
        <v>0</v>
      </c>
      <c r="R29" s="221">
        <v>0</v>
      </c>
      <c r="S29" s="221">
        <v>4</v>
      </c>
      <c r="T29" s="221">
        <v>0</v>
      </c>
      <c r="U29" s="221">
        <v>0</v>
      </c>
      <c r="V29" s="221">
        <v>3</v>
      </c>
      <c r="W29" s="222">
        <v>7</v>
      </c>
      <c r="X29" s="223">
        <v>7</v>
      </c>
      <c r="Y29" s="220">
        <v>12</v>
      </c>
      <c r="Z29" s="221">
        <v>21</v>
      </c>
      <c r="AA29" s="222">
        <v>33</v>
      </c>
      <c r="AB29" s="213">
        <v>0</v>
      </c>
      <c r="AC29" s="221">
        <v>77</v>
      </c>
      <c r="AD29" s="221">
        <v>92</v>
      </c>
      <c r="AE29" s="221">
        <v>54</v>
      </c>
      <c r="AF29" s="221">
        <v>46</v>
      </c>
      <c r="AG29" s="221">
        <v>19</v>
      </c>
      <c r="AH29" s="222">
        <v>288</v>
      </c>
      <c r="AI29" s="223">
        <v>321</v>
      </c>
    </row>
    <row r="30" spans="2:35" ht="21" customHeight="1" x14ac:dyDescent="0.2">
      <c r="B30" s="49" t="s">
        <v>29</v>
      </c>
      <c r="C30" s="220">
        <v>25</v>
      </c>
      <c r="D30" s="221">
        <v>41</v>
      </c>
      <c r="E30" s="222">
        <v>66</v>
      </c>
      <c r="F30" s="213">
        <v>0</v>
      </c>
      <c r="G30" s="221">
        <v>105</v>
      </c>
      <c r="H30" s="221">
        <v>101</v>
      </c>
      <c r="I30" s="221">
        <v>72</v>
      </c>
      <c r="J30" s="221">
        <v>46</v>
      </c>
      <c r="K30" s="221">
        <v>26</v>
      </c>
      <c r="L30" s="222">
        <v>350</v>
      </c>
      <c r="M30" s="223">
        <v>416</v>
      </c>
      <c r="N30" s="224">
        <v>1</v>
      </c>
      <c r="O30" s="221">
        <v>2</v>
      </c>
      <c r="P30" s="222">
        <v>3</v>
      </c>
      <c r="Q30" s="213">
        <v>0</v>
      </c>
      <c r="R30" s="221">
        <v>3</v>
      </c>
      <c r="S30" s="221">
        <v>4</v>
      </c>
      <c r="T30" s="221">
        <v>3</v>
      </c>
      <c r="U30" s="221">
        <v>1</v>
      </c>
      <c r="V30" s="221">
        <v>0</v>
      </c>
      <c r="W30" s="222">
        <v>11</v>
      </c>
      <c r="X30" s="223">
        <v>14</v>
      </c>
      <c r="Y30" s="220">
        <v>26</v>
      </c>
      <c r="Z30" s="221">
        <v>43</v>
      </c>
      <c r="AA30" s="222">
        <v>69</v>
      </c>
      <c r="AB30" s="213">
        <v>0</v>
      </c>
      <c r="AC30" s="221">
        <v>108</v>
      </c>
      <c r="AD30" s="221">
        <v>105</v>
      </c>
      <c r="AE30" s="221">
        <v>75</v>
      </c>
      <c r="AF30" s="221">
        <v>47</v>
      </c>
      <c r="AG30" s="221">
        <v>26</v>
      </c>
      <c r="AH30" s="222">
        <v>361</v>
      </c>
      <c r="AI30" s="223">
        <v>430</v>
      </c>
    </row>
    <row r="31" spans="2:35" ht="21" customHeight="1" x14ac:dyDescent="0.2">
      <c r="B31" s="49" t="s">
        <v>30</v>
      </c>
      <c r="C31" s="220">
        <v>41</v>
      </c>
      <c r="D31" s="221">
        <v>31</v>
      </c>
      <c r="E31" s="222">
        <v>72</v>
      </c>
      <c r="F31" s="213">
        <v>0</v>
      </c>
      <c r="G31" s="221">
        <v>96</v>
      </c>
      <c r="H31" s="221">
        <v>74</v>
      </c>
      <c r="I31" s="221">
        <v>61</v>
      </c>
      <c r="J31" s="221">
        <v>48</v>
      </c>
      <c r="K31" s="221">
        <v>14</v>
      </c>
      <c r="L31" s="222">
        <v>293</v>
      </c>
      <c r="M31" s="223">
        <v>365</v>
      </c>
      <c r="N31" s="224">
        <v>0</v>
      </c>
      <c r="O31" s="221">
        <v>0</v>
      </c>
      <c r="P31" s="222">
        <v>0</v>
      </c>
      <c r="Q31" s="213">
        <v>0</v>
      </c>
      <c r="R31" s="221">
        <v>2</v>
      </c>
      <c r="S31" s="221">
        <v>0</v>
      </c>
      <c r="T31" s="221">
        <v>2</v>
      </c>
      <c r="U31" s="221">
        <v>2</v>
      </c>
      <c r="V31" s="221">
        <v>0</v>
      </c>
      <c r="W31" s="222">
        <v>6</v>
      </c>
      <c r="X31" s="223">
        <v>6</v>
      </c>
      <c r="Y31" s="220">
        <v>41</v>
      </c>
      <c r="Z31" s="221">
        <v>31</v>
      </c>
      <c r="AA31" s="222">
        <v>72</v>
      </c>
      <c r="AB31" s="213">
        <v>0</v>
      </c>
      <c r="AC31" s="221">
        <v>98</v>
      </c>
      <c r="AD31" s="221">
        <v>74</v>
      </c>
      <c r="AE31" s="221">
        <v>63</v>
      </c>
      <c r="AF31" s="221">
        <v>50</v>
      </c>
      <c r="AG31" s="221">
        <v>14</v>
      </c>
      <c r="AH31" s="222">
        <v>299</v>
      </c>
      <c r="AI31" s="223">
        <v>371</v>
      </c>
    </row>
    <row r="32" spans="2:35" ht="21" customHeight="1" x14ac:dyDescent="0.2">
      <c r="B32" s="49" t="s">
        <v>31</v>
      </c>
      <c r="C32" s="220">
        <v>27</v>
      </c>
      <c r="D32" s="221">
        <v>57</v>
      </c>
      <c r="E32" s="222">
        <v>84</v>
      </c>
      <c r="F32" s="213">
        <v>0</v>
      </c>
      <c r="G32" s="221">
        <v>113</v>
      </c>
      <c r="H32" s="221">
        <v>92</v>
      </c>
      <c r="I32" s="221">
        <v>51</v>
      </c>
      <c r="J32" s="221">
        <v>42</v>
      </c>
      <c r="K32" s="221">
        <v>17</v>
      </c>
      <c r="L32" s="222">
        <v>315</v>
      </c>
      <c r="M32" s="223">
        <v>399</v>
      </c>
      <c r="N32" s="224">
        <v>0</v>
      </c>
      <c r="O32" s="221">
        <v>3</v>
      </c>
      <c r="P32" s="222">
        <v>3</v>
      </c>
      <c r="Q32" s="213">
        <v>0</v>
      </c>
      <c r="R32" s="221">
        <v>3</v>
      </c>
      <c r="S32" s="221">
        <v>0</v>
      </c>
      <c r="T32" s="221">
        <v>0</v>
      </c>
      <c r="U32" s="221">
        <v>3</v>
      </c>
      <c r="V32" s="221">
        <v>1</v>
      </c>
      <c r="W32" s="222">
        <v>7</v>
      </c>
      <c r="X32" s="223">
        <v>10</v>
      </c>
      <c r="Y32" s="220">
        <v>27</v>
      </c>
      <c r="Z32" s="221">
        <v>60</v>
      </c>
      <c r="AA32" s="222">
        <v>87</v>
      </c>
      <c r="AB32" s="213">
        <v>0</v>
      </c>
      <c r="AC32" s="221">
        <v>116</v>
      </c>
      <c r="AD32" s="221">
        <v>92</v>
      </c>
      <c r="AE32" s="221">
        <v>51</v>
      </c>
      <c r="AF32" s="221">
        <v>45</v>
      </c>
      <c r="AG32" s="221">
        <v>18</v>
      </c>
      <c r="AH32" s="222">
        <v>322</v>
      </c>
      <c r="AI32" s="223">
        <v>409</v>
      </c>
    </row>
    <row r="33" spans="2:35" ht="21" customHeight="1" x14ac:dyDescent="0.2">
      <c r="B33" s="49" t="s">
        <v>32</v>
      </c>
      <c r="C33" s="220">
        <v>26</v>
      </c>
      <c r="D33" s="221">
        <v>51</v>
      </c>
      <c r="E33" s="222">
        <v>77</v>
      </c>
      <c r="F33" s="213">
        <v>0</v>
      </c>
      <c r="G33" s="221">
        <v>136</v>
      </c>
      <c r="H33" s="221">
        <v>126</v>
      </c>
      <c r="I33" s="221">
        <v>73</v>
      </c>
      <c r="J33" s="221">
        <v>54</v>
      </c>
      <c r="K33" s="221">
        <v>31</v>
      </c>
      <c r="L33" s="222">
        <v>420</v>
      </c>
      <c r="M33" s="223">
        <v>497</v>
      </c>
      <c r="N33" s="224">
        <v>0</v>
      </c>
      <c r="O33" s="221">
        <v>1</v>
      </c>
      <c r="P33" s="222">
        <v>1</v>
      </c>
      <c r="Q33" s="213">
        <v>0</v>
      </c>
      <c r="R33" s="221">
        <v>6</v>
      </c>
      <c r="S33" s="221">
        <v>6</v>
      </c>
      <c r="T33" s="221">
        <v>2</v>
      </c>
      <c r="U33" s="221">
        <v>2</v>
      </c>
      <c r="V33" s="221">
        <v>4</v>
      </c>
      <c r="W33" s="222">
        <v>20</v>
      </c>
      <c r="X33" s="223">
        <v>21</v>
      </c>
      <c r="Y33" s="220">
        <v>26</v>
      </c>
      <c r="Z33" s="221">
        <v>52</v>
      </c>
      <c r="AA33" s="222">
        <v>78</v>
      </c>
      <c r="AB33" s="213">
        <v>0</v>
      </c>
      <c r="AC33" s="221">
        <v>142</v>
      </c>
      <c r="AD33" s="221">
        <v>132</v>
      </c>
      <c r="AE33" s="221">
        <v>75</v>
      </c>
      <c r="AF33" s="221">
        <v>56</v>
      </c>
      <c r="AG33" s="221">
        <v>35</v>
      </c>
      <c r="AH33" s="222">
        <v>440</v>
      </c>
      <c r="AI33" s="223">
        <v>518</v>
      </c>
    </row>
    <row r="34" spans="2:35" ht="21" customHeight="1" x14ac:dyDescent="0.2">
      <c r="B34" s="49" t="s">
        <v>33</v>
      </c>
      <c r="C34" s="220">
        <v>37</v>
      </c>
      <c r="D34" s="221">
        <v>61</v>
      </c>
      <c r="E34" s="222">
        <v>98</v>
      </c>
      <c r="F34" s="213">
        <v>0</v>
      </c>
      <c r="G34" s="221">
        <v>137</v>
      </c>
      <c r="H34" s="221">
        <v>92</v>
      </c>
      <c r="I34" s="221">
        <v>67</v>
      </c>
      <c r="J34" s="221">
        <v>26</v>
      </c>
      <c r="K34" s="221">
        <v>25</v>
      </c>
      <c r="L34" s="222">
        <v>347</v>
      </c>
      <c r="M34" s="223">
        <v>445</v>
      </c>
      <c r="N34" s="224">
        <v>0</v>
      </c>
      <c r="O34" s="221">
        <v>0</v>
      </c>
      <c r="P34" s="222">
        <v>0</v>
      </c>
      <c r="Q34" s="213">
        <v>0</v>
      </c>
      <c r="R34" s="221">
        <v>2</v>
      </c>
      <c r="S34" s="221">
        <v>1</v>
      </c>
      <c r="T34" s="221">
        <v>0</v>
      </c>
      <c r="U34" s="221">
        <v>0</v>
      </c>
      <c r="V34" s="221">
        <v>1</v>
      </c>
      <c r="W34" s="222">
        <v>4</v>
      </c>
      <c r="X34" s="223">
        <v>4</v>
      </c>
      <c r="Y34" s="220">
        <v>37</v>
      </c>
      <c r="Z34" s="221">
        <v>61</v>
      </c>
      <c r="AA34" s="222">
        <v>98</v>
      </c>
      <c r="AB34" s="213">
        <v>0</v>
      </c>
      <c r="AC34" s="221">
        <v>139</v>
      </c>
      <c r="AD34" s="221">
        <v>93</v>
      </c>
      <c r="AE34" s="221">
        <v>67</v>
      </c>
      <c r="AF34" s="221">
        <v>26</v>
      </c>
      <c r="AG34" s="221">
        <v>26</v>
      </c>
      <c r="AH34" s="222">
        <v>351</v>
      </c>
      <c r="AI34" s="223">
        <v>449</v>
      </c>
    </row>
    <row r="35" spans="2:35" ht="21" customHeight="1" x14ac:dyDescent="0.2">
      <c r="B35" s="49" t="s">
        <v>34</v>
      </c>
      <c r="C35" s="220">
        <v>19</v>
      </c>
      <c r="D35" s="221">
        <v>25</v>
      </c>
      <c r="E35" s="222">
        <v>44</v>
      </c>
      <c r="F35" s="213">
        <v>0</v>
      </c>
      <c r="G35" s="221">
        <v>96</v>
      </c>
      <c r="H35" s="221">
        <v>73</v>
      </c>
      <c r="I35" s="221">
        <v>33</v>
      </c>
      <c r="J35" s="221">
        <v>36</v>
      </c>
      <c r="K35" s="221">
        <v>18</v>
      </c>
      <c r="L35" s="222">
        <v>256</v>
      </c>
      <c r="M35" s="223">
        <v>300</v>
      </c>
      <c r="N35" s="224">
        <v>0</v>
      </c>
      <c r="O35" s="221">
        <v>0</v>
      </c>
      <c r="P35" s="222">
        <v>0</v>
      </c>
      <c r="Q35" s="213">
        <v>0</v>
      </c>
      <c r="R35" s="221">
        <v>4</v>
      </c>
      <c r="S35" s="221">
        <v>3</v>
      </c>
      <c r="T35" s="221">
        <v>1</v>
      </c>
      <c r="U35" s="221">
        <v>1</v>
      </c>
      <c r="V35" s="221">
        <v>1</v>
      </c>
      <c r="W35" s="222">
        <v>10</v>
      </c>
      <c r="X35" s="223">
        <v>10</v>
      </c>
      <c r="Y35" s="220">
        <v>19</v>
      </c>
      <c r="Z35" s="221">
        <v>25</v>
      </c>
      <c r="AA35" s="222">
        <v>44</v>
      </c>
      <c r="AB35" s="213">
        <v>0</v>
      </c>
      <c r="AC35" s="221">
        <v>100</v>
      </c>
      <c r="AD35" s="221">
        <v>76</v>
      </c>
      <c r="AE35" s="221">
        <v>34</v>
      </c>
      <c r="AF35" s="221">
        <v>37</v>
      </c>
      <c r="AG35" s="221">
        <v>19</v>
      </c>
      <c r="AH35" s="222">
        <v>266</v>
      </c>
      <c r="AI35" s="223">
        <v>310</v>
      </c>
    </row>
    <row r="36" spans="2:35" ht="21" customHeight="1" x14ac:dyDescent="0.2">
      <c r="B36" s="49" t="s">
        <v>35</v>
      </c>
      <c r="C36" s="220">
        <v>76</v>
      </c>
      <c r="D36" s="221">
        <v>115</v>
      </c>
      <c r="E36" s="222">
        <v>191</v>
      </c>
      <c r="F36" s="213">
        <v>0</v>
      </c>
      <c r="G36" s="221">
        <v>396</v>
      </c>
      <c r="H36" s="221">
        <v>220</v>
      </c>
      <c r="I36" s="221">
        <v>134</v>
      </c>
      <c r="J36" s="221">
        <v>136</v>
      </c>
      <c r="K36" s="221">
        <v>53</v>
      </c>
      <c r="L36" s="222">
        <v>939</v>
      </c>
      <c r="M36" s="223">
        <v>1130</v>
      </c>
      <c r="N36" s="224">
        <v>0</v>
      </c>
      <c r="O36" s="221">
        <v>1</v>
      </c>
      <c r="P36" s="222">
        <v>1</v>
      </c>
      <c r="Q36" s="213">
        <v>0</v>
      </c>
      <c r="R36" s="221">
        <v>2</v>
      </c>
      <c r="S36" s="221">
        <v>5</v>
      </c>
      <c r="T36" s="221">
        <v>2</v>
      </c>
      <c r="U36" s="221">
        <v>2</v>
      </c>
      <c r="V36" s="221">
        <v>1</v>
      </c>
      <c r="W36" s="222">
        <v>12</v>
      </c>
      <c r="X36" s="223">
        <v>13</v>
      </c>
      <c r="Y36" s="220">
        <v>76</v>
      </c>
      <c r="Z36" s="221">
        <v>116</v>
      </c>
      <c r="AA36" s="222">
        <v>192</v>
      </c>
      <c r="AB36" s="213">
        <v>0</v>
      </c>
      <c r="AC36" s="221">
        <v>398</v>
      </c>
      <c r="AD36" s="221">
        <v>225</v>
      </c>
      <c r="AE36" s="221">
        <v>136</v>
      </c>
      <c r="AF36" s="221">
        <v>138</v>
      </c>
      <c r="AG36" s="221">
        <v>54</v>
      </c>
      <c r="AH36" s="222">
        <v>951</v>
      </c>
      <c r="AI36" s="223">
        <v>1143</v>
      </c>
    </row>
    <row r="37" spans="2:35" ht="21" customHeight="1" x14ac:dyDescent="0.2">
      <c r="B37" s="49" t="s">
        <v>36</v>
      </c>
      <c r="C37" s="220">
        <v>49</v>
      </c>
      <c r="D37" s="221">
        <v>123</v>
      </c>
      <c r="E37" s="222">
        <v>172</v>
      </c>
      <c r="F37" s="213">
        <v>0</v>
      </c>
      <c r="G37" s="221">
        <v>291</v>
      </c>
      <c r="H37" s="221">
        <v>270</v>
      </c>
      <c r="I37" s="221">
        <v>132</v>
      </c>
      <c r="J37" s="221">
        <v>124</v>
      </c>
      <c r="K37" s="221">
        <v>77</v>
      </c>
      <c r="L37" s="222">
        <v>894</v>
      </c>
      <c r="M37" s="223">
        <v>1066</v>
      </c>
      <c r="N37" s="224">
        <v>1</v>
      </c>
      <c r="O37" s="221">
        <v>5</v>
      </c>
      <c r="P37" s="222">
        <v>6</v>
      </c>
      <c r="Q37" s="213">
        <v>0</v>
      </c>
      <c r="R37" s="221">
        <v>9</v>
      </c>
      <c r="S37" s="221">
        <v>4</v>
      </c>
      <c r="T37" s="221">
        <v>7</v>
      </c>
      <c r="U37" s="221">
        <v>1</v>
      </c>
      <c r="V37" s="221">
        <v>4</v>
      </c>
      <c r="W37" s="222">
        <v>25</v>
      </c>
      <c r="X37" s="223">
        <v>31</v>
      </c>
      <c r="Y37" s="220">
        <v>50</v>
      </c>
      <c r="Z37" s="221">
        <v>128</v>
      </c>
      <c r="AA37" s="222">
        <v>178</v>
      </c>
      <c r="AB37" s="213">
        <v>0</v>
      </c>
      <c r="AC37" s="221">
        <v>300</v>
      </c>
      <c r="AD37" s="221">
        <v>274</v>
      </c>
      <c r="AE37" s="221">
        <v>139</v>
      </c>
      <c r="AF37" s="221">
        <v>125</v>
      </c>
      <c r="AG37" s="221">
        <v>81</v>
      </c>
      <c r="AH37" s="222">
        <v>919</v>
      </c>
      <c r="AI37" s="223">
        <v>1097</v>
      </c>
    </row>
    <row r="38" spans="2:35" ht="21" customHeight="1" thickBot="1" x14ac:dyDescent="0.25">
      <c r="B38" s="50" t="s">
        <v>37</v>
      </c>
      <c r="C38" s="225">
        <v>14</v>
      </c>
      <c r="D38" s="226">
        <v>5</v>
      </c>
      <c r="E38" s="227">
        <v>19</v>
      </c>
      <c r="F38" s="214">
        <v>0</v>
      </c>
      <c r="G38" s="226">
        <v>28</v>
      </c>
      <c r="H38" s="226">
        <v>17</v>
      </c>
      <c r="I38" s="226">
        <v>23</v>
      </c>
      <c r="J38" s="226">
        <v>13</v>
      </c>
      <c r="K38" s="226">
        <v>6</v>
      </c>
      <c r="L38" s="227">
        <v>87</v>
      </c>
      <c r="M38" s="228">
        <v>106</v>
      </c>
      <c r="N38" s="229">
        <v>0</v>
      </c>
      <c r="O38" s="226">
        <v>0</v>
      </c>
      <c r="P38" s="227">
        <v>0</v>
      </c>
      <c r="Q38" s="214">
        <v>0</v>
      </c>
      <c r="R38" s="226">
        <v>2</v>
      </c>
      <c r="S38" s="226">
        <v>1</v>
      </c>
      <c r="T38" s="226">
        <v>1</v>
      </c>
      <c r="U38" s="226">
        <v>2</v>
      </c>
      <c r="V38" s="226">
        <v>0</v>
      </c>
      <c r="W38" s="227">
        <v>6</v>
      </c>
      <c r="X38" s="228">
        <v>6</v>
      </c>
      <c r="Y38" s="225">
        <v>14</v>
      </c>
      <c r="Z38" s="226">
        <v>5</v>
      </c>
      <c r="AA38" s="227">
        <v>19</v>
      </c>
      <c r="AB38" s="214">
        <v>0</v>
      </c>
      <c r="AC38" s="226">
        <v>30</v>
      </c>
      <c r="AD38" s="226">
        <v>18</v>
      </c>
      <c r="AE38" s="226">
        <v>24</v>
      </c>
      <c r="AF38" s="226">
        <v>15</v>
      </c>
      <c r="AG38" s="226">
        <v>6</v>
      </c>
      <c r="AH38" s="227">
        <v>93</v>
      </c>
      <c r="AI38" s="228">
        <v>112</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21875" style="255" customWidth="1"/>
    <col min="2" max="2" width="10.77734375" style="255" customWidth="1"/>
    <col min="3"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5">
        <f>第１表!F2</f>
        <v>5</v>
      </c>
      <c r="J1" s="525"/>
      <c r="K1" s="248">
        <f>第１表!G2</f>
        <v>7</v>
      </c>
      <c r="L1" s="529">
        <f>IF(K1&lt;3,K1+12-2,K1-2)</f>
        <v>5</v>
      </c>
      <c r="M1" s="529"/>
    </row>
    <row r="2" spans="2:156" ht="24" customHeight="1" thickBot="1" x14ac:dyDescent="0.25">
      <c r="B2" s="290" t="s">
        <v>137</v>
      </c>
      <c r="G2" s="247"/>
      <c r="H2" s="248"/>
      <c r="J2" s="254"/>
      <c r="K2" s="254"/>
    </row>
    <row r="3" spans="2:156" ht="21" customHeight="1" thickBot="1" x14ac:dyDescent="0.25">
      <c r="B3" s="542"/>
      <c r="C3" s="533" t="s">
        <v>70</v>
      </c>
      <c r="D3" s="534"/>
      <c r="E3" s="534"/>
      <c r="F3" s="534"/>
      <c r="G3" s="534"/>
      <c r="H3" s="534"/>
      <c r="I3" s="534"/>
      <c r="J3" s="534"/>
      <c r="K3" s="534"/>
      <c r="L3" s="534"/>
      <c r="M3" s="535"/>
      <c r="N3" s="533" t="s">
        <v>71</v>
      </c>
      <c r="O3" s="534"/>
      <c r="P3" s="534"/>
      <c r="Q3" s="534"/>
      <c r="R3" s="534"/>
      <c r="S3" s="534"/>
      <c r="T3" s="534"/>
      <c r="U3" s="534"/>
      <c r="V3" s="534"/>
      <c r="W3" s="534"/>
      <c r="X3" s="535"/>
      <c r="Y3" s="533" t="s">
        <v>72</v>
      </c>
      <c r="Z3" s="534"/>
      <c r="AA3" s="534"/>
      <c r="AB3" s="534"/>
      <c r="AC3" s="534"/>
      <c r="AD3" s="534"/>
      <c r="AE3" s="534"/>
      <c r="AF3" s="534"/>
      <c r="AG3" s="534"/>
      <c r="AH3" s="534"/>
      <c r="AI3" s="535"/>
      <c r="AJ3" s="533" t="s">
        <v>73</v>
      </c>
      <c r="AK3" s="534"/>
      <c r="AL3" s="534"/>
      <c r="AM3" s="534"/>
      <c r="AN3" s="534"/>
      <c r="AO3" s="534"/>
      <c r="AP3" s="534"/>
      <c r="AQ3" s="534"/>
      <c r="AR3" s="534"/>
      <c r="AS3" s="534"/>
      <c r="AT3" s="535"/>
      <c r="AU3" s="533" t="s">
        <v>74</v>
      </c>
      <c r="AV3" s="534"/>
      <c r="AW3" s="534"/>
      <c r="AX3" s="534"/>
      <c r="AY3" s="534"/>
      <c r="AZ3" s="534"/>
      <c r="BA3" s="534"/>
      <c r="BB3" s="534"/>
      <c r="BC3" s="534"/>
      <c r="BD3" s="534"/>
      <c r="BE3" s="535"/>
      <c r="BF3" s="533" t="s">
        <v>75</v>
      </c>
      <c r="BG3" s="534"/>
      <c r="BH3" s="534"/>
      <c r="BI3" s="534"/>
      <c r="BJ3" s="534"/>
      <c r="BK3" s="534"/>
      <c r="BL3" s="534"/>
      <c r="BM3" s="534"/>
      <c r="BN3" s="534"/>
      <c r="BO3" s="534"/>
      <c r="BP3" s="535"/>
      <c r="BQ3" s="533" t="s">
        <v>76</v>
      </c>
      <c r="BR3" s="534"/>
      <c r="BS3" s="534"/>
      <c r="BT3" s="534"/>
      <c r="BU3" s="534"/>
      <c r="BV3" s="534"/>
      <c r="BW3" s="534"/>
      <c r="BX3" s="534"/>
      <c r="BY3" s="534"/>
      <c r="BZ3" s="534"/>
      <c r="CA3" s="535"/>
      <c r="CB3" s="533" t="s">
        <v>77</v>
      </c>
      <c r="CC3" s="534"/>
      <c r="CD3" s="534"/>
      <c r="CE3" s="534"/>
      <c r="CF3" s="534"/>
      <c r="CG3" s="534"/>
      <c r="CH3" s="534"/>
      <c r="CI3" s="534"/>
      <c r="CJ3" s="534"/>
      <c r="CK3" s="534"/>
      <c r="CL3" s="535"/>
      <c r="CM3" s="533" t="s">
        <v>78</v>
      </c>
      <c r="CN3" s="534"/>
      <c r="CO3" s="534"/>
      <c r="CP3" s="534"/>
      <c r="CQ3" s="534"/>
      <c r="CR3" s="534"/>
      <c r="CS3" s="534"/>
      <c r="CT3" s="534"/>
      <c r="CU3" s="534"/>
      <c r="CV3" s="534"/>
      <c r="CW3" s="535"/>
      <c r="CX3" s="533" t="s">
        <v>79</v>
      </c>
      <c r="CY3" s="534"/>
      <c r="CZ3" s="534"/>
      <c r="DA3" s="534"/>
      <c r="DB3" s="534"/>
      <c r="DC3" s="534"/>
      <c r="DD3" s="534"/>
      <c r="DE3" s="534"/>
      <c r="DF3" s="534"/>
      <c r="DG3" s="534"/>
      <c r="DH3" s="535"/>
      <c r="DI3" s="533" t="s">
        <v>151</v>
      </c>
      <c r="DJ3" s="534"/>
      <c r="DK3" s="534"/>
      <c r="DL3" s="534"/>
      <c r="DM3" s="534"/>
      <c r="DN3" s="534"/>
      <c r="DO3" s="534"/>
      <c r="DP3" s="534"/>
      <c r="DQ3" s="534"/>
      <c r="DR3" s="534"/>
      <c r="DS3" s="535"/>
      <c r="DT3" s="533" t="s">
        <v>80</v>
      </c>
      <c r="DU3" s="534"/>
      <c r="DV3" s="534"/>
      <c r="DW3" s="534"/>
      <c r="DX3" s="534"/>
      <c r="DY3" s="534"/>
      <c r="DZ3" s="534"/>
      <c r="EA3" s="534"/>
      <c r="EB3" s="534"/>
      <c r="EC3" s="534"/>
      <c r="ED3" s="535"/>
      <c r="EE3" s="533" t="s">
        <v>68</v>
      </c>
      <c r="EF3" s="534"/>
      <c r="EG3" s="534"/>
      <c r="EH3" s="534"/>
      <c r="EI3" s="534"/>
      <c r="EJ3" s="534"/>
      <c r="EK3" s="534"/>
      <c r="EL3" s="534"/>
      <c r="EM3" s="534"/>
      <c r="EN3" s="534"/>
      <c r="EO3" s="535"/>
      <c r="EP3" s="530" t="s">
        <v>69</v>
      </c>
      <c r="EQ3" s="531"/>
      <c r="ER3" s="531"/>
      <c r="ES3" s="531"/>
      <c r="ET3" s="531"/>
      <c r="EU3" s="531"/>
      <c r="EV3" s="531"/>
      <c r="EW3" s="531"/>
      <c r="EX3" s="531"/>
      <c r="EY3" s="531"/>
      <c r="EZ3" s="532"/>
    </row>
    <row r="4" spans="2:156" ht="21"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38"/>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c r="DI4" s="541" t="s">
        <v>61</v>
      </c>
      <c r="DJ4" s="537"/>
      <c r="DK4" s="538"/>
      <c r="DL4" s="536" t="s">
        <v>62</v>
      </c>
      <c r="DM4" s="537"/>
      <c r="DN4" s="537"/>
      <c r="DO4" s="537"/>
      <c r="DP4" s="537"/>
      <c r="DQ4" s="537"/>
      <c r="DR4" s="538"/>
      <c r="DS4" s="539" t="s">
        <v>52</v>
      </c>
      <c r="DT4" s="541" t="s">
        <v>61</v>
      </c>
      <c r="DU4" s="537"/>
      <c r="DV4" s="538"/>
      <c r="DW4" s="536" t="s">
        <v>62</v>
      </c>
      <c r="DX4" s="537"/>
      <c r="DY4" s="537"/>
      <c r="DZ4" s="537"/>
      <c r="EA4" s="537"/>
      <c r="EB4" s="537"/>
      <c r="EC4" s="538"/>
      <c r="ED4" s="539" t="s">
        <v>52</v>
      </c>
      <c r="EE4" s="541" t="s">
        <v>61</v>
      </c>
      <c r="EF4" s="537"/>
      <c r="EG4" s="538"/>
      <c r="EH4" s="536" t="s">
        <v>62</v>
      </c>
      <c r="EI4" s="537"/>
      <c r="EJ4" s="537"/>
      <c r="EK4" s="537"/>
      <c r="EL4" s="537"/>
      <c r="EM4" s="537"/>
      <c r="EN4" s="538"/>
      <c r="EO4" s="539" t="s">
        <v>52</v>
      </c>
      <c r="EP4" s="541" t="s">
        <v>61</v>
      </c>
      <c r="EQ4" s="537"/>
      <c r="ER4" s="538"/>
      <c r="ES4" s="536" t="s">
        <v>62</v>
      </c>
      <c r="ET4" s="537"/>
      <c r="EU4" s="537"/>
      <c r="EV4" s="537"/>
      <c r="EW4" s="537"/>
      <c r="EX4" s="537"/>
      <c r="EY4" s="538"/>
      <c r="EZ4" s="539" t="s">
        <v>52</v>
      </c>
    </row>
    <row r="5" spans="2:156" ht="30" customHeight="1" thickBot="1" x14ac:dyDescent="0.25">
      <c r="B5" s="544"/>
      <c r="C5" s="263" t="s">
        <v>43</v>
      </c>
      <c r="D5" s="259" t="s">
        <v>44</v>
      </c>
      <c r="E5" s="380" t="s">
        <v>45</v>
      </c>
      <c r="F5" s="267" t="s">
        <v>83</v>
      </c>
      <c r="G5" s="259" t="s">
        <v>47</v>
      </c>
      <c r="H5" s="259" t="s">
        <v>48</v>
      </c>
      <c r="I5" s="259" t="s">
        <v>49</v>
      </c>
      <c r="J5" s="259" t="s">
        <v>50</v>
      </c>
      <c r="K5" s="259" t="s">
        <v>51</v>
      </c>
      <c r="L5" s="268" t="s">
        <v>45</v>
      </c>
      <c r="M5" s="540"/>
      <c r="N5" s="263" t="s">
        <v>43</v>
      </c>
      <c r="O5" s="259" t="s">
        <v>44</v>
      </c>
      <c r="P5" s="265" t="s">
        <v>45</v>
      </c>
      <c r="Q5" s="267" t="s">
        <v>83</v>
      </c>
      <c r="R5" s="259" t="s">
        <v>47</v>
      </c>
      <c r="S5" s="259" t="s">
        <v>48</v>
      </c>
      <c r="T5" s="259" t="s">
        <v>49</v>
      </c>
      <c r="U5" s="259" t="s">
        <v>50</v>
      </c>
      <c r="V5" s="259" t="s">
        <v>51</v>
      </c>
      <c r="W5" s="265" t="s">
        <v>45</v>
      </c>
      <c r="X5" s="540"/>
      <c r="Y5" s="263" t="s">
        <v>43</v>
      </c>
      <c r="Z5" s="259" t="s">
        <v>44</v>
      </c>
      <c r="AA5" s="265" t="s">
        <v>45</v>
      </c>
      <c r="AB5" s="267" t="s">
        <v>83</v>
      </c>
      <c r="AC5" s="259" t="s">
        <v>47</v>
      </c>
      <c r="AD5" s="259" t="s">
        <v>48</v>
      </c>
      <c r="AE5" s="259" t="s">
        <v>49</v>
      </c>
      <c r="AF5" s="259" t="s">
        <v>50</v>
      </c>
      <c r="AG5" s="259" t="s">
        <v>51</v>
      </c>
      <c r="AH5" s="265" t="s">
        <v>45</v>
      </c>
      <c r="AI5" s="540"/>
      <c r="AJ5" s="263" t="s">
        <v>43</v>
      </c>
      <c r="AK5" s="259" t="s">
        <v>44</v>
      </c>
      <c r="AL5" s="265" t="s">
        <v>45</v>
      </c>
      <c r="AM5" s="267" t="s">
        <v>83</v>
      </c>
      <c r="AN5" s="259" t="s">
        <v>47</v>
      </c>
      <c r="AO5" s="259" t="s">
        <v>48</v>
      </c>
      <c r="AP5" s="259" t="s">
        <v>49</v>
      </c>
      <c r="AQ5" s="259" t="s">
        <v>50</v>
      </c>
      <c r="AR5" s="259" t="s">
        <v>51</v>
      </c>
      <c r="AS5" s="265" t="s">
        <v>45</v>
      </c>
      <c r="AT5" s="540"/>
      <c r="AU5" s="263" t="s">
        <v>43</v>
      </c>
      <c r="AV5" s="259" t="s">
        <v>44</v>
      </c>
      <c r="AW5" s="265" t="s">
        <v>45</v>
      </c>
      <c r="AX5" s="267" t="s">
        <v>83</v>
      </c>
      <c r="AY5" s="259" t="s">
        <v>47</v>
      </c>
      <c r="AZ5" s="259" t="s">
        <v>48</v>
      </c>
      <c r="BA5" s="259" t="s">
        <v>49</v>
      </c>
      <c r="BB5" s="259" t="s">
        <v>50</v>
      </c>
      <c r="BC5" s="259" t="s">
        <v>51</v>
      </c>
      <c r="BD5" s="268" t="s">
        <v>45</v>
      </c>
      <c r="BE5" s="540"/>
      <c r="BF5" s="263" t="s">
        <v>43</v>
      </c>
      <c r="BG5" s="259" t="s">
        <v>44</v>
      </c>
      <c r="BH5" s="265" t="s">
        <v>45</v>
      </c>
      <c r="BI5" s="267" t="s">
        <v>83</v>
      </c>
      <c r="BJ5" s="259" t="s">
        <v>47</v>
      </c>
      <c r="BK5" s="259" t="s">
        <v>48</v>
      </c>
      <c r="BL5" s="259" t="s">
        <v>49</v>
      </c>
      <c r="BM5" s="259" t="s">
        <v>50</v>
      </c>
      <c r="BN5" s="259" t="s">
        <v>51</v>
      </c>
      <c r="BO5" s="265" t="s">
        <v>45</v>
      </c>
      <c r="BP5" s="540"/>
      <c r="BQ5" s="263" t="s">
        <v>43</v>
      </c>
      <c r="BR5" s="259" t="s">
        <v>44</v>
      </c>
      <c r="BS5" s="265" t="s">
        <v>45</v>
      </c>
      <c r="BT5" s="267" t="s">
        <v>83</v>
      </c>
      <c r="BU5" s="259" t="s">
        <v>47</v>
      </c>
      <c r="BV5" s="259" t="s">
        <v>48</v>
      </c>
      <c r="BW5" s="259" t="s">
        <v>49</v>
      </c>
      <c r="BX5" s="259" t="s">
        <v>50</v>
      </c>
      <c r="BY5" s="259" t="s">
        <v>51</v>
      </c>
      <c r="BZ5" s="265" t="s">
        <v>45</v>
      </c>
      <c r="CA5" s="540"/>
      <c r="CB5" s="263" t="s">
        <v>43</v>
      </c>
      <c r="CC5" s="259" t="s">
        <v>44</v>
      </c>
      <c r="CD5" s="265" t="s">
        <v>45</v>
      </c>
      <c r="CE5" s="267" t="s">
        <v>83</v>
      </c>
      <c r="CF5" s="259" t="s">
        <v>47</v>
      </c>
      <c r="CG5" s="259" t="s">
        <v>48</v>
      </c>
      <c r="CH5" s="259" t="s">
        <v>49</v>
      </c>
      <c r="CI5" s="259" t="s">
        <v>50</v>
      </c>
      <c r="CJ5" s="259" t="s">
        <v>51</v>
      </c>
      <c r="CK5" s="265" t="s">
        <v>45</v>
      </c>
      <c r="CL5" s="540"/>
      <c r="CM5" s="263" t="s">
        <v>43</v>
      </c>
      <c r="CN5" s="259" t="s">
        <v>44</v>
      </c>
      <c r="CO5" s="265" t="s">
        <v>45</v>
      </c>
      <c r="CP5" s="267" t="s">
        <v>83</v>
      </c>
      <c r="CQ5" s="259" t="s">
        <v>47</v>
      </c>
      <c r="CR5" s="259" t="s">
        <v>48</v>
      </c>
      <c r="CS5" s="259" t="s">
        <v>49</v>
      </c>
      <c r="CT5" s="259" t="s">
        <v>50</v>
      </c>
      <c r="CU5" s="259" t="s">
        <v>51</v>
      </c>
      <c r="CV5" s="265" t="s">
        <v>45</v>
      </c>
      <c r="CW5" s="540"/>
      <c r="CX5" s="263" t="s">
        <v>43</v>
      </c>
      <c r="CY5" s="259" t="s">
        <v>44</v>
      </c>
      <c r="CZ5" s="265" t="s">
        <v>45</v>
      </c>
      <c r="DA5" s="267" t="s">
        <v>83</v>
      </c>
      <c r="DB5" s="259" t="s">
        <v>47</v>
      </c>
      <c r="DC5" s="259" t="s">
        <v>48</v>
      </c>
      <c r="DD5" s="259" t="s">
        <v>49</v>
      </c>
      <c r="DE5" s="259" t="s">
        <v>50</v>
      </c>
      <c r="DF5" s="259" t="s">
        <v>51</v>
      </c>
      <c r="DG5" s="265" t="s">
        <v>45</v>
      </c>
      <c r="DH5" s="540"/>
      <c r="DI5" s="342" t="s">
        <v>43</v>
      </c>
      <c r="DJ5" s="259" t="s">
        <v>44</v>
      </c>
      <c r="DK5" s="265" t="s">
        <v>45</v>
      </c>
      <c r="DL5" s="267" t="s">
        <v>83</v>
      </c>
      <c r="DM5" s="259" t="s">
        <v>47</v>
      </c>
      <c r="DN5" s="259" t="s">
        <v>48</v>
      </c>
      <c r="DO5" s="259" t="s">
        <v>49</v>
      </c>
      <c r="DP5" s="259" t="s">
        <v>50</v>
      </c>
      <c r="DQ5" s="259" t="s">
        <v>51</v>
      </c>
      <c r="DR5" s="265" t="s">
        <v>45</v>
      </c>
      <c r="DS5" s="540"/>
      <c r="DT5" s="263" t="s">
        <v>43</v>
      </c>
      <c r="DU5" s="259" t="s">
        <v>44</v>
      </c>
      <c r="DV5" s="265" t="s">
        <v>45</v>
      </c>
      <c r="DW5" s="267" t="s">
        <v>83</v>
      </c>
      <c r="DX5" s="259" t="s">
        <v>47</v>
      </c>
      <c r="DY5" s="259" t="s">
        <v>48</v>
      </c>
      <c r="DZ5" s="259" t="s">
        <v>49</v>
      </c>
      <c r="EA5" s="259" t="s">
        <v>50</v>
      </c>
      <c r="EB5" s="259" t="s">
        <v>51</v>
      </c>
      <c r="EC5" s="265" t="s">
        <v>45</v>
      </c>
      <c r="ED5" s="540"/>
      <c r="EE5" s="263" t="s">
        <v>43</v>
      </c>
      <c r="EF5" s="259" t="s">
        <v>44</v>
      </c>
      <c r="EG5" s="265" t="s">
        <v>45</v>
      </c>
      <c r="EH5" s="267" t="s">
        <v>83</v>
      </c>
      <c r="EI5" s="259" t="s">
        <v>47</v>
      </c>
      <c r="EJ5" s="259" t="s">
        <v>48</v>
      </c>
      <c r="EK5" s="259" t="s">
        <v>49</v>
      </c>
      <c r="EL5" s="259" t="s">
        <v>50</v>
      </c>
      <c r="EM5" s="259" t="s">
        <v>51</v>
      </c>
      <c r="EN5" s="265" t="s">
        <v>45</v>
      </c>
      <c r="EO5" s="540"/>
      <c r="EP5" s="263" t="s">
        <v>43</v>
      </c>
      <c r="EQ5" s="259" t="s">
        <v>44</v>
      </c>
      <c r="ER5" s="265" t="s">
        <v>45</v>
      </c>
      <c r="ES5" s="267" t="s">
        <v>83</v>
      </c>
      <c r="ET5" s="259" t="s">
        <v>47</v>
      </c>
      <c r="EU5" s="259" t="s">
        <v>48</v>
      </c>
      <c r="EV5" s="259" t="s">
        <v>49</v>
      </c>
      <c r="EW5" s="259" t="s">
        <v>50</v>
      </c>
      <c r="EX5" s="259" t="s">
        <v>51</v>
      </c>
      <c r="EY5" s="265" t="s">
        <v>45</v>
      </c>
      <c r="EZ5" s="540"/>
    </row>
    <row r="6" spans="2:156" ht="21" customHeight="1" x14ac:dyDescent="0.2">
      <c r="B6" s="260" t="s">
        <v>4</v>
      </c>
      <c r="C6" s="269">
        <v>1</v>
      </c>
      <c r="D6" s="273">
        <v>0</v>
      </c>
      <c r="E6" s="381">
        <v>1</v>
      </c>
      <c r="F6" s="272">
        <v>0</v>
      </c>
      <c r="G6" s="273">
        <v>18964</v>
      </c>
      <c r="H6" s="273">
        <v>22655</v>
      </c>
      <c r="I6" s="273">
        <v>12636</v>
      </c>
      <c r="J6" s="273">
        <v>10129</v>
      </c>
      <c r="K6" s="273">
        <v>7660</v>
      </c>
      <c r="L6" s="274">
        <v>72044</v>
      </c>
      <c r="M6" s="275">
        <v>72045</v>
      </c>
      <c r="N6" s="269">
        <v>1</v>
      </c>
      <c r="O6" s="273">
        <v>18</v>
      </c>
      <c r="P6" s="270">
        <v>19</v>
      </c>
      <c r="Q6" s="272">
        <v>0</v>
      </c>
      <c r="R6" s="273">
        <v>102</v>
      </c>
      <c r="S6" s="273">
        <v>448</v>
      </c>
      <c r="T6" s="273">
        <v>803</v>
      </c>
      <c r="U6" s="273">
        <v>1973</v>
      </c>
      <c r="V6" s="273">
        <v>3438</v>
      </c>
      <c r="W6" s="270">
        <v>6764</v>
      </c>
      <c r="X6" s="275">
        <v>6783</v>
      </c>
      <c r="Y6" s="269">
        <v>2235</v>
      </c>
      <c r="Z6" s="273">
        <v>5567</v>
      </c>
      <c r="AA6" s="270">
        <v>7802</v>
      </c>
      <c r="AB6" s="272">
        <v>0</v>
      </c>
      <c r="AC6" s="273">
        <v>11649</v>
      </c>
      <c r="AD6" s="273">
        <v>16437</v>
      </c>
      <c r="AE6" s="273">
        <v>10120</v>
      </c>
      <c r="AF6" s="273">
        <v>8776</v>
      </c>
      <c r="AG6" s="273">
        <v>6624</v>
      </c>
      <c r="AH6" s="270">
        <v>53606</v>
      </c>
      <c r="AI6" s="275">
        <v>61408</v>
      </c>
      <c r="AJ6" s="269">
        <v>248</v>
      </c>
      <c r="AK6" s="273">
        <v>784</v>
      </c>
      <c r="AL6" s="270">
        <v>1032</v>
      </c>
      <c r="AM6" s="272">
        <v>0</v>
      </c>
      <c r="AN6" s="273">
        <v>1064</v>
      </c>
      <c r="AO6" s="273">
        <v>1731</v>
      </c>
      <c r="AP6" s="273">
        <v>1133</v>
      </c>
      <c r="AQ6" s="273">
        <v>974</v>
      </c>
      <c r="AR6" s="273">
        <v>623</v>
      </c>
      <c r="AS6" s="270">
        <v>5525</v>
      </c>
      <c r="AT6" s="275">
        <v>6557</v>
      </c>
      <c r="AU6" s="269">
        <v>2834</v>
      </c>
      <c r="AV6" s="273">
        <v>3855</v>
      </c>
      <c r="AW6" s="270">
        <v>6689</v>
      </c>
      <c r="AX6" s="272">
        <v>0</v>
      </c>
      <c r="AY6" s="273">
        <v>18079</v>
      </c>
      <c r="AZ6" s="273">
        <v>22359</v>
      </c>
      <c r="BA6" s="273">
        <v>19872</v>
      </c>
      <c r="BB6" s="273">
        <v>19503</v>
      </c>
      <c r="BC6" s="273">
        <v>14819</v>
      </c>
      <c r="BD6" s="274">
        <v>94632</v>
      </c>
      <c r="BE6" s="275">
        <v>101321</v>
      </c>
      <c r="BF6" s="269">
        <v>0</v>
      </c>
      <c r="BG6" s="273">
        <v>0</v>
      </c>
      <c r="BH6" s="270">
        <v>0</v>
      </c>
      <c r="BI6" s="272">
        <v>0</v>
      </c>
      <c r="BJ6" s="273">
        <v>21947</v>
      </c>
      <c r="BK6" s="273">
        <v>20748</v>
      </c>
      <c r="BL6" s="273">
        <v>11196</v>
      </c>
      <c r="BM6" s="273">
        <v>6643</v>
      </c>
      <c r="BN6" s="273">
        <v>3139</v>
      </c>
      <c r="BO6" s="270">
        <v>63673</v>
      </c>
      <c r="BP6" s="275">
        <v>63673</v>
      </c>
      <c r="BQ6" s="269">
        <v>1575</v>
      </c>
      <c r="BR6" s="273">
        <v>2534</v>
      </c>
      <c r="BS6" s="270">
        <v>4109</v>
      </c>
      <c r="BT6" s="272">
        <v>0</v>
      </c>
      <c r="BU6" s="273">
        <v>4362</v>
      </c>
      <c r="BV6" s="273">
        <v>6454</v>
      </c>
      <c r="BW6" s="273">
        <v>3784</v>
      </c>
      <c r="BX6" s="273">
        <v>2389</v>
      </c>
      <c r="BY6" s="273">
        <v>901</v>
      </c>
      <c r="BZ6" s="270">
        <v>17890</v>
      </c>
      <c r="CA6" s="275">
        <v>21999</v>
      </c>
      <c r="CB6" s="269">
        <v>66</v>
      </c>
      <c r="CC6" s="273">
        <v>211</v>
      </c>
      <c r="CD6" s="270">
        <v>277</v>
      </c>
      <c r="CE6" s="272">
        <v>0</v>
      </c>
      <c r="CF6" s="273">
        <v>2216</v>
      </c>
      <c r="CG6" s="273">
        <v>3671</v>
      </c>
      <c r="CH6" s="273">
        <v>4576</v>
      </c>
      <c r="CI6" s="273">
        <v>3297</v>
      </c>
      <c r="CJ6" s="273">
        <v>1806</v>
      </c>
      <c r="CK6" s="270">
        <v>15566</v>
      </c>
      <c r="CL6" s="275">
        <v>15843</v>
      </c>
      <c r="CM6" s="269">
        <v>2</v>
      </c>
      <c r="CN6" s="273">
        <v>25</v>
      </c>
      <c r="CO6" s="270">
        <v>27</v>
      </c>
      <c r="CP6" s="272">
        <v>0</v>
      </c>
      <c r="CQ6" s="273">
        <v>208</v>
      </c>
      <c r="CR6" s="273">
        <v>470</v>
      </c>
      <c r="CS6" s="273">
        <v>591</v>
      </c>
      <c r="CT6" s="273">
        <v>568</v>
      </c>
      <c r="CU6" s="273">
        <v>352</v>
      </c>
      <c r="CV6" s="270">
        <v>2189</v>
      </c>
      <c r="CW6" s="275">
        <v>2216</v>
      </c>
      <c r="CX6" s="269">
        <v>0</v>
      </c>
      <c r="CY6" s="273">
        <v>0</v>
      </c>
      <c r="CZ6" s="270">
        <v>0</v>
      </c>
      <c r="DA6" s="272">
        <v>0</v>
      </c>
      <c r="DB6" s="273">
        <v>0</v>
      </c>
      <c r="DC6" s="273">
        <v>1</v>
      </c>
      <c r="DD6" s="273">
        <v>0</v>
      </c>
      <c r="DE6" s="273">
        <v>0</v>
      </c>
      <c r="DF6" s="273">
        <v>0</v>
      </c>
      <c r="DG6" s="270">
        <v>1</v>
      </c>
      <c r="DH6" s="275">
        <v>1</v>
      </c>
      <c r="DI6" s="269">
        <v>0</v>
      </c>
      <c r="DJ6" s="273">
        <v>0</v>
      </c>
      <c r="DK6" s="270">
        <v>0</v>
      </c>
      <c r="DL6" s="272">
        <v>0</v>
      </c>
      <c r="DM6" s="273">
        <v>0</v>
      </c>
      <c r="DN6" s="273">
        <v>0</v>
      </c>
      <c r="DO6" s="273">
        <v>0</v>
      </c>
      <c r="DP6" s="273">
        <v>0</v>
      </c>
      <c r="DQ6" s="273">
        <v>0</v>
      </c>
      <c r="DR6" s="270">
        <v>0</v>
      </c>
      <c r="DS6" s="275">
        <v>0</v>
      </c>
      <c r="DT6" s="269">
        <v>10876</v>
      </c>
      <c r="DU6" s="273">
        <v>23013</v>
      </c>
      <c r="DV6" s="270">
        <v>33889</v>
      </c>
      <c r="DW6" s="272">
        <v>0</v>
      </c>
      <c r="DX6" s="273">
        <v>26982</v>
      </c>
      <c r="DY6" s="273">
        <v>45462</v>
      </c>
      <c r="DZ6" s="273">
        <v>26994</v>
      </c>
      <c r="EA6" s="273">
        <v>20866</v>
      </c>
      <c r="EB6" s="273">
        <v>13147</v>
      </c>
      <c r="EC6" s="270">
        <v>133451</v>
      </c>
      <c r="ED6" s="275">
        <v>167340</v>
      </c>
      <c r="EE6" s="269">
        <v>1612</v>
      </c>
      <c r="EF6" s="273">
        <v>1236</v>
      </c>
      <c r="EG6" s="270">
        <v>2848</v>
      </c>
      <c r="EH6" s="272">
        <v>0</v>
      </c>
      <c r="EI6" s="273">
        <v>5950</v>
      </c>
      <c r="EJ6" s="273">
        <v>5404</v>
      </c>
      <c r="EK6" s="273">
        <v>4825</v>
      </c>
      <c r="EL6" s="273">
        <v>5611</v>
      </c>
      <c r="EM6" s="273">
        <v>3221</v>
      </c>
      <c r="EN6" s="270">
        <v>25011</v>
      </c>
      <c r="EO6" s="275">
        <v>27859</v>
      </c>
      <c r="EP6" s="269">
        <v>13879</v>
      </c>
      <c r="EQ6" s="273">
        <v>27356</v>
      </c>
      <c r="ER6" s="270">
        <v>41235</v>
      </c>
      <c r="ES6" s="272">
        <v>0</v>
      </c>
      <c r="ET6" s="273">
        <v>57156</v>
      </c>
      <c r="EU6" s="273">
        <v>60567</v>
      </c>
      <c r="EV6" s="273">
        <v>32187</v>
      </c>
      <c r="EW6" s="273">
        <v>22391</v>
      </c>
      <c r="EX6" s="273">
        <v>13514</v>
      </c>
      <c r="EY6" s="270">
        <v>185815</v>
      </c>
      <c r="EZ6" s="275">
        <v>227050</v>
      </c>
    </row>
    <row r="7" spans="2:156" ht="21" customHeight="1" x14ac:dyDescent="0.2">
      <c r="B7" s="261" t="s">
        <v>5</v>
      </c>
      <c r="C7" s="276">
        <v>1</v>
      </c>
      <c r="D7" s="280">
        <v>0</v>
      </c>
      <c r="E7" s="382">
        <v>1</v>
      </c>
      <c r="F7" s="279">
        <v>0</v>
      </c>
      <c r="G7" s="280">
        <v>6741</v>
      </c>
      <c r="H7" s="280">
        <v>11178</v>
      </c>
      <c r="I7" s="280">
        <v>5501</v>
      </c>
      <c r="J7" s="280">
        <v>4202</v>
      </c>
      <c r="K7" s="280">
        <v>3102</v>
      </c>
      <c r="L7" s="281">
        <v>30724</v>
      </c>
      <c r="M7" s="282">
        <v>30725</v>
      </c>
      <c r="N7" s="276">
        <v>0</v>
      </c>
      <c r="O7" s="280">
        <v>7</v>
      </c>
      <c r="P7" s="277">
        <v>7</v>
      </c>
      <c r="Q7" s="279">
        <v>0</v>
      </c>
      <c r="R7" s="280">
        <v>20</v>
      </c>
      <c r="S7" s="280">
        <v>159</v>
      </c>
      <c r="T7" s="280">
        <v>299</v>
      </c>
      <c r="U7" s="280">
        <v>783</v>
      </c>
      <c r="V7" s="280">
        <v>1467</v>
      </c>
      <c r="W7" s="277">
        <v>2728</v>
      </c>
      <c r="X7" s="282">
        <v>2735</v>
      </c>
      <c r="Y7" s="276">
        <v>972</v>
      </c>
      <c r="Z7" s="280">
        <v>2880</v>
      </c>
      <c r="AA7" s="277">
        <v>3852</v>
      </c>
      <c r="AB7" s="279">
        <v>0</v>
      </c>
      <c r="AC7" s="280">
        <v>4199</v>
      </c>
      <c r="AD7" s="280">
        <v>8268</v>
      </c>
      <c r="AE7" s="280">
        <v>4751</v>
      </c>
      <c r="AF7" s="280">
        <v>3955</v>
      </c>
      <c r="AG7" s="280">
        <v>2909</v>
      </c>
      <c r="AH7" s="277">
        <v>24082</v>
      </c>
      <c r="AI7" s="282">
        <v>27934</v>
      </c>
      <c r="AJ7" s="276">
        <v>108</v>
      </c>
      <c r="AK7" s="280">
        <v>408</v>
      </c>
      <c r="AL7" s="277">
        <v>516</v>
      </c>
      <c r="AM7" s="279">
        <v>0</v>
      </c>
      <c r="AN7" s="280">
        <v>262</v>
      </c>
      <c r="AO7" s="280">
        <v>697</v>
      </c>
      <c r="AP7" s="280">
        <v>470</v>
      </c>
      <c r="AQ7" s="280">
        <v>392</v>
      </c>
      <c r="AR7" s="280">
        <v>226</v>
      </c>
      <c r="AS7" s="277">
        <v>2047</v>
      </c>
      <c r="AT7" s="282">
        <v>2563</v>
      </c>
      <c r="AU7" s="276">
        <v>1178</v>
      </c>
      <c r="AV7" s="280">
        <v>1857</v>
      </c>
      <c r="AW7" s="277">
        <v>3035</v>
      </c>
      <c r="AX7" s="279">
        <v>0</v>
      </c>
      <c r="AY7" s="280">
        <v>6544</v>
      </c>
      <c r="AZ7" s="280">
        <v>9727</v>
      </c>
      <c r="BA7" s="280">
        <v>8027</v>
      </c>
      <c r="BB7" s="280">
        <v>7885</v>
      </c>
      <c r="BC7" s="280">
        <v>6038</v>
      </c>
      <c r="BD7" s="281">
        <v>38221</v>
      </c>
      <c r="BE7" s="282">
        <v>41256</v>
      </c>
      <c r="BF7" s="276">
        <v>0</v>
      </c>
      <c r="BG7" s="280">
        <v>0</v>
      </c>
      <c r="BH7" s="277">
        <v>0</v>
      </c>
      <c r="BI7" s="279">
        <v>0</v>
      </c>
      <c r="BJ7" s="280">
        <v>6870</v>
      </c>
      <c r="BK7" s="280">
        <v>8461</v>
      </c>
      <c r="BL7" s="280">
        <v>4174</v>
      </c>
      <c r="BM7" s="280">
        <v>2385</v>
      </c>
      <c r="BN7" s="280">
        <v>1130</v>
      </c>
      <c r="BO7" s="277">
        <v>23020</v>
      </c>
      <c r="BP7" s="282">
        <v>23020</v>
      </c>
      <c r="BQ7" s="276">
        <v>692</v>
      </c>
      <c r="BR7" s="280">
        <v>1165</v>
      </c>
      <c r="BS7" s="277">
        <v>1857</v>
      </c>
      <c r="BT7" s="279">
        <v>0</v>
      </c>
      <c r="BU7" s="280">
        <v>1357</v>
      </c>
      <c r="BV7" s="280">
        <v>2943</v>
      </c>
      <c r="BW7" s="280">
        <v>1665</v>
      </c>
      <c r="BX7" s="280">
        <v>1054</v>
      </c>
      <c r="BY7" s="280">
        <v>398</v>
      </c>
      <c r="BZ7" s="277">
        <v>7417</v>
      </c>
      <c r="CA7" s="282">
        <v>9274</v>
      </c>
      <c r="CB7" s="276">
        <v>25</v>
      </c>
      <c r="CC7" s="280">
        <v>78</v>
      </c>
      <c r="CD7" s="277">
        <v>103</v>
      </c>
      <c r="CE7" s="279">
        <v>0</v>
      </c>
      <c r="CF7" s="280">
        <v>623</v>
      </c>
      <c r="CG7" s="280">
        <v>1318</v>
      </c>
      <c r="CH7" s="280">
        <v>1704</v>
      </c>
      <c r="CI7" s="280">
        <v>1190</v>
      </c>
      <c r="CJ7" s="280">
        <v>649</v>
      </c>
      <c r="CK7" s="277">
        <v>5484</v>
      </c>
      <c r="CL7" s="282">
        <v>5587</v>
      </c>
      <c r="CM7" s="276">
        <v>0</v>
      </c>
      <c r="CN7" s="280">
        <v>19</v>
      </c>
      <c r="CO7" s="277">
        <v>19</v>
      </c>
      <c r="CP7" s="279">
        <v>0</v>
      </c>
      <c r="CQ7" s="280">
        <v>85</v>
      </c>
      <c r="CR7" s="280">
        <v>272</v>
      </c>
      <c r="CS7" s="280">
        <v>334</v>
      </c>
      <c r="CT7" s="280">
        <v>315</v>
      </c>
      <c r="CU7" s="280">
        <v>205</v>
      </c>
      <c r="CV7" s="277">
        <v>1211</v>
      </c>
      <c r="CW7" s="282">
        <v>1230</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3737</v>
      </c>
      <c r="DU7" s="280">
        <v>9934</v>
      </c>
      <c r="DV7" s="277">
        <v>13671</v>
      </c>
      <c r="DW7" s="279">
        <v>0</v>
      </c>
      <c r="DX7" s="280">
        <v>7635</v>
      </c>
      <c r="DY7" s="280">
        <v>20073</v>
      </c>
      <c r="DZ7" s="280">
        <v>10955</v>
      </c>
      <c r="EA7" s="280">
        <v>8345</v>
      </c>
      <c r="EB7" s="280">
        <v>5302</v>
      </c>
      <c r="EC7" s="277">
        <v>52310</v>
      </c>
      <c r="ED7" s="282">
        <v>65981</v>
      </c>
      <c r="EE7" s="276">
        <v>683</v>
      </c>
      <c r="EF7" s="280">
        <v>544</v>
      </c>
      <c r="EG7" s="277">
        <v>1227</v>
      </c>
      <c r="EH7" s="279">
        <v>0</v>
      </c>
      <c r="EI7" s="280">
        <v>2381</v>
      </c>
      <c r="EJ7" s="280">
        <v>2565</v>
      </c>
      <c r="EK7" s="280">
        <v>2116</v>
      </c>
      <c r="EL7" s="280">
        <v>2489</v>
      </c>
      <c r="EM7" s="280">
        <v>1405</v>
      </c>
      <c r="EN7" s="277">
        <v>10956</v>
      </c>
      <c r="EO7" s="282">
        <v>12183</v>
      </c>
      <c r="EP7" s="276">
        <v>5097</v>
      </c>
      <c r="EQ7" s="280">
        <v>12157</v>
      </c>
      <c r="ER7" s="277">
        <v>17254</v>
      </c>
      <c r="ES7" s="279">
        <v>0</v>
      </c>
      <c r="ET7" s="280">
        <v>18684</v>
      </c>
      <c r="EU7" s="280">
        <v>27226</v>
      </c>
      <c r="EV7" s="280">
        <v>13288</v>
      </c>
      <c r="EW7" s="280">
        <v>9089</v>
      </c>
      <c r="EX7" s="280">
        <v>5481</v>
      </c>
      <c r="EY7" s="277">
        <v>73768</v>
      </c>
      <c r="EZ7" s="282">
        <v>91022</v>
      </c>
    </row>
    <row r="8" spans="2:156" ht="21" customHeight="1" x14ac:dyDescent="0.2">
      <c r="B8" s="261" t="s">
        <v>6</v>
      </c>
      <c r="C8" s="276">
        <v>0</v>
      </c>
      <c r="D8" s="280">
        <v>0</v>
      </c>
      <c r="E8" s="382">
        <v>0</v>
      </c>
      <c r="F8" s="279">
        <v>0</v>
      </c>
      <c r="G8" s="280">
        <v>3307</v>
      </c>
      <c r="H8" s="280">
        <v>2914</v>
      </c>
      <c r="I8" s="280">
        <v>1826</v>
      </c>
      <c r="J8" s="280">
        <v>1574</v>
      </c>
      <c r="K8" s="280">
        <v>1249</v>
      </c>
      <c r="L8" s="281">
        <v>10870</v>
      </c>
      <c r="M8" s="282">
        <v>10870</v>
      </c>
      <c r="N8" s="276">
        <v>1</v>
      </c>
      <c r="O8" s="280">
        <v>3</v>
      </c>
      <c r="P8" s="277">
        <v>4</v>
      </c>
      <c r="Q8" s="279">
        <v>0</v>
      </c>
      <c r="R8" s="280">
        <v>16</v>
      </c>
      <c r="S8" s="280">
        <v>58</v>
      </c>
      <c r="T8" s="280">
        <v>103</v>
      </c>
      <c r="U8" s="280">
        <v>277</v>
      </c>
      <c r="V8" s="280">
        <v>519</v>
      </c>
      <c r="W8" s="277">
        <v>973</v>
      </c>
      <c r="X8" s="282">
        <v>977</v>
      </c>
      <c r="Y8" s="276">
        <v>332</v>
      </c>
      <c r="Z8" s="280">
        <v>720</v>
      </c>
      <c r="AA8" s="277">
        <v>1052</v>
      </c>
      <c r="AB8" s="279">
        <v>0</v>
      </c>
      <c r="AC8" s="280">
        <v>2095</v>
      </c>
      <c r="AD8" s="280">
        <v>2124</v>
      </c>
      <c r="AE8" s="280">
        <v>1404</v>
      </c>
      <c r="AF8" s="280">
        <v>1277</v>
      </c>
      <c r="AG8" s="280">
        <v>976</v>
      </c>
      <c r="AH8" s="277">
        <v>7876</v>
      </c>
      <c r="AI8" s="282">
        <v>8928</v>
      </c>
      <c r="AJ8" s="276">
        <v>15</v>
      </c>
      <c r="AK8" s="280">
        <v>55</v>
      </c>
      <c r="AL8" s="277">
        <v>70</v>
      </c>
      <c r="AM8" s="279">
        <v>0</v>
      </c>
      <c r="AN8" s="280">
        <v>167</v>
      </c>
      <c r="AO8" s="280">
        <v>200</v>
      </c>
      <c r="AP8" s="280">
        <v>122</v>
      </c>
      <c r="AQ8" s="280">
        <v>134</v>
      </c>
      <c r="AR8" s="280">
        <v>74</v>
      </c>
      <c r="AS8" s="277">
        <v>697</v>
      </c>
      <c r="AT8" s="282">
        <v>767</v>
      </c>
      <c r="AU8" s="276">
        <v>475</v>
      </c>
      <c r="AV8" s="280">
        <v>554</v>
      </c>
      <c r="AW8" s="277">
        <v>1029</v>
      </c>
      <c r="AX8" s="279">
        <v>0</v>
      </c>
      <c r="AY8" s="280">
        <v>3389</v>
      </c>
      <c r="AZ8" s="280">
        <v>3548</v>
      </c>
      <c r="BA8" s="280">
        <v>3268</v>
      </c>
      <c r="BB8" s="280">
        <v>3228</v>
      </c>
      <c r="BC8" s="280">
        <v>2575</v>
      </c>
      <c r="BD8" s="281">
        <v>16008</v>
      </c>
      <c r="BE8" s="282">
        <v>17037</v>
      </c>
      <c r="BF8" s="276">
        <v>0</v>
      </c>
      <c r="BG8" s="280">
        <v>0</v>
      </c>
      <c r="BH8" s="277">
        <v>0</v>
      </c>
      <c r="BI8" s="279">
        <v>0</v>
      </c>
      <c r="BJ8" s="280">
        <v>3682</v>
      </c>
      <c r="BK8" s="280">
        <v>2756</v>
      </c>
      <c r="BL8" s="280">
        <v>1543</v>
      </c>
      <c r="BM8" s="280">
        <v>1025</v>
      </c>
      <c r="BN8" s="280">
        <v>492</v>
      </c>
      <c r="BO8" s="277">
        <v>9498</v>
      </c>
      <c r="BP8" s="282">
        <v>9498</v>
      </c>
      <c r="BQ8" s="276">
        <v>117</v>
      </c>
      <c r="BR8" s="280">
        <v>202</v>
      </c>
      <c r="BS8" s="277">
        <v>319</v>
      </c>
      <c r="BT8" s="279">
        <v>0</v>
      </c>
      <c r="BU8" s="280">
        <v>580</v>
      </c>
      <c r="BV8" s="280">
        <v>704</v>
      </c>
      <c r="BW8" s="280">
        <v>462</v>
      </c>
      <c r="BX8" s="280">
        <v>330</v>
      </c>
      <c r="BY8" s="280">
        <v>127</v>
      </c>
      <c r="BZ8" s="277">
        <v>2203</v>
      </c>
      <c r="CA8" s="282">
        <v>2522</v>
      </c>
      <c r="CB8" s="276">
        <v>6</v>
      </c>
      <c r="CC8" s="280">
        <v>20</v>
      </c>
      <c r="CD8" s="277">
        <v>26</v>
      </c>
      <c r="CE8" s="279">
        <v>0</v>
      </c>
      <c r="CF8" s="280">
        <v>294</v>
      </c>
      <c r="CG8" s="280">
        <v>446</v>
      </c>
      <c r="CH8" s="280">
        <v>536</v>
      </c>
      <c r="CI8" s="280">
        <v>402</v>
      </c>
      <c r="CJ8" s="280">
        <v>249</v>
      </c>
      <c r="CK8" s="277">
        <v>1927</v>
      </c>
      <c r="CL8" s="282">
        <v>1953</v>
      </c>
      <c r="CM8" s="276">
        <v>0</v>
      </c>
      <c r="CN8" s="280">
        <v>2</v>
      </c>
      <c r="CO8" s="277">
        <v>2</v>
      </c>
      <c r="CP8" s="279">
        <v>0</v>
      </c>
      <c r="CQ8" s="280">
        <v>30</v>
      </c>
      <c r="CR8" s="280">
        <v>54</v>
      </c>
      <c r="CS8" s="280">
        <v>76</v>
      </c>
      <c r="CT8" s="280">
        <v>84</v>
      </c>
      <c r="CU8" s="280">
        <v>49</v>
      </c>
      <c r="CV8" s="277">
        <v>293</v>
      </c>
      <c r="CW8" s="282">
        <v>295</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539</v>
      </c>
      <c r="DU8" s="280">
        <v>2811</v>
      </c>
      <c r="DV8" s="277">
        <v>4350</v>
      </c>
      <c r="DW8" s="279">
        <v>0</v>
      </c>
      <c r="DX8" s="280">
        <v>4849</v>
      </c>
      <c r="DY8" s="280">
        <v>5811</v>
      </c>
      <c r="DZ8" s="280">
        <v>3910</v>
      </c>
      <c r="EA8" s="280">
        <v>3228</v>
      </c>
      <c r="EB8" s="280">
        <v>2080</v>
      </c>
      <c r="EC8" s="277">
        <v>19878</v>
      </c>
      <c r="ED8" s="282">
        <v>24228</v>
      </c>
      <c r="EE8" s="276">
        <v>229</v>
      </c>
      <c r="EF8" s="280">
        <v>169</v>
      </c>
      <c r="EG8" s="277">
        <v>398</v>
      </c>
      <c r="EH8" s="279">
        <v>0</v>
      </c>
      <c r="EI8" s="280">
        <v>877</v>
      </c>
      <c r="EJ8" s="280">
        <v>700</v>
      </c>
      <c r="EK8" s="280">
        <v>683</v>
      </c>
      <c r="EL8" s="280">
        <v>796</v>
      </c>
      <c r="EM8" s="280">
        <v>505</v>
      </c>
      <c r="EN8" s="277">
        <v>3561</v>
      </c>
      <c r="EO8" s="282">
        <v>3959</v>
      </c>
      <c r="EP8" s="276">
        <v>1878</v>
      </c>
      <c r="EQ8" s="280">
        <v>3298</v>
      </c>
      <c r="ER8" s="277">
        <v>5176</v>
      </c>
      <c r="ES8" s="279">
        <v>0</v>
      </c>
      <c r="ET8" s="280">
        <v>9321</v>
      </c>
      <c r="EU8" s="280">
        <v>7542</v>
      </c>
      <c r="EV8" s="280">
        <v>4474</v>
      </c>
      <c r="EW8" s="280">
        <v>3395</v>
      </c>
      <c r="EX8" s="280">
        <v>2135</v>
      </c>
      <c r="EY8" s="277">
        <v>26867</v>
      </c>
      <c r="EZ8" s="282">
        <v>32043</v>
      </c>
    </row>
    <row r="9" spans="2:156" ht="21" customHeight="1" x14ac:dyDescent="0.2">
      <c r="B9" s="261" t="s">
        <v>14</v>
      </c>
      <c r="C9" s="276">
        <v>0</v>
      </c>
      <c r="D9" s="280">
        <v>0</v>
      </c>
      <c r="E9" s="382">
        <v>0</v>
      </c>
      <c r="F9" s="279">
        <v>0</v>
      </c>
      <c r="G9" s="280">
        <v>1140</v>
      </c>
      <c r="H9" s="280">
        <v>1687</v>
      </c>
      <c r="I9" s="280">
        <v>989</v>
      </c>
      <c r="J9" s="280">
        <v>707</v>
      </c>
      <c r="K9" s="280">
        <v>535</v>
      </c>
      <c r="L9" s="281">
        <v>5058</v>
      </c>
      <c r="M9" s="282">
        <v>5058</v>
      </c>
      <c r="N9" s="276">
        <v>0</v>
      </c>
      <c r="O9" s="280">
        <v>2</v>
      </c>
      <c r="P9" s="277">
        <v>2</v>
      </c>
      <c r="Q9" s="279">
        <v>0</v>
      </c>
      <c r="R9" s="280">
        <v>3</v>
      </c>
      <c r="S9" s="280">
        <v>22</v>
      </c>
      <c r="T9" s="280">
        <v>47</v>
      </c>
      <c r="U9" s="280">
        <v>136</v>
      </c>
      <c r="V9" s="280">
        <v>205</v>
      </c>
      <c r="W9" s="277">
        <v>413</v>
      </c>
      <c r="X9" s="282">
        <v>415</v>
      </c>
      <c r="Y9" s="276">
        <v>106</v>
      </c>
      <c r="Z9" s="280">
        <v>407</v>
      </c>
      <c r="AA9" s="277">
        <v>513</v>
      </c>
      <c r="AB9" s="279">
        <v>0</v>
      </c>
      <c r="AC9" s="280">
        <v>670</v>
      </c>
      <c r="AD9" s="280">
        <v>1151</v>
      </c>
      <c r="AE9" s="280">
        <v>759</v>
      </c>
      <c r="AF9" s="280">
        <v>623</v>
      </c>
      <c r="AG9" s="280">
        <v>468</v>
      </c>
      <c r="AH9" s="277">
        <v>3671</v>
      </c>
      <c r="AI9" s="282">
        <v>4184</v>
      </c>
      <c r="AJ9" s="276">
        <v>5</v>
      </c>
      <c r="AK9" s="280">
        <v>41</v>
      </c>
      <c r="AL9" s="277">
        <v>46</v>
      </c>
      <c r="AM9" s="279">
        <v>0</v>
      </c>
      <c r="AN9" s="280">
        <v>21</v>
      </c>
      <c r="AO9" s="280">
        <v>74</v>
      </c>
      <c r="AP9" s="280">
        <v>53</v>
      </c>
      <c r="AQ9" s="280">
        <v>46</v>
      </c>
      <c r="AR9" s="280">
        <v>19</v>
      </c>
      <c r="AS9" s="277">
        <v>213</v>
      </c>
      <c r="AT9" s="282">
        <v>259</v>
      </c>
      <c r="AU9" s="276">
        <v>185</v>
      </c>
      <c r="AV9" s="280">
        <v>334</v>
      </c>
      <c r="AW9" s="277">
        <v>519</v>
      </c>
      <c r="AX9" s="279">
        <v>0</v>
      </c>
      <c r="AY9" s="280">
        <v>1228</v>
      </c>
      <c r="AZ9" s="280">
        <v>1681</v>
      </c>
      <c r="BA9" s="280">
        <v>1727</v>
      </c>
      <c r="BB9" s="280">
        <v>1425</v>
      </c>
      <c r="BC9" s="280">
        <v>1042</v>
      </c>
      <c r="BD9" s="281">
        <v>7103</v>
      </c>
      <c r="BE9" s="282">
        <v>7622</v>
      </c>
      <c r="BF9" s="276">
        <v>0</v>
      </c>
      <c r="BG9" s="280">
        <v>0</v>
      </c>
      <c r="BH9" s="277">
        <v>0</v>
      </c>
      <c r="BI9" s="279">
        <v>0</v>
      </c>
      <c r="BJ9" s="280">
        <v>1558</v>
      </c>
      <c r="BK9" s="280">
        <v>1831</v>
      </c>
      <c r="BL9" s="280">
        <v>1174</v>
      </c>
      <c r="BM9" s="280">
        <v>597</v>
      </c>
      <c r="BN9" s="280">
        <v>291</v>
      </c>
      <c r="BO9" s="277">
        <v>5451</v>
      </c>
      <c r="BP9" s="282">
        <v>5451</v>
      </c>
      <c r="BQ9" s="276">
        <v>56</v>
      </c>
      <c r="BR9" s="280">
        <v>151</v>
      </c>
      <c r="BS9" s="277">
        <v>207</v>
      </c>
      <c r="BT9" s="279">
        <v>0</v>
      </c>
      <c r="BU9" s="280">
        <v>140</v>
      </c>
      <c r="BV9" s="280">
        <v>382</v>
      </c>
      <c r="BW9" s="280">
        <v>257</v>
      </c>
      <c r="BX9" s="280">
        <v>143</v>
      </c>
      <c r="BY9" s="280">
        <v>48</v>
      </c>
      <c r="BZ9" s="277">
        <v>970</v>
      </c>
      <c r="CA9" s="282">
        <v>1177</v>
      </c>
      <c r="CB9" s="276">
        <v>1</v>
      </c>
      <c r="CC9" s="280">
        <v>13</v>
      </c>
      <c r="CD9" s="277">
        <v>14</v>
      </c>
      <c r="CE9" s="279">
        <v>0</v>
      </c>
      <c r="CF9" s="280">
        <v>127</v>
      </c>
      <c r="CG9" s="280">
        <v>255</v>
      </c>
      <c r="CH9" s="280">
        <v>350</v>
      </c>
      <c r="CI9" s="280">
        <v>294</v>
      </c>
      <c r="CJ9" s="280">
        <v>173</v>
      </c>
      <c r="CK9" s="277">
        <v>1199</v>
      </c>
      <c r="CL9" s="282">
        <v>1213</v>
      </c>
      <c r="CM9" s="276">
        <v>0</v>
      </c>
      <c r="CN9" s="280">
        <v>0</v>
      </c>
      <c r="CO9" s="277">
        <v>0</v>
      </c>
      <c r="CP9" s="279">
        <v>0</v>
      </c>
      <c r="CQ9" s="280">
        <v>3</v>
      </c>
      <c r="CR9" s="280">
        <v>7</v>
      </c>
      <c r="CS9" s="280">
        <v>9</v>
      </c>
      <c r="CT9" s="280">
        <v>8</v>
      </c>
      <c r="CU9" s="280">
        <v>7</v>
      </c>
      <c r="CV9" s="277">
        <v>34</v>
      </c>
      <c r="CW9" s="282">
        <v>34</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833</v>
      </c>
      <c r="DU9" s="280">
        <v>2312</v>
      </c>
      <c r="DV9" s="277">
        <v>3145</v>
      </c>
      <c r="DW9" s="279">
        <v>0</v>
      </c>
      <c r="DX9" s="280">
        <v>1743</v>
      </c>
      <c r="DY9" s="280">
        <v>3791</v>
      </c>
      <c r="DZ9" s="280">
        <v>2387</v>
      </c>
      <c r="EA9" s="280">
        <v>1632</v>
      </c>
      <c r="EB9" s="280">
        <v>975</v>
      </c>
      <c r="EC9" s="277">
        <v>10528</v>
      </c>
      <c r="ED9" s="282">
        <v>13673</v>
      </c>
      <c r="EE9" s="276">
        <v>114</v>
      </c>
      <c r="EF9" s="280">
        <v>112</v>
      </c>
      <c r="EG9" s="277">
        <v>226</v>
      </c>
      <c r="EH9" s="279">
        <v>0</v>
      </c>
      <c r="EI9" s="280">
        <v>336</v>
      </c>
      <c r="EJ9" s="280">
        <v>278</v>
      </c>
      <c r="EK9" s="280">
        <v>298</v>
      </c>
      <c r="EL9" s="280">
        <v>318</v>
      </c>
      <c r="EM9" s="280">
        <v>159</v>
      </c>
      <c r="EN9" s="277">
        <v>1389</v>
      </c>
      <c r="EO9" s="282">
        <v>1615</v>
      </c>
      <c r="EP9" s="276">
        <v>953</v>
      </c>
      <c r="EQ9" s="280">
        <v>2572</v>
      </c>
      <c r="ER9" s="277">
        <v>3525</v>
      </c>
      <c r="ES9" s="279">
        <v>0</v>
      </c>
      <c r="ET9" s="280">
        <v>3834</v>
      </c>
      <c r="EU9" s="280">
        <v>5022</v>
      </c>
      <c r="EV9" s="280">
        <v>2855</v>
      </c>
      <c r="EW9" s="280">
        <v>1773</v>
      </c>
      <c r="EX9" s="280">
        <v>1046</v>
      </c>
      <c r="EY9" s="277">
        <v>14530</v>
      </c>
      <c r="EZ9" s="282">
        <v>18055</v>
      </c>
    </row>
    <row r="10" spans="2:156" ht="21" customHeight="1" x14ac:dyDescent="0.2">
      <c r="B10" s="261" t="s">
        <v>7</v>
      </c>
      <c r="C10" s="276">
        <v>0</v>
      </c>
      <c r="D10" s="280">
        <v>0</v>
      </c>
      <c r="E10" s="382">
        <v>0</v>
      </c>
      <c r="F10" s="279">
        <v>0</v>
      </c>
      <c r="G10" s="280">
        <v>1503</v>
      </c>
      <c r="H10" s="280">
        <v>1110</v>
      </c>
      <c r="I10" s="280">
        <v>611</v>
      </c>
      <c r="J10" s="280">
        <v>556</v>
      </c>
      <c r="K10" s="280">
        <v>391</v>
      </c>
      <c r="L10" s="281">
        <v>4171</v>
      </c>
      <c r="M10" s="282">
        <v>4171</v>
      </c>
      <c r="N10" s="276">
        <v>0</v>
      </c>
      <c r="O10" s="280">
        <v>0</v>
      </c>
      <c r="P10" s="277">
        <v>0</v>
      </c>
      <c r="Q10" s="279">
        <v>0</v>
      </c>
      <c r="R10" s="280">
        <v>11</v>
      </c>
      <c r="S10" s="280">
        <v>41</v>
      </c>
      <c r="T10" s="280">
        <v>61</v>
      </c>
      <c r="U10" s="280">
        <v>135</v>
      </c>
      <c r="V10" s="280">
        <v>189</v>
      </c>
      <c r="W10" s="277">
        <v>437</v>
      </c>
      <c r="X10" s="282">
        <v>437</v>
      </c>
      <c r="Y10" s="276">
        <v>14</v>
      </c>
      <c r="Z10" s="280">
        <v>20</v>
      </c>
      <c r="AA10" s="277">
        <v>34</v>
      </c>
      <c r="AB10" s="279">
        <v>0</v>
      </c>
      <c r="AC10" s="280">
        <v>531</v>
      </c>
      <c r="AD10" s="280">
        <v>551</v>
      </c>
      <c r="AE10" s="280">
        <v>356</v>
      </c>
      <c r="AF10" s="280">
        <v>361</v>
      </c>
      <c r="AG10" s="280">
        <v>278</v>
      </c>
      <c r="AH10" s="277">
        <v>2077</v>
      </c>
      <c r="AI10" s="282">
        <v>2111</v>
      </c>
      <c r="AJ10" s="276">
        <v>3</v>
      </c>
      <c r="AK10" s="280">
        <v>5</v>
      </c>
      <c r="AL10" s="277">
        <v>8</v>
      </c>
      <c r="AM10" s="279">
        <v>0</v>
      </c>
      <c r="AN10" s="280">
        <v>69</v>
      </c>
      <c r="AO10" s="280">
        <v>72</v>
      </c>
      <c r="AP10" s="280">
        <v>54</v>
      </c>
      <c r="AQ10" s="280">
        <v>64</v>
      </c>
      <c r="AR10" s="280">
        <v>35</v>
      </c>
      <c r="AS10" s="277">
        <v>294</v>
      </c>
      <c r="AT10" s="282">
        <v>302</v>
      </c>
      <c r="AU10" s="276">
        <v>121</v>
      </c>
      <c r="AV10" s="280">
        <v>101</v>
      </c>
      <c r="AW10" s="277">
        <v>222</v>
      </c>
      <c r="AX10" s="279">
        <v>0</v>
      </c>
      <c r="AY10" s="280">
        <v>1195</v>
      </c>
      <c r="AZ10" s="280">
        <v>1149</v>
      </c>
      <c r="BA10" s="280">
        <v>987</v>
      </c>
      <c r="BB10" s="280">
        <v>1004</v>
      </c>
      <c r="BC10" s="280">
        <v>694</v>
      </c>
      <c r="BD10" s="281">
        <v>5029</v>
      </c>
      <c r="BE10" s="282">
        <v>5251</v>
      </c>
      <c r="BF10" s="276">
        <v>0</v>
      </c>
      <c r="BG10" s="280">
        <v>0</v>
      </c>
      <c r="BH10" s="277">
        <v>0</v>
      </c>
      <c r="BI10" s="279">
        <v>0</v>
      </c>
      <c r="BJ10" s="280">
        <v>1754</v>
      </c>
      <c r="BK10" s="280">
        <v>1117</v>
      </c>
      <c r="BL10" s="280">
        <v>544</v>
      </c>
      <c r="BM10" s="280">
        <v>303</v>
      </c>
      <c r="BN10" s="280">
        <v>138</v>
      </c>
      <c r="BO10" s="277">
        <v>3856</v>
      </c>
      <c r="BP10" s="282">
        <v>3856</v>
      </c>
      <c r="BQ10" s="276">
        <v>37</v>
      </c>
      <c r="BR10" s="280">
        <v>58</v>
      </c>
      <c r="BS10" s="277">
        <v>95</v>
      </c>
      <c r="BT10" s="279">
        <v>0</v>
      </c>
      <c r="BU10" s="280">
        <v>257</v>
      </c>
      <c r="BV10" s="280">
        <v>219</v>
      </c>
      <c r="BW10" s="280">
        <v>142</v>
      </c>
      <c r="BX10" s="280">
        <v>81</v>
      </c>
      <c r="BY10" s="280">
        <v>29</v>
      </c>
      <c r="BZ10" s="277">
        <v>728</v>
      </c>
      <c r="CA10" s="282">
        <v>823</v>
      </c>
      <c r="CB10" s="276">
        <v>1</v>
      </c>
      <c r="CC10" s="280">
        <v>3</v>
      </c>
      <c r="CD10" s="277">
        <v>4</v>
      </c>
      <c r="CE10" s="279">
        <v>0</v>
      </c>
      <c r="CF10" s="280">
        <v>213</v>
      </c>
      <c r="CG10" s="280">
        <v>280</v>
      </c>
      <c r="CH10" s="280">
        <v>296</v>
      </c>
      <c r="CI10" s="280">
        <v>199</v>
      </c>
      <c r="CJ10" s="280">
        <v>107</v>
      </c>
      <c r="CK10" s="277">
        <v>1095</v>
      </c>
      <c r="CL10" s="282">
        <v>1099</v>
      </c>
      <c r="CM10" s="276">
        <v>0</v>
      </c>
      <c r="CN10" s="280">
        <v>1</v>
      </c>
      <c r="CO10" s="277">
        <v>1</v>
      </c>
      <c r="CP10" s="279">
        <v>0</v>
      </c>
      <c r="CQ10" s="280">
        <v>11</v>
      </c>
      <c r="CR10" s="280">
        <v>10</v>
      </c>
      <c r="CS10" s="280">
        <v>18</v>
      </c>
      <c r="CT10" s="280">
        <v>21</v>
      </c>
      <c r="CU10" s="280">
        <v>4</v>
      </c>
      <c r="CV10" s="277">
        <v>64</v>
      </c>
      <c r="CW10" s="282">
        <v>65</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45</v>
      </c>
      <c r="DU10" s="280">
        <v>690</v>
      </c>
      <c r="DV10" s="277">
        <v>1035</v>
      </c>
      <c r="DW10" s="279">
        <v>0</v>
      </c>
      <c r="DX10" s="280">
        <v>2055</v>
      </c>
      <c r="DY10" s="280">
        <v>2287</v>
      </c>
      <c r="DZ10" s="280">
        <v>1305</v>
      </c>
      <c r="EA10" s="280">
        <v>1016</v>
      </c>
      <c r="EB10" s="280">
        <v>619</v>
      </c>
      <c r="EC10" s="277">
        <v>7282</v>
      </c>
      <c r="ED10" s="282">
        <v>8317</v>
      </c>
      <c r="EE10" s="276">
        <v>92</v>
      </c>
      <c r="EF10" s="280">
        <v>42</v>
      </c>
      <c r="EG10" s="277">
        <v>134</v>
      </c>
      <c r="EH10" s="279">
        <v>0</v>
      </c>
      <c r="EI10" s="280">
        <v>468</v>
      </c>
      <c r="EJ10" s="280">
        <v>292</v>
      </c>
      <c r="EK10" s="280">
        <v>251</v>
      </c>
      <c r="EL10" s="280">
        <v>275</v>
      </c>
      <c r="EM10" s="280">
        <v>147</v>
      </c>
      <c r="EN10" s="277">
        <v>1433</v>
      </c>
      <c r="EO10" s="282">
        <v>1567</v>
      </c>
      <c r="EP10" s="276">
        <v>395</v>
      </c>
      <c r="EQ10" s="280">
        <v>744</v>
      </c>
      <c r="ER10" s="277">
        <v>1139</v>
      </c>
      <c r="ES10" s="279">
        <v>0</v>
      </c>
      <c r="ET10" s="280">
        <v>4493</v>
      </c>
      <c r="EU10" s="280">
        <v>3107</v>
      </c>
      <c r="EV10" s="280">
        <v>1599</v>
      </c>
      <c r="EW10" s="280">
        <v>1119</v>
      </c>
      <c r="EX10" s="280">
        <v>642</v>
      </c>
      <c r="EY10" s="277">
        <v>10960</v>
      </c>
      <c r="EZ10" s="282">
        <v>12099</v>
      </c>
    </row>
    <row r="11" spans="2:156" ht="21" customHeight="1" x14ac:dyDescent="0.2">
      <c r="B11" s="261" t="s">
        <v>8</v>
      </c>
      <c r="C11" s="276">
        <v>0</v>
      </c>
      <c r="D11" s="280">
        <v>0</v>
      </c>
      <c r="E11" s="382">
        <v>0</v>
      </c>
      <c r="F11" s="279">
        <v>0</v>
      </c>
      <c r="G11" s="280">
        <v>458</v>
      </c>
      <c r="H11" s="280">
        <v>631</v>
      </c>
      <c r="I11" s="280">
        <v>392</v>
      </c>
      <c r="J11" s="280">
        <v>312</v>
      </c>
      <c r="K11" s="280">
        <v>245</v>
      </c>
      <c r="L11" s="281">
        <v>2038</v>
      </c>
      <c r="M11" s="282">
        <v>2038</v>
      </c>
      <c r="N11" s="276">
        <v>0</v>
      </c>
      <c r="O11" s="280">
        <v>0</v>
      </c>
      <c r="P11" s="277">
        <v>0</v>
      </c>
      <c r="Q11" s="279">
        <v>0</v>
      </c>
      <c r="R11" s="280">
        <v>5</v>
      </c>
      <c r="S11" s="280">
        <v>16</v>
      </c>
      <c r="T11" s="280">
        <v>23</v>
      </c>
      <c r="U11" s="280">
        <v>57</v>
      </c>
      <c r="V11" s="280">
        <v>105</v>
      </c>
      <c r="W11" s="277">
        <v>206</v>
      </c>
      <c r="X11" s="282">
        <v>206</v>
      </c>
      <c r="Y11" s="276">
        <v>59</v>
      </c>
      <c r="Z11" s="280">
        <v>71</v>
      </c>
      <c r="AA11" s="277">
        <v>130</v>
      </c>
      <c r="AB11" s="279">
        <v>0</v>
      </c>
      <c r="AC11" s="280">
        <v>284</v>
      </c>
      <c r="AD11" s="280">
        <v>392</v>
      </c>
      <c r="AE11" s="280">
        <v>260</v>
      </c>
      <c r="AF11" s="280">
        <v>227</v>
      </c>
      <c r="AG11" s="280">
        <v>175</v>
      </c>
      <c r="AH11" s="277">
        <v>1338</v>
      </c>
      <c r="AI11" s="282">
        <v>1468</v>
      </c>
      <c r="AJ11" s="276">
        <v>8</v>
      </c>
      <c r="AK11" s="280">
        <v>15</v>
      </c>
      <c r="AL11" s="277">
        <v>23</v>
      </c>
      <c r="AM11" s="279">
        <v>0</v>
      </c>
      <c r="AN11" s="280">
        <v>65</v>
      </c>
      <c r="AO11" s="280">
        <v>85</v>
      </c>
      <c r="AP11" s="280">
        <v>49</v>
      </c>
      <c r="AQ11" s="280">
        <v>40</v>
      </c>
      <c r="AR11" s="280">
        <v>24</v>
      </c>
      <c r="AS11" s="277">
        <v>263</v>
      </c>
      <c r="AT11" s="282">
        <v>286</v>
      </c>
      <c r="AU11" s="276">
        <v>68</v>
      </c>
      <c r="AV11" s="280">
        <v>58</v>
      </c>
      <c r="AW11" s="277">
        <v>126</v>
      </c>
      <c r="AX11" s="279">
        <v>0</v>
      </c>
      <c r="AY11" s="280">
        <v>479</v>
      </c>
      <c r="AZ11" s="280">
        <v>561</v>
      </c>
      <c r="BA11" s="280">
        <v>542</v>
      </c>
      <c r="BB11" s="280">
        <v>536</v>
      </c>
      <c r="BC11" s="280">
        <v>390</v>
      </c>
      <c r="BD11" s="281">
        <v>2508</v>
      </c>
      <c r="BE11" s="282">
        <v>2634</v>
      </c>
      <c r="BF11" s="276">
        <v>0</v>
      </c>
      <c r="BG11" s="280">
        <v>0</v>
      </c>
      <c r="BH11" s="277">
        <v>0</v>
      </c>
      <c r="BI11" s="279">
        <v>0</v>
      </c>
      <c r="BJ11" s="280">
        <v>576</v>
      </c>
      <c r="BK11" s="280">
        <v>656</v>
      </c>
      <c r="BL11" s="280">
        <v>370</v>
      </c>
      <c r="BM11" s="280">
        <v>211</v>
      </c>
      <c r="BN11" s="280">
        <v>109</v>
      </c>
      <c r="BO11" s="277">
        <v>1922</v>
      </c>
      <c r="BP11" s="282">
        <v>1922</v>
      </c>
      <c r="BQ11" s="276">
        <v>53</v>
      </c>
      <c r="BR11" s="280">
        <v>63</v>
      </c>
      <c r="BS11" s="277">
        <v>116</v>
      </c>
      <c r="BT11" s="279">
        <v>0</v>
      </c>
      <c r="BU11" s="280">
        <v>118</v>
      </c>
      <c r="BV11" s="280">
        <v>163</v>
      </c>
      <c r="BW11" s="280">
        <v>112</v>
      </c>
      <c r="BX11" s="280">
        <v>51</v>
      </c>
      <c r="BY11" s="280">
        <v>19</v>
      </c>
      <c r="BZ11" s="277">
        <v>463</v>
      </c>
      <c r="CA11" s="282">
        <v>579</v>
      </c>
      <c r="CB11" s="276">
        <v>2</v>
      </c>
      <c r="CC11" s="280">
        <v>12</v>
      </c>
      <c r="CD11" s="277">
        <v>14</v>
      </c>
      <c r="CE11" s="279">
        <v>0</v>
      </c>
      <c r="CF11" s="280">
        <v>89</v>
      </c>
      <c r="CG11" s="280">
        <v>170</v>
      </c>
      <c r="CH11" s="280">
        <v>217</v>
      </c>
      <c r="CI11" s="280">
        <v>127</v>
      </c>
      <c r="CJ11" s="280">
        <v>56</v>
      </c>
      <c r="CK11" s="277">
        <v>659</v>
      </c>
      <c r="CL11" s="282">
        <v>673</v>
      </c>
      <c r="CM11" s="276">
        <v>0</v>
      </c>
      <c r="CN11" s="280">
        <v>0</v>
      </c>
      <c r="CO11" s="277">
        <v>0</v>
      </c>
      <c r="CP11" s="279">
        <v>0</v>
      </c>
      <c r="CQ11" s="280">
        <v>0</v>
      </c>
      <c r="CR11" s="280">
        <v>4</v>
      </c>
      <c r="CS11" s="280">
        <v>6</v>
      </c>
      <c r="CT11" s="280">
        <v>2</v>
      </c>
      <c r="CU11" s="280">
        <v>1</v>
      </c>
      <c r="CV11" s="277">
        <v>13</v>
      </c>
      <c r="CW11" s="282">
        <v>13</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438</v>
      </c>
      <c r="DU11" s="280">
        <v>581</v>
      </c>
      <c r="DV11" s="277">
        <v>1019</v>
      </c>
      <c r="DW11" s="279">
        <v>0</v>
      </c>
      <c r="DX11" s="280">
        <v>964</v>
      </c>
      <c r="DY11" s="280">
        <v>1540</v>
      </c>
      <c r="DZ11" s="280">
        <v>916</v>
      </c>
      <c r="EA11" s="280">
        <v>611</v>
      </c>
      <c r="EB11" s="280">
        <v>392</v>
      </c>
      <c r="EC11" s="277">
        <v>4423</v>
      </c>
      <c r="ED11" s="282">
        <v>5442</v>
      </c>
      <c r="EE11" s="276">
        <v>48</v>
      </c>
      <c r="EF11" s="280">
        <v>16</v>
      </c>
      <c r="EG11" s="277">
        <v>64</v>
      </c>
      <c r="EH11" s="279">
        <v>0</v>
      </c>
      <c r="EI11" s="280">
        <v>162</v>
      </c>
      <c r="EJ11" s="280">
        <v>119</v>
      </c>
      <c r="EK11" s="280">
        <v>105</v>
      </c>
      <c r="EL11" s="280">
        <v>122</v>
      </c>
      <c r="EM11" s="280">
        <v>76</v>
      </c>
      <c r="EN11" s="277">
        <v>584</v>
      </c>
      <c r="EO11" s="282">
        <v>648</v>
      </c>
      <c r="EP11" s="276">
        <v>520</v>
      </c>
      <c r="EQ11" s="280">
        <v>654</v>
      </c>
      <c r="ER11" s="277">
        <v>1174</v>
      </c>
      <c r="ES11" s="279">
        <v>0</v>
      </c>
      <c r="ET11" s="280">
        <v>1752</v>
      </c>
      <c r="EU11" s="280">
        <v>1894</v>
      </c>
      <c r="EV11" s="280">
        <v>1055</v>
      </c>
      <c r="EW11" s="280">
        <v>636</v>
      </c>
      <c r="EX11" s="280">
        <v>393</v>
      </c>
      <c r="EY11" s="277">
        <v>5730</v>
      </c>
      <c r="EZ11" s="282">
        <v>6904</v>
      </c>
    </row>
    <row r="12" spans="2:156" ht="21" customHeight="1" x14ac:dyDescent="0.2">
      <c r="B12" s="261" t="s">
        <v>9</v>
      </c>
      <c r="C12" s="276">
        <v>0</v>
      </c>
      <c r="D12" s="280">
        <v>0</v>
      </c>
      <c r="E12" s="382">
        <v>0</v>
      </c>
      <c r="F12" s="279">
        <v>0</v>
      </c>
      <c r="G12" s="280">
        <v>634</v>
      </c>
      <c r="H12" s="280">
        <v>525</v>
      </c>
      <c r="I12" s="280">
        <v>359</v>
      </c>
      <c r="J12" s="280">
        <v>328</v>
      </c>
      <c r="K12" s="280">
        <v>246</v>
      </c>
      <c r="L12" s="281">
        <v>2092</v>
      </c>
      <c r="M12" s="282">
        <v>2092</v>
      </c>
      <c r="N12" s="276">
        <v>0</v>
      </c>
      <c r="O12" s="280">
        <v>0</v>
      </c>
      <c r="P12" s="277">
        <v>0</v>
      </c>
      <c r="Q12" s="279">
        <v>0</v>
      </c>
      <c r="R12" s="280">
        <v>1</v>
      </c>
      <c r="S12" s="280">
        <v>11</v>
      </c>
      <c r="T12" s="280">
        <v>20</v>
      </c>
      <c r="U12" s="280">
        <v>55</v>
      </c>
      <c r="V12" s="280">
        <v>91</v>
      </c>
      <c r="W12" s="277">
        <v>178</v>
      </c>
      <c r="X12" s="282">
        <v>178</v>
      </c>
      <c r="Y12" s="276">
        <v>40</v>
      </c>
      <c r="Z12" s="280">
        <v>89</v>
      </c>
      <c r="AA12" s="277">
        <v>129</v>
      </c>
      <c r="AB12" s="279">
        <v>0</v>
      </c>
      <c r="AC12" s="280">
        <v>364</v>
      </c>
      <c r="AD12" s="280">
        <v>319</v>
      </c>
      <c r="AE12" s="280">
        <v>253</v>
      </c>
      <c r="AF12" s="280">
        <v>252</v>
      </c>
      <c r="AG12" s="280">
        <v>175</v>
      </c>
      <c r="AH12" s="277">
        <v>1363</v>
      </c>
      <c r="AI12" s="282">
        <v>1492</v>
      </c>
      <c r="AJ12" s="276">
        <v>2</v>
      </c>
      <c r="AK12" s="280">
        <v>10</v>
      </c>
      <c r="AL12" s="277">
        <v>12</v>
      </c>
      <c r="AM12" s="279">
        <v>0</v>
      </c>
      <c r="AN12" s="280">
        <v>47</v>
      </c>
      <c r="AO12" s="280">
        <v>50</v>
      </c>
      <c r="AP12" s="280">
        <v>55</v>
      </c>
      <c r="AQ12" s="280">
        <v>41</v>
      </c>
      <c r="AR12" s="280">
        <v>27</v>
      </c>
      <c r="AS12" s="277">
        <v>220</v>
      </c>
      <c r="AT12" s="282">
        <v>232</v>
      </c>
      <c r="AU12" s="276">
        <v>77</v>
      </c>
      <c r="AV12" s="280">
        <v>65</v>
      </c>
      <c r="AW12" s="277">
        <v>142</v>
      </c>
      <c r="AX12" s="279">
        <v>0</v>
      </c>
      <c r="AY12" s="280">
        <v>549</v>
      </c>
      <c r="AZ12" s="280">
        <v>567</v>
      </c>
      <c r="BA12" s="280">
        <v>558</v>
      </c>
      <c r="BB12" s="280">
        <v>601</v>
      </c>
      <c r="BC12" s="280">
        <v>431</v>
      </c>
      <c r="BD12" s="281">
        <v>2706</v>
      </c>
      <c r="BE12" s="282">
        <v>2848</v>
      </c>
      <c r="BF12" s="276">
        <v>0</v>
      </c>
      <c r="BG12" s="280">
        <v>0</v>
      </c>
      <c r="BH12" s="277">
        <v>0</v>
      </c>
      <c r="BI12" s="279">
        <v>0</v>
      </c>
      <c r="BJ12" s="280">
        <v>584</v>
      </c>
      <c r="BK12" s="280">
        <v>410</v>
      </c>
      <c r="BL12" s="280">
        <v>243</v>
      </c>
      <c r="BM12" s="280">
        <v>154</v>
      </c>
      <c r="BN12" s="280">
        <v>52</v>
      </c>
      <c r="BO12" s="277">
        <v>1443</v>
      </c>
      <c r="BP12" s="282">
        <v>1443</v>
      </c>
      <c r="BQ12" s="276">
        <v>45</v>
      </c>
      <c r="BR12" s="280">
        <v>68</v>
      </c>
      <c r="BS12" s="277">
        <v>113</v>
      </c>
      <c r="BT12" s="279">
        <v>0</v>
      </c>
      <c r="BU12" s="280">
        <v>155</v>
      </c>
      <c r="BV12" s="280">
        <v>134</v>
      </c>
      <c r="BW12" s="280">
        <v>78</v>
      </c>
      <c r="BX12" s="280">
        <v>76</v>
      </c>
      <c r="BY12" s="280">
        <v>27</v>
      </c>
      <c r="BZ12" s="277">
        <v>470</v>
      </c>
      <c r="CA12" s="282">
        <v>583</v>
      </c>
      <c r="CB12" s="276">
        <v>2</v>
      </c>
      <c r="CC12" s="280">
        <v>6</v>
      </c>
      <c r="CD12" s="277">
        <v>8</v>
      </c>
      <c r="CE12" s="279">
        <v>0</v>
      </c>
      <c r="CF12" s="280">
        <v>70</v>
      </c>
      <c r="CG12" s="280">
        <v>99</v>
      </c>
      <c r="CH12" s="280">
        <v>149</v>
      </c>
      <c r="CI12" s="280">
        <v>87</v>
      </c>
      <c r="CJ12" s="280">
        <v>49</v>
      </c>
      <c r="CK12" s="277">
        <v>454</v>
      </c>
      <c r="CL12" s="282">
        <v>462</v>
      </c>
      <c r="CM12" s="276">
        <v>0</v>
      </c>
      <c r="CN12" s="280">
        <v>0</v>
      </c>
      <c r="CO12" s="277">
        <v>0</v>
      </c>
      <c r="CP12" s="279">
        <v>0</v>
      </c>
      <c r="CQ12" s="280">
        <v>10</v>
      </c>
      <c r="CR12" s="280">
        <v>9</v>
      </c>
      <c r="CS12" s="280">
        <v>19</v>
      </c>
      <c r="CT12" s="280">
        <v>22</v>
      </c>
      <c r="CU12" s="280">
        <v>19</v>
      </c>
      <c r="CV12" s="277">
        <v>79</v>
      </c>
      <c r="CW12" s="282">
        <v>79</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56</v>
      </c>
      <c r="DU12" s="280">
        <v>469</v>
      </c>
      <c r="DV12" s="277">
        <v>825</v>
      </c>
      <c r="DW12" s="279">
        <v>0</v>
      </c>
      <c r="DX12" s="280">
        <v>966</v>
      </c>
      <c r="DY12" s="280">
        <v>994</v>
      </c>
      <c r="DZ12" s="280">
        <v>652</v>
      </c>
      <c r="EA12" s="280">
        <v>565</v>
      </c>
      <c r="EB12" s="280">
        <v>353</v>
      </c>
      <c r="EC12" s="277">
        <v>3530</v>
      </c>
      <c r="ED12" s="282">
        <v>4355</v>
      </c>
      <c r="EE12" s="276">
        <v>48</v>
      </c>
      <c r="EF12" s="280">
        <v>23</v>
      </c>
      <c r="EG12" s="277">
        <v>71</v>
      </c>
      <c r="EH12" s="279">
        <v>0</v>
      </c>
      <c r="EI12" s="280">
        <v>187</v>
      </c>
      <c r="EJ12" s="280">
        <v>165</v>
      </c>
      <c r="EK12" s="280">
        <v>135</v>
      </c>
      <c r="EL12" s="280">
        <v>178</v>
      </c>
      <c r="EM12" s="280">
        <v>120</v>
      </c>
      <c r="EN12" s="277">
        <v>785</v>
      </c>
      <c r="EO12" s="282">
        <v>856</v>
      </c>
      <c r="EP12" s="276">
        <v>406</v>
      </c>
      <c r="EQ12" s="280">
        <v>553</v>
      </c>
      <c r="ER12" s="277">
        <v>959</v>
      </c>
      <c r="ES12" s="279">
        <v>0</v>
      </c>
      <c r="ET12" s="280">
        <v>1753</v>
      </c>
      <c r="EU12" s="280">
        <v>1303</v>
      </c>
      <c r="EV12" s="280">
        <v>761</v>
      </c>
      <c r="EW12" s="280">
        <v>606</v>
      </c>
      <c r="EX12" s="280">
        <v>352</v>
      </c>
      <c r="EY12" s="277">
        <v>4775</v>
      </c>
      <c r="EZ12" s="282">
        <v>5734</v>
      </c>
    </row>
    <row r="13" spans="2:156" ht="21" customHeight="1" x14ac:dyDescent="0.2">
      <c r="B13" s="261" t="s">
        <v>10</v>
      </c>
      <c r="C13" s="276">
        <v>0</v>
      </c>
      <c r="D13" s="280">
        <v>0</v>
      </c>
      <c r="E13" s="382">
        <v>0</v>
      </c>
      <c r="F13" s="279">
        <v>0</v>
      </c>
      <c r="G13" s="280">
        <v>1353</v>
      </c>
      <c r="H13" s="280">
        <v>755</v>
      </c>
      <c r="I13" s="280">
        <v>505</v>
      </c>
      <c r="J13" s="280">
        <v>451</v>
      </c>
      <c r="K13" s="280">
        <v>361</v>
      </c>
      <c r="L13" s="281">
        <v>3425</v>
      </c>
      <c r="M13" s="282">
        <v>3425</v>
      </c>
      <c r="N13" s="276">
        <v>0</v>
      </c>
      <c r="O13" s="280">
        <v>0</v>
      </c>
      <c r="P13" s="277">
        <v>0</v>
      </c>
      <c r="Q13" s="279">
        <v>0</v>
      </c>
      <c r="R13" s="280">
        <v>11</v>
      </c>
      <c r="S13" s="280">
        <v>26</v>
      </c>
      <c r="T13" s="280">
        <v>38</v>
      </c>
      <c r="U13" s="280">
        <v>72</v>
      </c>
      <c r="V13" s="280">
        <v>172</v>
      </c>
      <c r="W13" s="277">
        <v>319</v>
      </c>
      <c r="X13" s="282">
        <v>319</v>
      </c>
      <c r="Y13" s="276">
        <v>164</v>
      </c>
      <c r="Z13" s="280">
        <v>309</v>
      </c>
      <c r="AA13" s="277">
        <v>473</v>
      </c>
      <c r="AB13" s="279">
        <v>0</v>
      </c>
      <c r="AC13" s="280">
        <v>784</v>
      </c>
      <c r="AD13" s="280">
        <v>556</v>
      </c>
      <c r="AE13" s="280">
        <v>340</v>
      </c>
      <c r="AF13" s="280">
        <v>308</v>
      </c>
      <c r="AG13" s="280">
        <v>302</v>
      </c>
      <c r="AH13" s="277">
        <v>2290</v>
      </c>
      <c r="AI13" s="282">
        <v>2763</v>
      </c>
      <c r="AJ13" s="276">
        <v>25</v>
      </c>
      <c r="AK13" s="280">
        <v>50</v>
      </c>
      <c r="AL13" s="277">
        <v>75</v>
      </c>
      <c r="AM13" s="279">
        <v>0</v>
      </c>
      <c r="AN13" s="280">
        <v>106</v>
      </c>
      <c r="AO13" s="280">
        <v>92</v>
      </c>
      <c r="AP13" s="280">
        <v>66</v>
      </c>
      <c r="AQ13" s="280">
        <v>41</v>
      </c>
      <c r="AR13" s="280">
        <v>58</v>
      </c>
      <c r="AS13" s="277">
        <v>363</v>
      </c>
      <c r="AT13" s="282">
        <v>438</v>
      </c>
      <c r="AU13" s="276">
        <v>189</v>
      </c>
      <c r="AV13" s="280">
        <v>273</v>
      </c>
      <c r="AW13" s="277">
        <v>462</v>
      </c>
      <c r="AX13" s="279">
        <v>0</v>
      </c>
      <c r="AY13" s="280">
        <v>1258</v>
      </c>
      <c r="AZ13" s="280">
        <v>1081</v>
      </c>
      <c r="BA13" s="280">
        <v>958</v>
      </c>
      <c r="BB13" s="280">
        <v>948</v>
      </c>
      <c r="BC13" s="280">
        <v>764</v>
      </c>
      <c r="BD13" s="281">
        <v>5009</v>
      </c>
      <c r="BE13" s="282">
        <v>5471</v>
      </c>
      <c r="BF13" s="276">
        <v>0</v>
      </c>
      <c r="BG13" s="280">
        <v>0</v>
      </c>
      <c r="BH13" s="277">
        <v>0</v>
      </c>
      <c r="BI13" s="279">
        <v>0</v>
      </c>
      <c r="BJ13" s="280">
        <v>1576</v>
      </c>
      <c r="BK13" s="280">
        <v>822</v>
      </c>
      <c r="BL13" s="280">
        <v>468</v>
      </c>
      <c r="BM13" s="280">
        <v>305</v>
      </c>
      <c r="BN13" s="280">
        <v>146</v>
      </c>
      <c r="BO13" s="277">
        <v>3317</v>
      </c>
      <c r="BP13" s="282">
        <v>3317</v>
      </c>
      <c r="BQ13" s="276">
        <v>58</v>
      </c>
      <c r="BR13" s="280">
        <v>89</v>
      </c>
      <c r="BS13" s="277">
        <v>147</v>
      </c>
      <c r="BT13" s="279">
        <v>0</v>
      </c>
      <c r="BU13" s="280">
        <v>247</v>
      </c>
      <c r="BV13" s="280">
        <v>203</v>
      </c>
      <c r="BW13" s="280">
        <v>97</v>
      </c>
      <c r="BX13" s="280">
        <v>62</v>
      </c>
      <c r="BY13" s="280">
        <v>28</v>
      </c>
      <c r="BZ13" s="277">
        <v>637</v>
      </c>
      <c r="CA13" s="282">
        <v>784</v>
      </c>
      <c r="CB13" s="276">
        <v>7</v>
      </c>
      <c r="CC13" s="280">
        <v>19</v>
      </c>
      <c r="CD13" s="277">
        <v>26</v>
      </c>
      <c r="CE13" s="279">
        <v>0</v>
      </c>
      <c r="CF13" s="280">
        <v>183</v>
      </c>
      <c r="CG13" s="280">
        <v>166</v>
      </c>
      <c r="CH13" s="280">
        <v>191</v>
      </c>
      <c r="CI13" s="280">
        <v>157</v>
      </c>
      <c r="CJ13" s="280">
        <v>103</v>
      </c>
      <c r="CK13" s="277">
        <v>800</v>
      </c>
      <c r="CL13" s="282">
        <v>826</v>
      </c>
      <c r="CM13" s="276">
        <v>0</v>
      </c>
      <c r="CN13" s="280">
        <v>1</v>
      </c>
      <c r="CO13" s="277">
        <v>1</v>
      </c>
      <c r="CP13" s="279">
        <v>0</v>
      </c>
      <c r="CQ13" s="280">
        <v>9</v>
      </c>
      <c r="CR13" s="280">
        <v>16</v>
      </c>
      <c r="CS13" s="280">
        <v>20</v>
      </c>
      <c r="CT13" s="280">
        <v>10</v>
      </c>
      <c r="CU13" s="280">
        <v>14</v>
      </c>
      <c r="CV13" s="277">
        <v>69</v>
      </c>
      <c r="CW13" s="282">
        <v>70</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987</v>
      </c>
      <c r="DU13" s="280">
        <v>1255</v>
      </c>
      <c r="DV13" s="277">
        <v>2242</v>
      </c>
      <c r="DW13" s="279">
        <v>0</v>
      </c>
      <c r="DX13" s="280">
        <v>2007</v>
      </c>
      <c r="DY13" s="280">
        <v>1601</v>
      </c>
      <c r="DZ13" s="280">
        <v>1022</v>
      </c>
      <c r="EA13" s="280">
        <v>882</v>
      </c>
      <c r="EB13" s="280">
        <v>630</v>
      </c>
      <c r="EC13" s="277">
        <v>6142</v>
      </c>
      <c r="ED13" s="282">
        <v>8384</v>
      </c>
      <c r="EE13" s="276">
        <v>74</v>
      </c>
      <c r="EF13" s="280">
        <v>63</v>
      </c>
      <c r="EG13" s="277">
        <v>137</v>
      </c>
      <c r="EH13" s="279">
        <v>0</v>
      </c>
      <c r="EI13" s="280">
        <v>292</v>
      </c>
      <c r="EJ13" s="280">
        <v>212</v>
      </c>
      <c r="EK13" s="280">
        <v>211</v>
      </c>
      <c r="EL13" s="280">
        <v>227</v>
      </c>
      <c r="EM13" s="280">
        <v>149</v>
      </c>
      <c r="EN13" s="277">
        <v>1091</v>
      </c>
      <c r="EO13" s="282">
        <v>1228</v>
      </c>
      <c r="EP13" s="276">
        <v>1157</v>
      </c>
      <c r="EQ13" s="280">
        <v>1462</v>
      </c>
      <c r="ER13" s="277">
        <v>2619</v>
      </c>
      <c r="ES13" s="279">
        <v>0</v>
      </c>
      <c r="ET13" s="280">
        <v>3512</v>
      </c>
      <c r="EU13" s="280">
        <v>1976</v>
      </c>
      <c r="EV13" s="280">
        <v>1142</v>
      </c>
      <c r="EW13" s="280">
        <v>859</v>
      </c>
      <c r="EX13" s="280">
        <v>598</v>
      </c>
      <c r="EY13" s="277">
        <v>8087</v>
      </c>
      <c r="EZ13" s="282">
        <v>10706</v>
      </c>
    </row>
    <row r="14" spans="2:156" ht="21" customHeight="1" x14ac:dyDescent="0.2">
      <c r="B14" s="261" t="s">
        <v>11</v>
      </c>
      <c r="C14" s="276">
        <v>0</v>
      </c>
      <c r="D14" s="280">
        <v>0</v>
      </c>
      <c r="E14" s="382">
        <v>0</v>
      </c>
      <c r="F14" s="279">
        <v>0</v>
      </c>
      <c r="G14" s="280">
        <v>493</v>
      </c>
      <c r="H14" s="280">
        <v>380</v>
      </c>
      <c r="I14" s="280">
        <v>260</v>
      </c>
      <c r="J14" s="280">
        <v>247</v>
      </c>
      <c r="K14" s="280">
        <v>165</v>
      </c>
      <c r="L14" s="281">
        <v>1545</v>
      </c>
      <c r="M14" s="282">
        <v>1545</v>
      </c>
      <c r="N14" s="276">
        <v>0</v>
      </c>
      <c r="O14" s="280">
        <v>1</v>
      </c>
      <c r="P14" s="277">
        <v>1</v>
      </c>
      <c r="Q14" s="279">
        <v>0</v>
      </c>
      <c r="R14" s="280">
        <v>4</v>
      </c>
      <c r="S14" s="280">
        <v>12</v>
      </c>
      <c r="T14" s="280">
        <v>25</v>
      </c>
      <c r="U14" s="280">
        <v>51</v>
      </c>
      <c r="V14" s="280">
        <v>72</v>
      </c>
      <c r="W14" s="277">
        <v>164</v>
      </c>
      <c r="X14" s="282">
        <v>165</v>
      </c>
      <c r="Y14" s="276">
        <v>45</v>
      </c>
      <c r="Z14" s="280">
        <v>54</v>
      </c>
      <c r="AA14" s="277">
        <v>99</v>
      </c>
      <c r="AB14" s="279">
        <v>0</v>
      </c>
      <c r="AC14" s="280">
        <v>329</v>
      </c>
      <c r="AD14" s="280">
        <v>253</v>
      </c>
      <c r="AE14" s="280">
        <v>192</v>
      </c>
      <c r="AF14" s="280">
        <v>184</v>
      </c>
      <c r="AG14" s="280">
        <v>147</v>
      </c>
      <c r="AH14" s="277">
        <v>1105</v>
      </c>
      <c r="AI14" s="282">
        <v>1204</v>
      </c>
      <c r="AJ14" s="276">
        <v>5</v>
      </c>
      <c r="AK14" s="280">
        <v>6</v>
      </c>
      <c r="AL14" s="277">
        <v>11</v>
      </c>
      <c r="AM14" s="279">
        <v>0</v>
      </c>
      <c r="AN14" s="280">
        <v>21</v>
      </c>
      <c r="AO14" s="280">
        <v>29</v>
      </c>
      <c r="AP14" s="280">
        <v>23</v>
      </c>
      <c r="AQ14" s="280">
        <v>24</v>
      </c>
      <c r="AR14" s="280">
        <v>6</v>
      </c>
      <c r="AS14" s="277">
        <v>103</v>
      </c>
      <c r="AT14" s="282">
        <v>114</v>
      </c>
      <c r="AU14" s="276">
        <v>54</v>
      </c>
      <c r="AV14" s="280">
        <v>48</v>
      </c>
      <c r="AW14" s="277">
        <v>102</v>
      </c>
      <c r="AX14" s="279">
        <v>0</v>
      </c>
      <c r="AY14" s="280">
        <v>440</v>
      </c>
      <c r="AZ14" s="280">
        <v>468</v>
      </c>
      <c r="BA14" s="280">
        <v>430</v>
      </c>
      <c r="BB14" s="280">
        <v>446</v>
      </c>
      <c r="BC14" s="280">
        <v>290</v>
      </c>
      <c r="BD14" s="281">
        <v>2074</v>
      </c>
      <c r="BE14" s="282">
        <v>2176</v>
      </c>
      <c r="BF14" s="276">
        <v>0</v>
      </c>
      <c r="BG14" s="280">
        <v>0</v>
      </c>
      <c r="BH14" s="277">
        <v>0</v>
      </c>
      <c r="BI14" s="279">
        <v>0</v>
      </c>
      <c r="BJ14" s="280">
        <v>716</v>
      </c>
      <c r="BK14" s="280">
        <v>422</v>
      </c>
      <c r="BL14" s="280">
        <v>260</v>
      </c>
      <c r="BM14" s="280">
        <v>196</v>
      </c>
      <c r="BN14" s="280">
        <v>91</v>
      </c>
      <c r="BO14" s="277">
        <v>1685</v>
      </c>
      <c r="BP14" s="282">
        <v>1685</v>
      </c>
      <c r="BQ14" s="276">
        <v>105</v>
      </c>
      <c r="BR14" s="280">
        <v>73</v>
      </c>
      <c r="BS14" s="277">
        <v>178</v>
      </c>
      <c r="BT14" s="279">
        <v>0</v>
      </c>
      <c r="BU14" s="280">
        <v>213</v>
      </c>
      <c r="BV14" s="280">
        <v>149</v>
      </c>
      <c r="BW14" s="280">
        <v>101</v>
      </c>
      <c r="BX14" s="280">
        <v>67</v>
      </c>
      <c r="BY14" s="280">
        <v>20</v>
      </c>
      <c r="BZ14" s="277">
        <v>550</v>
      </c>
      <c r="CA14" s="282">
        <v>728</v>
      </c>
      <c r="CB14" s="276">
        <v>5</v>
      </c>
      <c r="CC14" s="280">
        <v>8</v>
      </c>
      <c r="CD14" s="277">
        <v>13</v>
      </c>
      <c r="CE14" s="279">
        <v>0</v>
      </c>
      <c r="CF14" s="280">
        <v>94</v>
      </c>
      <c r="CG14" s="280">
        <v>105</v>
      </c>
      <c r="CH14" s="280">
        <v>105</v>
      </c>
      <c r="CI14" s="280">
        <v>83</v>
      </c>
      <c r="CJ14" s="280">
        <v>46</v>
      </c>
      <c r="CK14" s="277">
        <v>433</v>
      </c>
      <c r="CL14" s="282">
        <v>446</v>
      </c>
      <c r="CM14" s="276">
        <v>0</v>
      </c>
      <c r="CN14" s="280">
        <v>0</v>
      </c>
      <c r="CO14" s="277">
        <v>0</v>
      </c>
      <c r="CP14" s="279">
        <v>0</v>
      </c>
      <c r="CQ14" s="280">
        <v>4</v>
      </c>
      <c r="CR14" s="280">
        <v>10</v>
      </c>
      <c r="CS14" s="280">
        <v>10</v>
      </c>
      <c r="CT14" s="280">
        <v>5</v>
      </c>
      <c r="CU14" s="280">
        <v>12</v>
      </c>
      <c r="CV14" s="277">
        <v>41</v>
      </c>
      <c r="CW14" s="282">
        <v>41</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384</v>
      </c>
      <c r="DU14" s="280">
        <v>475</v>
      </c>
      <c r="DV14" s="277">
        <v>859</v>
      </c>
      <c r="DW14" s="279">
        <v>0</v>
      </c>
      <c r="DX14" s="280">
        <v>980</v>
      </c>
      <c r="DY14" s="280">
        <v>857</v>
      </c>
      <c r="DZ14" s="280">
        <v>608</v>
      </c>
      <c r="EA14" s="280">
        <v>515</v>
      </c>
      <c r="EB14" s="280">
        <v>286</v>
      </c>
      <c r="EC14" s="277">
        <v>3246</v>
      </c>
      <c r="ED14" s="282">
        <v>4105</v>
      </c>
      <c r="EE14" s="276">
        <v>33</v>
      </c>
      <c r="EF14" s="280">
        <v>32</v>
      </c>
      <c r="EG14" s="277">
        <v>65</v>
      </c>
      <c r="EH14" s="279">
        <v>0</v>
      </c>
      <c r="EI14" s="280">
        <v>193</v>
      </c>
      <c r="EJ14" s="280">
        <v>129</v>
      </c>
      <c r="EK14" s="280">
        <v>128</v>
      </c>
      <c r="EL14" s="280">
        <v>151</v>
      </c>
      <c r="EM14" s="280">
        <v>67</v>
      </c>
      <c r="EN14" s="277">
        <v>668</v>
      </c>
      <c r="EO14" s="282">
        <v>733</v>
      </c>
      <c r="EP14" s="276">
        <v>495</v>
      </c>
      <c r="EQ14" s="280">
        <v>538</v>
      </c>
      <c r="ER14" s="277">
        <v>1033</v>
      </c>
      <c r="ES14" s="279">
        <v>0</v>
      </c>
      <c r="ET14" s="280">
        <v>1901</v>
      </c>
      <c r="EU14" s="280">
        <v>1150</v>
      </c>
      <c r="EV14" s="280">
        <v>738</v>
      </c>
      <c r="EW14" s="280">
        <v>542</v>
      </c>
      <c r="EX14" s="280">
        <v>304</v>
      </c>
      <c r="EY14" s="277">
        <v>4635</v>
      </c>
      <c r="EZ14" s="282">
        <v>5668</v>
      </c>
    </row>
    <row r="15" spans="2:156" ht="21" customHeight="1" x14ac:dyDescent="0.2">
      <c r="B15" s="261" t="s">
        <v>12</v>
      </c>
      <c r="C15" s="276">
        <v>0</v>
      </c>
      <c r="D15" s="280">
        <v>0</v>
      </c>
      <c r="E15" s="382">
        <v>0</v>
      </c>
      <c r="F15" s="279">
        <v>0</v>
      </c>
      <c r="G15" s="280">
        <v>506</v>
      </c>
      <c r="H15" s="280">
        <v>466</v>
      </c>
      <c r="I15" s="280">
        <v>312</v>
      </c>
      <c r="J15" s="280">
        <v>297</v>
      </c>
      <c r="K15" s="280">
        <v>240</v>
      </c>
      <c r="L15" s="281">
        <v>1821</v>
      </c>
      <c r="M15" s="282">
        <v>1821</v>
      </c>
      <c r="N15" s="276">
        <v>0</v>
      </c>
      <c r="O15" s="280">
        <v>5</v>
      </c>
      <c r="P15" s="277">
        <v>5</v>
      </c>
      <c r="Q15" s="279">
        <v>0</v>
      </c>
      <c r="R15" s="280">
        <v>2</v>
      </c>
      <c r="S15" s="280">
        <v>18</v>
      </c>
      <c r="T15" s="280">
        <v>23</v>
      </c>
      <c r="U15" s="280">
        <v>73</v>
      </c>
      <c r="V15" s="280">
        <v>83</v>
      </c>
      <c r="W15" s="277">
        <v>199</v>
      </c>
      <c r="X15" s="282">
        <v>204</v>
      </c>
      <c r="Y15" s="276">
        <v>107</v>
      </c>
      <c r="Z15" s="280">
        <v>262</v>
      </c>
      <c r="AA15" s="277">
        <v>369</v>
      </c>
      <c r="AB15" s="279">
        <v>0</v>
      </c>
      <c r="AC15" s="280">
        <v>321</v>
      </c>
      <c r="AD15" s="280">
        <v>381</v>
      </c>
      <c r="AE15" s="280">
        <v>240</v>
      </c>
      <c r="AF15" s="280">
        <v>230</v>
      </c>
      <c r="AG15" s="280">
        <v>179</v>
      </c>
      <c r="AH15" s="277">
        <v>1351</v>
      </c>
      <c r="AI15" s="282">
        <v>1720</v>
      </c>
      <c r="AJ15" s="276">
        <v>4</v>
      </c>
      <c r="AK15" s="280">
        <v>25</v>
      </c>
      <c r="AL15" s="277">
        <v>29</v>
      </c>
      <c r="AM15" s="279">
        <v>0</v>
      </c>
      <c r="AN15" s="280">
        <v>17</v>
      </c>
      <c r="AO15" s="280">
        <v>42</v>
      </c>
      <c r="AP15" s="280">
        <v>32</v>
      </c>
      <c r="AQ15" s="280">
        <v>24</v>
      </c>
      <c r="AR15" s="280">
        <v>16</v>
      </c>
      <c r="AS15" s="277">
        <v>131</v>
      </c>
      <c r="AT15" s="282">
        <v>160</v>
      </c>
      <c r="AU15" s="276">
        <v>80</v>
      </c>
      <c r="AV15" s="280">
        <v>118</v>
      </c>
      <c r="AW15" s="277">
        <v>198</v>
      </c>
      <c r="AX15" s="279">
        <v>0</v>
      </c>
      <c r="AY15" s="280">
        <v>323</v>
      </c>
      <c r="AZ15" s="280">
        <v>404</v>
      </c>
      <c r="BA15" s="280">
        <v>365</v>
      </c>
      <c r="BB15" s="280">
        <v>454</v>
      </c>
      <c r="BC15" s="280">
        <v>352</v>
      </c>
      <c r="BD15" s="281">
        <v>1898</v>
      </c>
      <c r="BE15" s="282">
        <v>2096</v>
      </c>
      <c r="BF15" s="276">
        <v>0</v>
      </c>
      <c r="BG15" s="280">
        <v>0</v>
      </c>
      <c r="BH15" s="277">
        <v>0</v>
      </c>
      <c r="BI15" s="279">
        <v>0</v>
      </c>
      <c r="BJ15" s="280">
        <v>634</v>
      </c>
      <c r="BK15" s="280">
        <v>438</v>
      </c>
      <c r="BL15" s="280">
        <v>267</v>
      </c>
      <c r="BM15" s="280">
        <v>215</v>
      </c>
      <c r="BN15" s="280">
        <v>96</v>
      </c>
      <c r="BO15" s="277">
        <v>1650</v>
      </c>
      <c r="BP15" s="282">
        <v>1650</v>
      </c>
      <c r="BQ15" s="276">
        <v>135</v>
      </c>
      <c r="BR15" s="280">
        <v>138</v>
      </c>
      <c r="BS15" s="277">
        <v>273</v>
      </c>
      <c r="BT15" s="279">
        <v>0</v>
      </c>
      <c r="BU15" s="280">
        <v>142</v>
      </c>
      <c r="BV15" s="280">
        <v>175</v>
      </c>
      <c r="BW15" s="280">
        <v>122</v>
      </c>
      <c r="BX15" s="280">
        <v>91</v>
      </c>
      <c r="BY15" s="280">
        <v>27</v>
      </c>
      <c r="BZ15" s="277">
        <v>557</v>
      </c>
      <c r="CA15" s="282">
        <v>830</v>
      </c>
      <c r="CB15" s="276">
        <v>6</v>
      </c>
      <c r="CC15" s="280">
        <v>15</v>
      </c>
      <c r="CD15" s="277">
        <v>21</v>
      </c>
      <c r="CE15" s="279">
        <v>0</v>
      </c>
      <c r="CF15" s="280">
        <v>105</v>
      </c>
      <c r="CG15" s="280">
        <v>106</v>
      </c>
      <c r="CH15" s="280">
        <v>137</v>
      </c>
      <c r="CI15" s="280">
        <v>106</v>
      </c>
      <c r="CJ15" s="280">
        <v>61</v>
      </c>
      <c r="CK15" s="277">
        <v>515</v>
      </c>
      <c r="CL15" s="282">
        <v>536</v>
      </c>
      <c r="CM15" s="276">
        <v>0</v>
      </c>
      <c r="CN15" s="280">
        <v>0</v>
      </c>
      <c r="CO15" s="277">
        <v>0</v>
      </c>
      <c r="CP15" s="279">
        <v>0</v>
      </c>
      <c r="CQ15" s="280">
        <v>3</v>
      </c>
      <c r="CR15" s="280">
        <v>5</v>
      </c>
      <c r="CS15" s="280">
        <v>5</v>
      </c>
      <c r="CT15" s="280">
        <v>3</v>
      </c>
      <c r="CU15" s="280">
        <v>2</v>
      </c>
      <c r="CV15" s="277">
        <v>18</v>
      </c>
      <c r="CW15" s="282">
        <v>18</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467</v>
      </c>
      <c r="DU15" s="280">
        <v>869</v>
      </c>
      <c r="DV15" s="277">
        <v>1336</v>
      </c>
      <c r="DW15" s="279">
        <v>0</v>
      </c>
      <c r="DX15" s="280">
        <v>617</v>
      </c>
      <c r="DY15" s="280">
        <v>984</v>
      </c>
      <c r="DZ15" s="280">
        <v>689</v>
      </c>
      <c r="EA15" s="280">
        <v>632</v>
      </c>
      <c r="EB15" s="280">
        <v>377</v>
      </c>
      <c r="EC15" s="277">
        <v>3299</v>
      </c>
      <c r="ED15" s="282">
        <v>4635</v>
      </c>
      <c r="EE15" s="276">
        <v>44</v>
      </c>
      <c r="EF15" s="280">
        <v>44</v>
      </c>
      <c r="EG15" s="277">
        <v>88</v>
      </c>
      <c r="EH15" s="279">
        <v>0</v>
      </c>
      <c r="EI15" s="280">
        <v>106</v>
      </c>
      <c r="EJ15" s="280">
        <v>99</v>
      </c>
      <c r="EK15" s="280">
        <v>106</v>
      </c>
      <c r="EL15" s="280">
        <v>136</v>
      </c>
      <c r="EM15" s="280">
        <v>78</v>
      </c>
      <c r="EN15" s="277">
        <v>525</v>
      </c>
      <c r="EO15" s="282">
        <v>613</v>
      </c>
      <c r="EP15" s="276">
        <v>653</v>
      </c>
      <c r="EQ15" s="280">
        <v>1049</v>
      </c>
      <c r="ER15" s="277">
        <v>1702</v>
      </c>
      <c r="ES15" s="279">
        <v>0</v>
      </c>
      <c r="ET15" s="280">
        <v>1542</v>
      </c>
      <c r="EU15" s="280">
        <v>1275</v>
      </c>
      <c r="EV15" s="280">
        <v>789</v>
      </c>
      <c r="EW15" s="280">
        <v>636</v>
      </c>
      <c r="EX15" s="280">
        <v>355</v>
      </c>
      <c r="EY15" s="277">
        <v>4597</v>
      </c>
      <c r="EZ15" s="282">
        <v>6299</v>
      </c>
    </row>
    <row r="16" spans="2:156" ht="21" customHeight="1" x14ac:dyDescent="0.2">
      <c r="B16" s="261" t="s">
        <v>13</v>
      </c>
      <c r="C16" s="276">
        <v>0</v>
      </c>
      <c r="D16" s="280">
        <v>0</v>
      </c>
      <c r="E16" s="382">
        <v>0</v>
      </c>
      <c r="F16" s="279">
        <v>0</v>
      </c>
      <c r="G16" s="280">
        <v>226</v>
      </c>
      <c r="H16" s="280">
        <v>209</v>
      </c>
      <c r="I16" s="280">
        <v>132</v>
      </c>
      <c r="J16" s="280">
        <v>114</v>
      </c>
      <c r="K16" s="280">
        <v>113</v>
      </c>
      <c r="L16" s="281">
        <v>794</v>
      </c>
      <c r="M16" s="282">
        <v>794</v>
      </c>
      <c r="N16" s="276">
        <v>0</v>
      </c>
      <c r="O16" s="280">
        <v>0</v>
      </c>
      <c r="P16" s="277">
        <v>0</v>
      </c>
      <c r="Q16" s="279">
        <v>0</v>
      </c>
      <c r="R16" s="280">
        <v>1</v>
      </c>
      <c r="S16" s="280">
        <v>2</v>
      </c>
      <c r="T16" s="280">
        <v>6</v>
      </c>
      <c r="U16" s="280">
        <v>14</v>
      </c>
      <c r="V16" s="280">
        <v>36</v>
      </c>
      <c r="W16" s="277">
        <v>59</v>
      </c>
      <c r="X16" s="282">
        <v>59</v>
      </c>
      <c r="Y16" s="276">
        <v>13</v>
      </c>
      <c r="Z16" s="280">
        <v>22</v>
      </c>
      <c r="AA16" s="277">
        <v>35</v>
      </c>
      <c r="AB16" s="279">
        <v>0</v>
      </c>
      <c r="AC16" s="280">
        <v>114</v>
      </c>
      <c r="AD16" s="280">
        <v>132</v>
      </c>
      <c r="AE16" s="280">
        <v>89</v>
      </c>
      <c r="AF16" s="280">
        <v>85</v>
      </c>
      <c r="AG16" s="280">
        <v>82</v>
      </c>
      <c r="AH16" s="277">
        <v>502</v>
      </c>
      <c r="AI16" s="282">
        <v>537</v>
      </c>
      <c r="AJ16" s="276">
        <v>1</v>
      </c>
      <c r="AK16" s="280">
        <v>8</v>
      </c>
      <c r="AL16" s="277">
        <v>9</v>
      </c>
      <c r="AM16" s="279">
        <v>0</v>
      </c>
      <c r="AN16" s="280">
        <v>19</v>
      </c>
      <c r="AO16" s="280">
        <v>23</v>
      </c>
      <c r="AP16" s="280">
        <v>12</v>
      </c>
      <c r="AQ16" s="280">
        <v>14</v>
      </c>
      <c r="AR16" s="280">
        <v>14</v>
      </c>
      <c r="AS16" s="277">
        <v>82</v>
      </c>
      <c r="AT16" s="282">
        <v>91</v>
      </c>
      <c r="AU16" s="276">
        <v>38</v>
      </c>
      <c r="AV16" s="280">
        <v>30</v>
      </c>
      <c r="AW16" s="277">
        <v>68</v>
      </c>
      <c r="AX16" s="279">
        <v>0</v>
      </c>
      <c r="AY16" s="280">
        <v>168</v>
      </c>
      <c r="AZ16" s="280">
        <v>200</v>
      </c>
      <c r="BA16" s="280">
        <v>189</v>
      </c>
      <c r="BB16" s="280">
        <v>197</v>
      </c>
      <c r="BC16" s="280">
        <v>172</v>
      </c>
      <c r="BD16" s="281">
        <v>926</v>
      </c>
      <c r="BE16" s="282">
        <v>994</v>
      </c>
      <c r="BF16" s="276">
        <v>0</v>
      </c>
      <c r="BG16" s="280">
        <v>0</v>
      </c>
      <c r="BH16" s="277">
        <v>0</v>
      </c>
      <c r="BI16" s="279">
        <v>0</v>
      </c>
      <c r="BJ16" s="280">
        <v>187</v>
      </c>
      <c r="BK16" s="280">
        <v>176</v>
      </c>
      <c r="BL16" s="280">
        <v>107</v>
      </c>
      <c r="BM16" s="280">
        <v>66</v>
      </c>
      <c r="BN16" s="280">
        <v>30</v>
      </c>
      <c r="BO16" s="277">
        <v>566</v>
      </c>
      <c r="BP16" s="282">
        <v>566</v>
      </c>
      <c r="BQ16" s="276">
        <v>12</v>
      </c>
      <c r="BR16" s="280">
        <v>22</v>
      </c>
      <c r="BS16" s="277">
        <v>34</v>
      </c>
      <c r="BT16" s="279">
        <v>0</v>
      </c>
      <c r="BU16" s="280">
        <v>34</v>
      </c>
      <c r="BV16" s="280">
        <v>31</v>
      </c>
      <c r="BW16" s="280">
        <v>28</v>
      </c>
      <c r="BX16" s="280">
        <v>29</v>
      </c>
      <c r="BY16" s="280">
        <v>11</v>
      </c>
      <c r="BZ16" s="277">
        <v>133</v>
      </c>
      <c r="CA16" s="282">
        <v>167</v>
      </c>
      <c r="CB16" s="276">
        <v>0</v>
      </c>
      <c r="CC16" s="280">
        <v>1</v>
      </c>
      <c r="CD16" s="277">
        <v>1</v>
      </c>
      <c r="CE16" s="279">
        <v>0</v>
      </c>
      <c r="CF16" s="280">
        <v>15</v>
      </c>
      <c r="CG16" s="280">
        <v>32</v>
      </c>
      <c r="CH16" s="280">
        <v>38</v>
      </c>
      <c r="CI16" s="280">
        <v>33</v>
      </c>
      <c r="CJ16" s="280">
        <v>15</v>
      </c>
      <c r="CK16" s="277">
        <v>133</v>
      </c>
      <c r="CL16" s="282">
        <v>134</v>
      </c>
      <c r="CM16" s="276">
        <v>0</v>
      </c>
      <c r="CN16" s="280">
        <v>0</v>
      </c>
      <c r="CO16" s="277">
        <v>0</v>
      </c>
      <c r="CP16" s="279">
        <v>0</v>
      </c>
      <c r="CQ16" s="280">
        <v>2</v>
      </c>
      <c r="CR16" s="280">
        <v>5</v>
      </c>
      <c r="CS16" s="280">
        <v>8</v>
      </c>
      <c r="CT16" s="280">
        <v>6</v>
      </c>
      <c r="CU16" s="280">
        <v>1</v>
      </c>
      <c r="CV16" s="277">
        <v>22</v>
      </c>
      <c r="CW16" s="282">
        <v>22</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78</v>
      </c>
      <c r="DU16" s="280">
        <v>157</v>
      </c>
      <c r="DV16" s="277">
        <v>235</v>
      </c>
      <c r="DW16" s="279">
        <v>0</v>
      </c>
      <c r="DX16" s="280">
        <v>260</v>
      </c>
      <c r="DY16" s="280">
        <v>369</v>
      </c>
      <c r="DZ16" s="280">
        <v>243</v>
      </c>
      <c r="EA16" s="280">
        <v>216</v>
      </c>
      <c r="EB16" s="280">
        <v>147</v>
      </c>
      <c r="EC16" s="277">
        <v>1235</v>
      </c>
      <c r="ED16" s="282">
        <v>1470</v>
      </c>
      <c r="EE16" s="276">
        <v>24</v>
      </c>
      <c r="EF16" s="280">
        <v>9</v>
      </c>
      <c r="EG16" s="277">
        <v>33</v>
      </c>
      <c r="EH16" s="279">
        <v>0</v>
      </c>
      <c r="EI16" s="280">
        <v>67</v>
      </c>
      <c r="EJ16" s="280">
        <v>68</v>
      </c>
      <c r="EK16" s="280">
        <v>62</v>
      </c>
      <c r="EL16" s="280">
        <v>73</v>
      </c>
      <c r="EM16" s="280">
        <v>45</v>
      </c>
      <c r="EN16" s="277">
        <v>315</v>
      </c>
      <c r="EO16" s="282">
        <v>348</v>
      </c>
      <c r="EP16" s="276">
        <v>98</v>
      </c>
      <c r="EQ16" s="280">
        <v>184</v>
      </c>
      <c r="ER16" s="277">
        <v>282</v>
      </c>
      <c r="ES16" s="279">
        <v>0</v>
      </c>
      <c r="ET16" s="280">
        <v>567</v>
      </c>
      <c r="EU16" s="280">
        <v>529</v>
      </c>
      <c r="EV16" s="280">
        <v>304</v>
      </c>
      <c r="EW16" s="280">
        <v>233</v>
      </c>
      <c r="EX16" s="280">
        <v>162</v>
      </c>
      <c r="EY16" s="277">
        <v>1795</v>
      </c>
      <c r="EZ16" s="282">
        <v>2077</v>
      </c>
    </row>
    <row r="17" spans="2:156" ht="21" customHeight="1" x14ac:dyDescent="0.2">
      <c r="B17" s="261" t="s">
        <v>15</v>
      </c>
      <c r="C17" s="276">
        <v>0</v>
      </c>
      <c r="D17" s="280">
        <v>0</v>
      </c>
      <c r="E17" s="382">
        <v>0</v>
      </c>
      <c r="F17" s="279">
        <v>0</v>
      </c>
      <c r="G17" s="280">
        <v>116</v>
      </c>
      <c r="H17" s="280">
        <v>169</v>
      </c>
      <c r="I17" s="280">
        <v>91</v>
      </c>
      <c r="J17" s="280">
        <v>53</v>
      </c>
      <c r="K17" s="280">
        <v>53</v>
      </c>
      <c r="L17" s="281">
        <v>482</v>
      </c>
      <c r="M17" s="282">
        <v>482</v>
      </c>
      <c r="N17" s="276">
        <v>0</v>
      </c>
      <c r="O17" s="280">
        <v>0</v>
      </c>
      <c r="P17" s="277">
        <v>0</v>
      </c>
      <c r="Q17" s="279">
        <v>0</v>
      </c>
      <c r="R17" s="280">
        <v>0</v>
      </c>
      <c r="S17" s="280">
        <v>3</v>
      </c>
      <c r="T17" s="280">
        <v>10</v>
      </c>
      <c r="U17" s="280">
        <v>12</v>
      </c>
      <c r="V17" s="280">
        <v>29</v>
      </c>
      <c r="W17" s="277">
        <v>54</v>
      </c>
      <c r="X17" s="282">
        <v>54</v>
      </c>
      <c r="Y17" s="276">
        <v>1</v>
      </c>
      <c r="Z17" s="280">
        <v>13</v>
      </c>
      <c r="AA17" s="277">
        <v>14</v>
      </c>
      <c r="AB17" s="279">
        <v>0</v>
      </c>
      <c r="AC17" s="280">
        <v>53</v>
      </c>
      <c r="AD17" s="280">
        <v>71</v>
      </c>
      <c r="AE17" s="280">
        <v>56</v>
      </c>
      <c r="AF17" s="280">
        <v>39</v>
      </c>
      <c r="AG17" s="280">
        <v>47</v>
      </c>
      <c r="AH17" s="277">
        <v>266</v>
      </c>
      <c r="AI17" s="282">
        <v>280</v>
      </c>
      <c r="AJ17" s="276">
        <v>0</v>
      </c>
      <c r="AK17" s="280">
        <v>2</v>
      </c>
      <c r="AL17" s="277">
        <v>2</v>
      </c>
      <c r="AM17" s="279">
        <v>0</v>
      </c>
      <c r="AN17" s="280">
        <v>10</v>
      </c>
      <c r="AO17" s="280">
        <v>17</v>
      </c>
      <c r="AP17" s="280">
        <v>3</v>
      </c>
      <c r="AQ17" s="280">
        <v>4</v>
      </c>
      <c r="AR17" s="280">
        <v>6</v>
      </c>
      <c r="AS17" s="277">
        <v>40</v>
      </c>
      <c r="AT17" s="282">
        <v>42</v>
      </c>
      <c r="AU17" s="276">
        <v>13</v>
      </c>
      <c r="AV17" s="280">
        <v>13</v>
      </c>
      <c r="AW17" s="277">
        <v>26</v>
      </c>
      <c r="AX17" s="279">
        <v>0</v>
      </c>
      <c r="AY17" s="280">
        <v>112</v>
      </c>
      <c r="AZ17" s="280">
        <v>108</v>
      </c>
      <c r="BA17" s="280">
        <v>116</v>
      </c>
      <c r="BB17" s="280">
        <v>104</v>
      </c>
      <c r="BC17" s="280">
        <v>76</v>
      </c>
      <c r="BD17" s="281">
        <v>516</v>
      </c>
      <c r="BE17" s="282">
        <v>542</v>
      </c>
      <c r="BF17" s="276">
        <v>0</v>
      </c>
      <c r="BG17" s="280">
        <v>0</v>
      </c>
      <c r="BH17" s="277">
        <v>0</v>
      </c>
      <c r="BI17" s="279">
        <v>0</v>
      </c>
      <c r="BJ17" s="280">
        <v>123</v>
      </c>
      <c r="BK17" s="280">
        <v>134</v>
      </c>
      <c r="BL17" s="280">
        <v>69</v>
      </c>
      <c r="BM17" s="280">
        <v>33</v>
      </c>
      <c r="BN17" s="280">
        <v>16</v>
      </c>
      <c r="BO17" s="277">
        <v>375</v>
      </c>
      <c r="BP17" s="282">
        <v>375</v>
      </c>
      <c r="BQ17" s="276">
        <v>0</v>
      </c>
      <c r="BR17" s="280">
        <v>4</v>
      </c>
      <c r="BS17" s="277">
        <v>4</v>
      </c>
      <c r="BT17" s="279">
        <v>0</v>
      </c>
      <c r="BU17" s="280">
        <v>31</v>
      </c>
      <c r="BV17" s="280">
        <v>35</v>
      </c>
      <c r="BW17" s="280">
        <v>25</v>
      </c>
      <c r="BX17" s="280">
        <v>17</v>
      </c>
      <c r="BY17" s="280">
        <v>8</v>
      </c>
      <c r="BZ17" s="277">
        <v>116</v>
      </c>
      <c r="CA17" s="282">
        <v>120</v>
      </c>
      <c r="CB17" s="276">
        <v>1</v>
      </c>
      <c r="CC17" s="280">
        <v>0</v>
      </c>
      <c r="CD17" s="277">
        <v>1</v>
      </c>
      <c r="CE17" s="279">
        <v>0</v>
      </c>
      <c r="CF17" s="280">
        <v>11</v>
      </c>
      <c r="CG17" s="280">
        <v>39</v>
      </c>
      <c r="CH17" s="280">
        <v>55</v>
      </c>
      <c r="CI17" s="280">
        <v>41</v>
      </c>
      <c r="CJ17" s="280">
        <v>21</v>
      </c>
      <c r="CK17" s="277">
        <v>167</v>
      </c>
      <c r="CL17" s="282">
        <v>168</v>
      </c>
      <c r="CM17" s="276">
        <v>0</v>
      </c>
      <c r="CN17" s="280">
        <v>0</v>
      </c>
      <c r="CO17" s="277">
        <v>0</v>
      </c>
      <c r="CP17" s="279">
        <v>0</v>
      </c>
      <c r="CQ17" s="280">
        <v>5</v>
      </c>
      <c r="CR17" s="280">
        <v>1</v>
      </c>
      <c r="CS17" s="280">
        <v>3</v>
      </c>
      <c r="CT17" s="280">
        <v>4</v>
      </c>
      <c r="CU17" s="280">
        <v>0</v>
      </c>
      <c r="CV17" s="277">
        <v>13</v>
      </c>
      <c r="CW17" s="282">
        <v>13</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71</v>
      </c>
      <c r="DU17" s="280">
        <v>151</v>
      </c>
      <c r="DV17" s="277">
        <v>222</v>
      </c>
      <c r="DW17" s="279">
        <v>0</v>
      </c>
      <c r="DX17" s="280">
        <v>225</v>
      </c>
      <c r="DY17" s="280">
        <v>358</v>
      </c>
      <c r="DZ17" s="280">
        <v>191</v>
      </c>
      <c r="EA17" s="280">
        <v>116</v>
      </c>
      <c r="EB17" s="280">
        <v>85</v>
      </c>
      <c r="EC17" s="277">
        <v>975</v>
      </c>
      <c r="ED17" s="282">
        <v>1197</v>
      </c>
      <c r="EE17" s="276">
        <v>20</v>
      </c>
      <c r="EF17" s="280">
        <v>12</v>
      </c>
      <c r="EG17" s="277">
        <v>32</v>
      </c>
      <c r="EH17" s="279">
        <v>0</v>
      </c>
      <c r="EI17" s="280">
        <v>52</v>
      </c>
      <c r="EJ17" s="280">
        <v>34</v>
      </c>
      <c r="EK17" s="280">
        <v>34</v>
      </c>
      <c r="EL17" s="280">
        <v>47</v>
      </c>
      <c r="EM17" s="280">
        <v>15</v>
      </c>
      <c r="EN17" s="277">
        <v>182</v>
      </c>
      <c r="EO17" s="282">
        <v>214</v>
      </c>
      <c r="EP17" s="276">
        <v>72</v>
      </c>
      <c r="EQ17" s="280">
        <v>155</v>
      </c>
      <c r="ER17" s="277">
        <v>227</v>
      </c>
      <c r="ES17" s="279">
        <v>0</v>
      </c>
      <c r="ET17" s="280">
        <v>423</v>
      </c>
      <c r="EU17" s="280">
        <v>494</v>
      </c>
      <c r="EV17" s="280">
        <v>246</v>
      </c>
      <c r="EW17" s="280">
        <v>146</v>
      </c>
      <c r="EX17" s="280">
        <v>97</v>
      </c>
      <c r="EY17" s="277">
        <v>1406</v>
      </c>
      <c r="EZ17" s="282">
        <v>1633</v>
      </c>
    </row>
    <row r="18" spans="2:156" ht="21" customHeight="1" x14ac:dyDescent="0.2">
      <c r="B18" s="261" t="s">
        <v>16</v>
      </c>
      <c r="C18" s="276">
        <v>0</v>
      </c>
      <c r="D18" s="280">
        <v>0</v>
      </c>
      <c r="E18" s="382">
        <v>0</v>
      </c>
      <c r="F18" s="279">
        <v>0</v>
      </c>
      <c r="G18" s="280">
        <v>223</v>
      </c>
      <c r="H18" s="280">
        <v>302</v>
      </c>
      <c r="I18" s="280">
        <v>163</v>
      </c>
      <c r="J18" s="280">
        <v>139</v>
      </c>
      <c r="K18" s="280">
        <v>96</v>
      </c>
      <c r="L18" s="281">
        <v>923</v>
      </c>
      <c r="M18" s="282">
        <v>923</v>
      </c>
      <c r="N18" s="276">
        <v>0</v>
      </c>
      <c r="O18" s="280">
        <v>0</v>
      </c>
      <c r="P18" s="277">
        <v>0</v>
      </c>
      <c r="Q18" s="279">
        <v>0</v>
      </c>
      <c r="R18" s="280">
        <v>2</v>
      </c>
      <c r="S18" s="280">
        <v>8</v>
      </c>
      <c r="T18" s="280">
        <v>12</v>
      </c>
      <c r="U18" s="280">
        <v>21</v>
      </c>
      <c r="V18" s="280">
        <v>42</v>
      </c>
      <c r="W18" s="277">
        <v>85</v>
      </c>
      <c r="X18" s="282">
        <v>85</v>
      </c>
      <c r="Y18" s="276">
        <v>30</v>
      </c>
      <c r="Z18" s="280">
        <v>50</v>
      </c>
      <c r="AA18" s="277">
        <v>80</v>
      </c>
      <c r="AB18" s="279">
        <v>0</v>
      </c>
      <c r="AC18" s="280">
        <v>186</v>
      </c>
      <c r="AD18" s="280">
        <v>290</v>
      </c>
      <c r="AE18" s="280">
        <v>174</v>
      </c>
      <c r="AF18" s="280">
        <v>160</v>
      </c>
      <c r="AG18" s="280">
        <v>104</v>
      </c>
      <c r="AH18" s="277">
        <v>914</v>
      </c>
      <c r="AI18" s="282">
        <v>994</v>
      </c>
      <c r="AJ18" s="276">
        <v>5</v>
      </c>
      <c r="AK18" s="280">
        <v>10</v>
      </c>
      <c r="AL18" s="277">
        <v>15</v>
      </c>
      <c r="AM18" s="279">
        <v>0</v>
      </c>
      <c r="AN18" s="280">
        <v>10</v>
      </c>
      <c r="AO18" s="280">
        <v>30</v>
      </c>
      <c r="AP18" s="280">
        <v>12</v>
      </c>
      <c r="AQ18" s="280">
        <v>8</v>
      </c>
      <c r="AR18" s="280">
        <v>14</v>
      </c>
      <c r="AS18" s="277">
        <v>74</v>
      </c>
      <c r="AT18" s="282">
        <v>89</v>
      </c>
      <c r="AU18" s="276">
        <v>45</v>
      </c>
      <c r="AV18" s="280">
        <v>40</v>
      </c>
      <c r="AW18" s="277">
        <v>85</v>
      </c>
      <c r="AX18" s="279">
        <v>0</v>
      </c>
      <c r="AY18" s="280">
        <v>213</v>
      </c>
      <c r="AZ18" s="280">
        <v>297</v>
      </c>
      <c r="BA18" s="280">
        <v>268</v>
      </c>
      <c r="BB18" s="280">
        <v>289</v>
      </c>
      <c r="BC18" s="280">
        <v>233</v>
      </c>
      <c r="BD18" s="281">
        <v>1300</v>
      </c>
      <c r="BE18" s="282">
        <v>1385</v>
      </c>
      <c r="BF18" s="276">
        <v>0</v>
      </c>
      <c r="BG18" s="280">
        <v>0</v>
      </c>
      <c r="BH18" s="277">
        <v>0</v>
      </c>
      <c r="BI18" s="279">
        <v>0</v>
      </c>
      <c r="BJ18" s="280">
        <v>335</v>
      </c>
      <c r="BK18" s="280">
        <v>457</v>
      </c>
      <c r="BL18" s="280">
        <v>227</v>
      </c>
      <c r="BM18" s="280">
        <v>153</v>
      </c>
      <c r="BN18" s="280">
        <v>90</v>
      </c>
      <c r="BO18" s="277">
        <v>1262</v>
      </c>
      <c r="BP18" s="282">
        <v>1262</v>
      </c>
      <c r="BQ18" s="276">
        <v>45</v>
      </c>
      <c r="BR18" s="280">
        <v>99</v>
      </c>
      <c r="BS18" s="277">
        <v>144</v>
      </c>
      <c r="BT18" s="279">
        <v>0</v>
      </c>
      <c r="BU18" s="280">
        <v>185</v>
      </c>
      <c r="BV18" s="280">
        <v>264</v>
      </c>
      <c r="BW18" s="280">
        <v>114</v>
      </c>
      <c r="BX18" s="280">
        <v>61</v>
      </c>
      <c r="BY18" s="280">
        <v>18</v>
      </c>
      <c r="BZ18" s="277">
        <v>642</v>
      </c>
      <c r="CA18" s="282">
        <v>786</v>
      </c>
      <c r="CB18" s="276">
        <v>0</v>
      </c>
      <c r="CC18" s="280">
        <v>0</v>
      </c>
      <c r="CD18" s="277">
        <v>0</v>
      </c>
      <c r="CE18" s="279">
        <v>0</v>
      </c>
      <c r="CF18" s="280">
        <v>43</v>
      </c>
      <c r="CG18" s="280">
        <v>82</v>
      </c>
      <c r="CH18" s="280">
        <v>92</v>
      </c>
      <c r="CI18" s="280">
        <v>55</v>
      </c>
      <c r="CJ18" s="280">
        <v>21</v>
      </c>
      <c r="CK18" s="277">
        <v>293</v>
      </c>
      <c r="CL18" s="282">
        <v>293</v>
      </c>
      <c r="CM18" s="276">
        <v>0</v>
      </c>
      <c r="CN18" s="280">
        <v>0</v>
      </c>
      <c r="CO18" s="277">
        <v>0</v>
      </c>
      <c r="CP18" s="279">
        <v>0</v>
      </c>
      <c r="CQ18" s="280">
        <v>4</v>
      </c>
      <c r="CR18" s="280">
        <v>8</v>
      </c>
      <c r="CS18" s="280">
        <v>7</v>
      </c>
      <c r="CT18" s="280">
        <v>9</v>
      </c>
      <c r="CU18" s="280">
        <v>3</v>
      </c>
      <c r="CV18" s="277">
        <v>31</v>
      </c>
      <c r="CW18" s="282">
        <v>31</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59</v>
      </c>
      <c r="DU18" s="280">
        <v>343</v>
      </c>
      <c r="DV18" s="277">
        <v>502</v>
      </c>
      <c r="DW18" s="279">
        <v>0</v>
      </c>
      <c r="DX18" s="280">
        <v>442</v>
      </c>
      <c r="DY18" s="280">
        <v>894</v>
      </c>
      <c r="DZ18" s="280">
        <v>469</v>
      </c>
      <c r="EA18" s="280">
        <v>357</v>
      </c>
      <c r="EB18" s="280">
        <v>227</v>
      </c>
      <c r="EC18" s="277">
        <v>2389</v>
      </c>
      <c r="ED18" s="282">
        <v>2891</v>
      </c>
      <c r="EE18" s="276">
        <v>26</v>
      </c>
      <c r="EF18" s="280">
        <v>26</v>
      </c>
      <c r="EG18" s="277">
        <v>52</v>
      </c>
      <c r="EH18" s="279">
        <v>0</v>
      </c>
      <c r="EI18" s="280">
        <v>103</v>
      </c>
      <c r="EJ18" s="280">
        <v>98</v>
      </c>
      <c r="EK18" s="280">
        <v>87</v>
      </c>
      <c r="EL18" s="280">
        <v>124</v>
      </c>
      <c r="EM18" s="280">
        <v>86</v>
      </c>
      <c r="EN18" s="277">
        <v>498</v>
      </c>
      <c r="EO18" s="282">
        <v>550</v>
      </c>
      <c r="EP18" s="276">
        <v>205</v>
      </c>
      <c r="EQ18" s="280">
        <v>417</v>
      </c>
      <c r="ER18" s="277">
        <v>622</v>
      </c>
      <c r="ES18" s="279">
        <v>0</v>
      </c>
      <c r="ET18" s="280">
        <v>907</v>
      </c>
      <c r="EU18" s="280">
        <v>1203</v>
      </c>
      <c r="EV18" s="280">
        <v>585</v>
      </c>
      <c r="EW18" s="280">
        <v>377</v>
      </c>
      <c r="EX18" s="280">
        <v>229</v>
      </c>
      <c r="EY18" s="277">
        <v>3301</v>
      </c>
      <c r="EZ18" s="282">
        <v>3923</v>
      </c>
    </row>
    <row r="19" spans="2:156" ht="21" customHeight="1" x14ac:dyDescent="0.2">
      <c r="B19" s="261" t="s">
        <v>17</v>
      </c>
      <c r="C19" s="276">
        <v>0</v>
      </c>
      <c r="D19" s="280">
        <v>0</v>
      </c>
      <c r="E19" s="382">
        <v>0</v>
      </c>
      <c r="F19" s="279">
        <v>0</v>
      </c>
      <c r="G19" s="280">
        <v>228</v>
      </c>
      <c r="H19" s="280">
        <v>455</v>
      </c>
      <c r="I19" s="280">
        <v>288</v>
      </c>
      <c r="J19" s="280">
        <v>215</v>
      </c>
      <c r="K19" s="280">
        <v>167</v>
      </c>
      <c r="L19" s="281">
        <v>1353</v>
      </c>
      <c r="M19" s="282">
        <v>1353</v>
      </c>
      <c r="N19" s="276">
        <v>0</v>
      </c>
      <c r="O19" s="280">
        <v>0</v>
      </c>
      <c r="P19" s="277">
        <v>0</v>
      </c>
      <c r="Q19" s="279">
        <v>0</v>
      </c>
      <c r="R19" s="280">
        <v>1</v>
      </c>
      <c r="S19" s="280">
        <v>10</v>
      </c>
      <c r="T19" s="280">
        <v>17</v>
      </c>
      <c r="U19" s="280">
        <v>40</v>
      </c>
      <c r="V19" s="280">
        <v>82</v>
      </c>
      <c r="W19" s="277">
        <v>150</v>
      </c>
      <c r="X19" s="282">
        <v>150</v>
      </c>
      <c r="Y19" s="276">
        <v>34</v>
      </c>
      <c r="Z19" s="280">
        <v>93</v>
      </c>
      <c r="AA19" s="277">
        <v>127</v>
      </c>
      <c r="AB19" s="279">
        <v>0</v>
      </c>
      <c r="AC19" s="280">
        <v>187</v>
      </c>
      <c r="AD19" s="280">
        <v>317</v>
      </c>
      <c r="AE19" s="280">
        <v>230</v>
      </c>
      <c r="AF19" s="280">
        <v>179</v>
      </c>
      <c r="AG19" s="280">
        <v>161</v>
      </c>
      <c r="AH19" s="277">
        <v>1074</v>
      </c>
      <c r="AI19" s="282">
        <v>1201</v>
      </c>
      <c r="AJ19" s="276">
        <v>5</v>
      </c>
      <c r="AK19" s="280">
        <v>11</v>
      </c>
      <c r="AL19" s="277">
        <v>16</v>
      </c>
      <c r="AM19" s="279">
        <v>0</v>
      </c>
      <c r="AN19" s="280">
        <v>12</v>
      </c>
      <c r="AO19" s="280">
        <v>30</v>
      </c>
      <c r="AP19" s="280">
        <v>30</v>
      </c>
      <c r="AQ19" s="280">
        <v>18</v>
      </c>
      <c r="AR19" s="280">
        <v>15</v>
      </c>
      <c r="AS19" s="277">
        <v>105</v>
      </c>
      <c r="AT19" s="282">
        <v>121</v>
      </c>
      <c r="AU19" s="276">
        <v>40</v>
      </c>
      <c r="AV19" s="280">
        <v>53</v>
      </c>
      <c r="AW19" s="277">
        <v>93</v>
      </c>
      <c r="AX19" s="279">
        <v>0</v>
      </c>
      <c r="AY19" s="280">
        <v>260</v>
      </c>
      <c r="AZ19" s="280">
        <v>438</v>
      </c>
      <c r="BA19" s="280">
        <v>416</v>
      </c>
      <c r="BB19" s="280">
        <v>417</v>
      </c>
      <c r="BC19" s="280">
        <v>329</v>
      </c>
      <c r="BD19" s="281">
        <v>1860</v>
      </c>
      <c r="BE19" s="282">
        <v>1953</v>
      </c>
      <c r="BF19" s="276">
        <v>0</v>
      </c>
      <c r="BG19" s="280">
        <v>0</v>
      </c>
      <c r="BH19" s="277">
        <v>0</v>
      </c>
      <c r="BI19" s="279">
        <v>0</v>
      </c>
      <c r="BJ19" s="280">
        <v>343</v>
      </c>
      <c r="BK19" s="280">
        <v>535</v>
      </c>
      <c r="BL19" s="280">
        <v>318</v>
      </c>
      <c r="BM19" s="280">
        <v>179</v>
      </c>
      <c r="BN19" s="280">
        <v>90</v>
      </c>
      <c r="BO19" s="277">
        <v>1465</v>
      </c>
      <c r="BP19" s="282">
        <v>1465</v>
      </c>
      <c r="BQ19" s="276">
        <v>34</v>
      </c>
      <c r="BR19" s="280">
        <v>76</v>
      </c>
      <c r="BS19" s="277">
        <v>110</v>
      </c>
      <c r="BT19" s="279">
        <v>0</v>
      </c>
      <c r="BU19" s="280">
        <v>67</v>
      </c>
      <c r="BV19" s="280">
        <v>189</v>
      </c>
      <c r="BW19" s="280">
        <v>109</v>
      </c>
      <c r="BX19" s="280">
        <v>43</v>
      </c>
      <c r="BY19" s="280">
        <v>22</v>
      </c>
      <c r="BZ19" s="277">
        <v>430</v>
      </c>
      <c r="CA19" s="282">
        <v>540</v>
      </c>
      <c r="CB19" s="276">
        <v>1</v>
      </c>
      <c r="CC19" s="280">
        <v>5</v>
      </c>
      <c r="CD19" s="277">
        <v>6</v>
      </c>
      <c r="CE19" s="279">
        <v>0</v>
      </c>
      <c r="CF19" s="280">
        <v>40</v>
      </c>
      <c r="CG19" s="280">
        <v>89</v>
      </c>
      <c r="CH19" s="280">
        <v>113</v>
      </c>
      <c r="CI19" s="280">
        <v>85</v>
      </c>
      <c r="CJ19" s="280">
        <v>42</v>
      </c>
      <c r="CK19" s="277">
        <v>369</v>
      </c>
      <c r="CL19" s="282">
        <v>375</v>
      </c>
      <c r="CM19" s="276">
        <v>0</v>
      </c>
      <c r="CN19" s="280">
        <v>0</v>
      </c>
      <c r="CO19" s="277">
        <v>0</v>
      </c>
      <c r="CP19" s="279">
        <v>0</v>
      </c>
      <c r="CQ19" s="280">
        <v>8</v>
      </c>
      <c r="CR19" s="280">
        <v>20</v>
      </c>
      <c r="CS19" s="280">
        <v>17</v>
      </c>
      <c r="CT19" s="280">
        <v>13</v>
      </c>
      <c r="CU19" s="280">
        <v>8</v>
      </c>
      <c r="CV19" s="277">
        <v>66</v>
      </c>
      <c r="CW19" s="282">
        <v>66</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92</v>
      </c>
      <c r="DU19" s="280">
        <v>482</v>
      </c>
      <c r="DV19" s="277">
        <v>674</v>
      </c>
      <c r="DW19" s="279">
        <v>0</v>
      </c>
      <c r="DX19" s="280">
        <v>409</v>
      </c>
      <c r="DY19" s="280">
        <v>1155</v>
      </c>
      <c r="DZ19" s="280">
        <v>729</v>
      </c>
      <c r="EA19" s="280">
        <v>539</v>
      </c>
      <c r="EB19" s="280">
        <v>354</v>
      </c>
      <c r="EC19" s="277">
        <v>3186</v>
      </c>
      <c r="ED19" s="282">
        <v>3860</v>
      </c>
      <c r="EE19" s="276">
        <v>27</v>
      </c>
      <c r="EF19" s="280">
        <v>29</v>
      </c>
      <c r="EG19" s="277">
        <v>56</v>
      </c>
      <c r="EH19" s="279">
        <v>0</v>
      </c>
      <c r="EI19" s="280">
        <v>98</v>
      </c>
      <c r="EJ19" s="280">
        <v>109</v>
      </c>
      <c r="EK19" s="280">
        <v>93</v>
      </c>
      <c r="EL19" s="280">
        <v>111</v>
      </c>
      <c r="EM19" s="280">
        <v>60</v>
      </c>
      <c r="EN19" s="277">
        <v>471</v>
      </c>
      <c r="EO19" s="282">
        <v>527</v>
      </c>
      <c r="EP19" s="276">
        <v>252</v>
      </c>
      <c r="EQ19" s="280">
        <v>565</v>
      </c>
      <c r="ER19" s="277">
        <v>817</v>
      </c>
      <c r="ES19" s="279">
        <v>0</v>
      </c>
      <c r="ET19" s="280">
        <v>955</v>
      </c>
      <c r="EU19" s="280">
        <v>1526</v>
      </c>
      <c r="EV19" s="280">
        <v>843</v>
      </c>
      <c r="EW19" s="280">
        <v>594</v>
      </c>
      <c r="EX19" s="280">
        <v>366</v>
      </c>
      <c r="EY19" s="277">
        <v>4284</v>
      </c>
      <c r="EZ19" s="282">
        <v>5101</v>
      </c>
    </row>
    <row r="20" spans="2:156" ht="21" customHeight="1" x14ac:dyDescent="0.2">
      <c r="B20" s="261" t="s">
        <v>18</v>
      </c>
      <c r="C20" s="276">
        <v>0</v>
      </c>
      <c r="D20" s="280">
        <v>0</v>
      </c>
      <c r="E20" s="382">
        <v>0</v>
      </c>
      <c r="F20" s="279">
        <v>0</v>
      </c>
      <c r="G20" s="280">
        <v>480</v>
      </c>
      <c r="H20" s="280">
        <v>484</v>
      </c>
      <c r="I20" s="280">
        <v>313</v>
      </c>
      <c r="J20" s="280">
        <v>239</v>
      </c>
      <c r="K20" s="280">
        <v>168</v>
      </c>
      <c r="L20" s="281">
        <v>1684</v>
      </c>
      <c r="M20" s="282">
        <v>1684</v>
      </c>
      <c r="N20" s="276">
        <v>0</v>
      </c>
      <c r="O20" s="280">
        <v>0</v>
      </c>
      <c r="P20" s="277">
        <v>0</v>
      </c>
      <c r="Q20" s="279">
        <v>0</v>
      </c>
      <c r="R20" s="280">
        <v>3</v>
      </c>
      <c r="S20" s="280">
        <v>8</v>
      </c>
      <c r="T20" s="280">
        <v>17</v>
      </c>
      <c r="U20" s="280">
        <v>58</v>
      </c>
      <c r="V20" s="280">
        <v>78</v>
      </c>
      <c r="W20" s="277">
        <v>164</v>
      </c>
      <c r="X20" s="282">
        <v>164</v>
      </c>
      <c r="Y20" s="276">
        <v>50</v>
      </c>
      <c r="Z20" s="280">
        <v>103</v>
      </c>
      <c r="AA20" s="277">
        <v>153</v>
      </c>
      <c r="AB20" s="279">
        <v>0</v>
      </c>
      <c r="AC20" s="280">
        <v>330</v>
      </c>
      <c r="AD20" s="280">
        <v>351</v>
      </c>
      <c r="AE20" s="280">
        <v>239</v>
      </c>
      <c r="AF20" s="280">
        <v>189</v>
      </c>
      <c r="AG20" s="280">
        <v>143</v>
      </c>
      <c r="AH20" s="277">
        <v>1252</v>
      </c>
      <c r="AI20" s="282">
        <v>1405</v>
      </c>
      <c r="AJ20" s="276">
        <v>6</v>
      </c>
      <c r="AK20" s="280">
        <v>11</v>
      </c>
      <c r="AL20" s="277">
        <v>17</v>
      </c>
      <c r="AM20" s="279">
        <v>0</v>
      </c>
      <c r="AN20" s="280">
        <v>33</v>
      </c>
      <c r="AO20" s="280">
        <v>51</v>
      </c>
      <c r="AP20" s="280">
        <v>28</v>
      </c>
      <c r="AQ20" s="280">
        <v>21</v>
      </c>
      <c r="AR20" s="280">
        <v>16</v>
      </c>
      <c r="AS20" s="277">
        <v>149</v>
      </c>
      <c r="AT20" s="282">
        <v>166</v>
      </c>
      <c r="AU20" s="276">
        <v>52</v>
      </c>
      <c r="AV20" s="280">
        <v>68</v>
      </c>
      <c r="AW20" s="277">
        <v>120</v>
      </c>
      <c r="AX20" s="279">
        <v>0</v>
      </c>
      <c r="AY20" s="280">
        <v>450</v>
      </c>
      <c r="AZ20" s="280">
        <v>551</v>
      </c>
      <c r="BA20" s="280">
        <v>523</v>
      </c>
      <c r="BB20" s="280">
        <v>486</v>
      </c>
      <c r="BC20" s="280">
        <v>380</v>
      </c>
      <c r="BD20" s="281">
        <v>2390</v>
      </c>
      <c r="BE20" s="282">
        <v>2510</v>
      </c>
      <c r="BF20" s="276">
        <v>0</v>
      </c>
      <c r="BG20" s="280">
        <v>0</v>
      </c>
      <c r="BH20" s="277">
        <v>0</v>
      </c>
      <c r="BI20" s="279">
        <v>0</v>
      </c>
      <c r="BJ20" s="280">
        <v>709</v>
      </c>
      <c r="BK20" s="280">
        <v>656</v>
      </c>
      <c r="BL20" s="280">
        <v>366</v>
      </c>
      <c r="BM20" s="280">
        <v>200</v>
      </c>
      <c r="BN20" s="280">
        <v>94</v>
      </c>
      <c r="BO20" s="277">
        <v>2025</v>
      </c>
      <c r="BP20" s="282">
        <v>2025</v>
      </c>
      <c r="BQ20" s="276">
        <v>46</v>
      </c>
      <c r="BR20" s="280">
        <v>82</v>
      </c>
      <c r="BS20" s="277">
        <v>128</v>
      </c>
      <c r="BT20" s="279">
        <v>0</v>
      </c>
      <c r="BU20" s="280">
        <v>179</v>
      </c>
      <c r="BV20" s="280">
        <v>204</v>
      </c>
      <c r="BW20" s="280">
        <v>106</v>
      </c>
      <c r="BX20" s="280">
        <v>65</v>
      </c>
      <c r="BY20" s="280">
        <v>29</v>
      </c>
      <c r="BZ20" s="277">
        <v>583</v>
      </c>
      <c r="CA20" s="282">
        <v>711</v>
      </c>
      <c r="CB20" s="276">
        <v>0</v>
      </c>
      <c r="CC20" s="280">
        <v>7</v>
      </c>
      <c r="CD20" s="277">
        <v>7</v>
      </c>
      <c r="CE20" s="279">
        <v>0</v>
      </c>
      <c r="CF20" s="280">
        <v>49</v>
      </c>
      <c r="CG20" s="280">
        <v>96</v>
      </c>
      <c r="CH20" s="280">
        <v>134</v>
      </c>
      <c r="CI20" s="280">
        <v>112</v>
      </c>
      <c r="CJ20" s="280">
        <v>58</v>
      </c>
      <c r="CK20" s="277">
        <v>449</v>
      </c>
      <c r="CL20" s="282">
        <v>456</v>
      </c>
      <c r="CM20" s="276">
        <v>0</v>
      </c>
      <c r="CN20" s="280">
        <v>0</v>
      </c>
      <c r="CO20" s="277">
        <v>0</v>
      </c>
      <c r="CP20" s="279">
        <v>0</v>
      </c>
      <c r="CQ20" s="280">
        <v>1</v>
      </c>
      <c r="CR20" s="280">
        <v>3</v>
      </c>
      <c r="CS20" s="280">
        <v>3</v>
      </c>
      <c r="CT20" s="280">
        <v>4</v>
      </c>
      <c r="CU20" s="280">
        <v>0</v>
      </c>
      <c r="CV20" s="277">
        <v>11</v>
      </c>
      <c r="CW20" s="282">
        <v>11</v>
      </c>
      <c r="CX20" s="276">
        <v>0</v>
      </c>
      <c r="CY20" s="280">
        <v>0</v>
      </c>
      <c r="CZ20" s="277">
        <v>0</v>
      </c>
      <c r="DA20" s="279">
        <v>0</v>
      </c>
      <c r="DB20" s="280">
        <v>0</v>
      </c>
      <c r="DC20" s="280">
        <v>1</v>
      </c>
      <c r="DD20" s="280">
        <v>0</v>
      </c>
      <c r="DE20" s="280">
        <v>0</v>
      </c>
      <c r="DF20" s="280">
        <v>0</v>
      </c>
      <c r="DG20" s="277">
        <v>1</v>
      </c>
      <c r="DH20" s="282">
        <v>1</v>
      </c>
      <c r="DI20" s="276">
        <v>0</v>
      </c>
      <c r="DJ20" s="280">
        <v>0</v>
      </c>
      <c r="DK20" s="277">
        <v>0</v>
      </c>
      <c r="DL20" s="279">
        <v>0</v>
      </c>
      <c r="DM20" s="280">
        <v>0</v>
      </c>
      <c r="DN20" s="280">
        <v>0</v>
      </c>
      <c r="DO20" s="280">
        <v>0</v>
      </c>
      <c r="DP20" s="280">
        <v>0</v>
      </c>
      <c r="DQ20" s="280">
        <v>0</v>
      </c>
      <c r="DR20" s="277">
        <v>0</v>
      </c>
      <c r="DS20" s="282">
        <v>0</v>
      </c>
      <c r="DT20" s="276">
        <v>212</v>
      </c>
      <c r="DU20" s="280">
        <v>495</v>
      </c>
      <c r="DV20" s="277">
        <v>707</v>
      </c>
      <c r="DW20" s="279">
        <v>0</v>
      </c>
      <c r="DX20" s="280">
        <v>810</v>
      </c>
      <c r="DY20" s="280">
        <v>1120</v>
      </c>
      <c r="DZ20" s="280">
        <v>699</v>
      </c>
      <c r="EA20" s="280">
        <v>528</v>
      </c>
      <c r="EB20" s="280">
        <v>338</v>
      </c>
      <c r="EC20" s="277">
        <v>3495</v>
      </c>
      <c r="ED20" s="282">
        <v>4202</v>
      </c>
      <c r="EE20" s="276">
        <v>26</v>
      </c>
      <c r="EF20" s="280">
        <v>12</v>
      </c>
      <c r="EG20" s="277">
        <v>38</v>
      </c>
      <c r="EH20" s="279">
        <v>0</v>
      </c>
      <c r="EI20" s="280">
        <v>116</v>
      </c>
      <c r="EJ20" s="280">
        <v>122</v>
      </c>
      <c r="EK20" s="280">
        <v>96</v>
      </c>
      <c r="EL20" s="280">
        <v>106</v>
      </c>
      <c r="EM20" s="280">
        <v>74</v>
      </c>
      <c r="EN20" s="277">
        <v>514</v>
      </c>
      <c r="EO20" s="282">
        <v>552</v>
      </c>
      <c r="EP20" s="276">
        <v>280</v>
      </c>
      <c r="EQ20" s="280">
        <v>606</v>
      </c>
      <c r="ER20" s="277">
        <v>886</v>
      </c>
      <c r="ES20" s="279">
        <v>0</v>
      </c>
      <c r="ET20" s="280">
        <v>1640</v>
      </c>
      <c r="EU20" s="280">
        <v>1484</v>
      </c>
      <c r="EV20" s="280">
        <v>844</v>
      </c>
      <c r="EW20" s="280">
        <v>558</v>
      </c>
      <c r="EX20" s="280">
        <v>328</v>
      </c>
      <c r="EY20" s="277">
        <v>4854</v>
      </c>
      <c r="EZ20" s="282">
        <v>5740</v>
      </c>
    </row>
    <row r="21" spans="2:156" ht="21" customHeight="1" x14ac:dyDescent="0.2">
      <c r="B21" s="261" t="s">
        <v>19</v>
      </c>
      <c r="C21" s="276">
        <v>0</v>
      </c>
      <c r="D21" s="280">
        <v>0</v>
      </c>
      <c r="E21" s="382">
        <v>0</v>
      </c>
      <c r="F21" s="279">
        <v>0</v>
      </c>
      <c r="G21" s="280">
        <v>187</v>
      </c>
      <c r="H21" s="280">
        <v>169</v>
      </c>
      <c r="I21" s="280">
        <v>101</v>
      </c>
      <c r="J21" s="280">
        <v>78</v>
      </c>
      <c r="K21" s="280">
        <v>59</v>
      </c>
      <c r="L21" s="281">
        <v>594</v>
      </c>
      <c r="M21" s="282">
        <v>594</v>
      </c>
      <c r="N21" s="276">
        <v>0</v>
      </c>
      <c r="O21" s="280">
        <v>0</v>
      </c>
      <c r="P21" s="277">
        <v>0</v>
      </c>
      <c r="Q21" s="279">
        <v>0</v>
      </c>
      <c r="R21" s="280">
        <v>4</v>
      </c>
      <c r="S21" s="280">
        <v>6</v>
      </c>
      <c r="T21" s="280">
        <v>15</v>
      </c>
      <c r="U21" s="280">
        <v>20</v>
      </c>
      <c r="V21" s="280">
        <v>32</v>
      </c>
      <c r="W21" s="277">
        <v>77</v>
      </c>
      <c r="X21" s="282">
        <v>77</v>
      </c>
      <c r="Y21" s="276">
        <v>32</v>
      </c>
      <c r="Z21" s="280">
        <v>42</v>
      </c>
      <c r="AA21" s="277">
        <v>74</v>
      </c>
      <c r="AB21" s="279">
        <v>0</v>
      </c>
      <c r="AC21" s="280">
        <v>147</v>
      </c>
      <c r="AD21" s="280">
        <v>148</v>
      </c>
      <c r="AE21" s="280">
        <v>99</v>
      </c>
      <c r="AF21" s="280">
        <v>73</v>
      </c>
      <c r="AG21" s="280">
        <v>74</v>
      </c>
      <c r="AH21" s="277">
        <v>541</v>
      </c>
      <c r="AI21" s="282">
        <v>615</v>
      </c>
      <c r="AJ21" s="276">
        <v>3</v>
      </c>
      <c r="AK21" s="280">
        <v>6</v>
      </c>
      <c r="AL21" s="277">
        <v>9</v>
      </c>
      <c r="AM21" s="279">
        <v>0</v>
      </c>
      <c r="AN21" s="280">
        <v>16</v>
      </c>
      <c r="AO21" s="280">
        <v>15</v>
      </c>
      <c r="AP21" s="280">
        <v>8</v>
      </c>
      <c r="AQ21" s="280">
        <v>10</v>
      </c>
      <c r="AR21" s="280">
        <v>4</v>
      </c>
      <c r="AS21" s="277">
        <v>53</v>
      </c>
      <c r="AT21" s="282">
        <v>62</v>
      </c>
      <c r="AU21" s="276">
        <v>37</v>
      </c>
      <c r="AV21" s="280">
        <v>33</v>
      </c>
      <c r="AW21" s="277">
        <v>70</v>
      </c>
      <c r="AX21" s="279">
        <v>0</v>
      </c>
      <c r="AY21" s="280">
        <v>196</v>
      </c>
      <c r="AZ21" s="280">
        <v>223</v>
      </c>
      <c r="BA21" s="280">
        <v>198</v>
      </c>
      <c r="BB21" s="280">
        <v>172</v>
      </c>
      <c r="BC21" s="280">
        <v>155</v>
      </c>
      <c r="BD21" s="281">
        <v>944</v>
      </c>
      <c r="BE21" s="282">
        <v>1014</v>
      </c>
      <c r="BF21" s="276">
        <v>0</v>
      </c>
      <c r="BG21" s="280">
        <v>0</v>
      </c>
      <c r="BH21" s="277">
        <v>0</v>
      </c>
      <c r="BI21" s="279">
        <v>0</v>
      </c>
      <c r="BJ21" s="280">
        <v>260</v>
      </c>
      <c r="BK21" s="280">
        <v>226</v>
      </c>
      <c r="BL21" s="280">
        <v>130</v>
      </c>
      <c r="BM21" s="280">
        <v>54</v>
      </c>
      <c r="BN21" s="280">
        <v>45</v>
      </c>
      <c r="BO21" s="277">
        <v>715</v>
      </c>
      <c r="BP21" s="282">
        <v>715</v>
      </c>
      <c r="BQ21" s="276">
        <v>23</v>
      </c>
      <c r="BR21" s="280">
        <v>46</v>
      </c>
      <c r="BS21" s="277">
        <v>69</v>
      </c>
      <c r="BT21" s="279">
        <v>0</v>
      </c>
      <c r="BU21" s="280">
        <v>108</v>
      </c>
      <c r="BV21" s="280">
        <v>107</v>
      </c>
      <c r="BW21" s="280">
        <v>65</v>
      </c>
      <c r="BX21" s="280">
        <v>31</v>
      </c>
      <c r="BY21" s="280">
        <v>13</v>
      </c>
      <c r="BZ21" s="277">
        <v>324</v>
      </c>
      <c r="CA21" s="282">
        <v>393</v>
      </c>
      <c r="CB21" s="276">
        <v>0</v>
      </c>
      <c r="CC21" s="280">
        <v>3</v>
      </c>
      <c r="CD21" s="277">
        <v>3</v>
      </c>
      <c r="CE21" s="279">
        <v>0</v>
      </c>
      <c r="CF21" s="280">
        <v>23</v>
      </c>
      <c r="CG21" s="280">
        <v>43</v>
      </c>
      <c r="CH21" s="280">
        <v>55</v>
      </c>
      <c r="CI21" s="280">
        <v>22</v>
      </c>
      <c r="CJ21" s="280">
        <v>14</v>
      </c>
      <c r="CK21" s="277">
        <v>157</v>
      </c>
      <c r="CL21" s="282">
        <v>160</v>
      </c>
      <c r="CM21" s="276">
        <v>0</v>
      </c>
      <c r="CN21" s="280">
        <v>0</v>
      </c>
      <c r="CO21" s="277">
        <v>0</v>
      </c>
      <c r="CP21" s="279">
        <v>0</v>
      </c>
      <c r="CQ21" s="280">
        <v>2</v>
      </c>
      <c r="CR21" s="280">
        <v>7</v>
      </c>
      <c r="CS21" s="280">
        <v>10</v>
      </c>
      <c r="CT21" s="280">
        <v>12</v>
      </c>
      <c r="CU21" s="280">
        <v>5</v>
      </c>
      <c r="CV21" s="277">
        <v>36</v>
      </c>
      <c r="CW21" s="282">
        <v>36</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113</v>
      </c>
      <c r="DU21" s="280">
        <v>189</v>
      </c>
      <c r="DV21" s="277">
        <v>302</v>
      </c>
      <c r="DW21" s="279">
        <v>0</v>
      </c>
      <c r="DX21" s="280">
        <v>418</v>
      </c>
      <c r="DY21" s="280">
        <v>446</v>
      </c>
      <c r="DZ21" s="280">
        <v>285</v>
      </c>
      <c r="EA21" s="280">
        <v>186</v>
      </c>
      <c r="EB21" s="280">
        <v>145</v>
      </c>
      <c r="EC21" s="277">
        <v>1480</v>
      </c>
      <c r="ED21" s="282">
        <v>1782</v>
      </c>
      <c r="EE21" s="276">
        <v>12</v>
      </c>
      <c r="EF21" s="280">
        <v>16</v>
      </c>
      <c r="EG21" s="277">
        <v>28</v>
      </c>
      <c r="EH21" s="279">
        <v>0</v>
      </c>
      <c r="EI21" s="280">
        <v>69</v>
      </c>
      <c r="EJ21" s="280">
        <v>63</v>
      </c>
      <c r="EK21" s="280">
        <v>51</v>
      </c>
      <c r="EL21" s="280">
        <v>40</v>
      </c>
      <c r="EM21" s="280">
        <v>25</v>
      </c>
      <c r="EN21" s="277">
        <v>248</v>
      </c>
      <c r="EO21" s="282">
        <v>276</v>
      </c>
      <c r="EP21" s="276">
        <v>152</v>
      </c>
      <c r="EQ21" s="280">
        <v>234</v>
      </c>
      <c r="ER21" s="277">
        <v>386</v>
      </c>
      <c r="ES21" s="279">
        <v>0</v>
      </c>
      <c r="ET21" s="280">
        <v>734</v>
      </c>
      <c r="EU21" s="280">
        <v>583</v>
      </c>
      <c r="EV21" s="280">
        <v>322</v>
      </c>
      <c r="EW21" s="280">
        <v>183</v>
      </c>
      <c r="EX21" s="280">
        <v>133</v>
      </c>
      <c r="EY21" s="277">
        <v>1955</v>
      </c>
      <c r="EZ21" s="282">
        <v>2341</v>
      </c>
    </row>
    <row r="22" spans="2:156" ht="21" customHeight="1" x14ac:dyDescent="0.2">
      <c r="B22" s="261" t="s">
        <v>20</v>
      </c>
      <c r="C22" s="276">
        <v>0</v>
      </c>
      <c r="D22" s="280">
        <v>0</v>
      </c>
      <c r="E22" s="382">
        <v>0</v>
      </c>
      <c r="F22" s="279">
        <v>0</v>
      </c>
      <c r="G22" s="280">
        <v>280</v>
      </c>
      <c r="H22" s="280">
        <v>179</v>
      </c>
      <c r="I22" s="280">
        <v>151</v>
      </c>
      <c r="J22" s="280">
        <v>94</v>
      </c>
      <c r="K22" s="280">
        <v>71</v>
      </c>
      <c r="L22" s="281">
        <v>775</v>
      </c>
      <c r="M22" s="282">
        <v>775</v>
      </c>
      <c r="N22" s="276">
        <v>0</v>
      </c>
      <c r="O22" s="280">
        <v>0</v>
      </c>
      <c r="P22" s="277">
        <v>0</v>
      </c>
      <c r="Q22" s="279">
        <v>0</v>
      </c>
      <c r="R22" s="280">
        <v>2</v>
      </c>
      <c r="S22" s="280">
        <v>5</v>
      </c>
      <c r="T22" s="280">
        <v>14</v>
      </c>
      <c r="U22" s="280">
        <v>25</v>
      </c>
      <c r="V22" s="280">
        <v>39</v>
      </c>
      <c r="W22" s="277">
        <v>85</v>
      </c>
      <c r="X22" s="282">
        <v>85</v>
      </c>
      <c r="Y22" s="276">
        <v>44</v>
      </c>
      <c r="Z22" s="280">
        <v>83</v>
      </c>
      <c r="AA22" s="277">
        <v>127</v>
      </c>
      <c r="AB22" s="279">
        <v>0</v>
      </c>
      <c r="AC22" s="280">
        <v>239</v>
      </c>
      <c r="AD22" s="280">
        <v>189</v>
      </c>
      <c r="AE22" s="280">
        <v>122</v>
      </c>
      <c r="AF22" s="280">
        <v>91</v>
      </c>
      <c r="AG22" s="280">
        <v>57</v>
      </c>
      <c r="AH22" s="277">
        <v>698</v>
      </c>
      <c r="AI22" s="282">
        <v>825</v>
      </c>
      <c r="AJ22" s="276">
        <v>12</v>
      </c>
      <c r="AK22" s="280">
        <v>36</v>
      </c>
      <c r="AL22" s="277">
        <v>48</v>
      </c>
      <c r="AM22" s="279">
        <v>0</v>
      </c>
      <c r="AN22" s="280">
        <v>60</v>
      </c>
      <c r="AO22" s="280">
        <v>57</v>
      </c>
      <c r="AP22" s="280">
        <v>40</v>
      </c>
      <c r="AQ22" s="280">
        <v>27</v>
      </c>
      <c r="AR22" s="280">
        <v>15</v>
      </c>
      <c r="AS22" s="277">
        <v>199</v>
      </c>
      <c r="AT22" s="282">
        <v>247</v>
      </c>
      <c r="AU22" s="276">
        <v>27</v>
      </c>
      <c r="AV22" s="280">
        <v>38</v>
      </c>
      <c r="AW22" s="277">
        <v>65</v>
      </c>
      <c r="AX22" s="279">
        <v>0</v>
      </c>
      <c r="AY22" s="280">
        <v>253</v>
      </c>
      <c r="AZ22" s="280">
        <v>216</v>
      </c>
      <c r="BA22" s="280">
        <v>251</v>
      </c>
      <c r="BB22" s="280">
        <v>201</v>
      </c>
      <c r="BC22" s="280">
        <v>149</v>
      </c>
      <c r="BD22" s="281">
        <v>1070</v>
      </c>
      <c r="BE22" s="282">
        <v>1135</v>
      </c>
      <c r="BF22" s="276">
        <v>0</v>
      </c>
      <c r="BG22" s="280">
        <v>0</v>
      </c>
      <c r="BH22" s="277">
        <v>0</v>
      </c>
      <c r="BI22" s="279">
        <v>0</v>
      </c>
      <c r="BJ22" s="280">
        <v>344</v>
      </c>
      <c r="BK22" s="280">
        <v>251</v>
      </c>
      <c r="BL22" s="280">
        <v>150</v>
      </c>
      <c r="BM22" s="280">
        <v>71</v>
      </c>
      <c r="BN22" s="280">
        <v>39</v>
      </c>
      <c r="BO22" s="277">
        <v>855</v>
      </c>
      <c r="BP22" s="282">
        <v>855</v>
      </c>
      <c r="BQ22" s="276">
        <v>14</v>
      </c>
      <c r="BR22" s="280">
        <v>27</v>
      </c>
      <c r="BS22" s="277">
        <v>41</v>
      </c>
      <c r="BT22" s="279">
        <v>0</v>
      </c>
      <c r="BU22" s="280">
        <v>123</v>
      </c>
      <c r="BV22" s="280">
        <v>107</v>
      </c>
      <c r="BW22" s="280">
        <v>57</v>
      </c>
      <c r="BX22" s="280">
        <v>38</v>
      </c>
      <c r="BY22" s="280">
        <v>13</v>
      </c>
      <c r="BZ22" s="277">
        <v>338</v>
      </c>
      <c r="CA22" s="282">
        <v>379</v>
      </c>
      <c r="CB22" s="276">
        <v>3</v>
      </c>
      <c r="CC22" s="280">
        <v>7</v>
      </c>
      <c r="CD22" s="277">
        <v>10</v>
      </c>
      <c r="CE22" s="279">
        <v>0</v>
      </c>
      <c r="CF22" s="280">
        <v>51</v>
      </c>
      <c r="CG22" s="280">
        <v>65</v>
      </c>
      <c r="CH22" s="280">
        <v>76</v>
      </c>
      <c r="CI22" s="280">
        <v>67</v>
      </c>
      <c r="CJ22" s="280">
        <v>20</v>
      </c>
      <c r="CK22" s="277">
        <v>279</v>
      </c>
      <c r="CL22" s="282">
        <v>289</v>
      </c>
      <c r="CM22" s="276">
        <v>0</v>
      </c>
      <c r="CN22" s="280">
        <v>0</v>
      </c>
      <c r="CO22" s="277">
        <v>0</v>
      </c>
      <c r="CP22" s="279">
        <v>0</v>
      </c>
      <c r="CQ22" s="280">
        <v>2</v>
      </c>
      <c r="CR22" s="280">
        <v>4</v>
      </c>
      <c r="CS22" s="280">
        <v>10</v>
      </c>
      <c r="CT22" s="280">
        <v>10</v>
      </c>
      <c r="CU22" s="280">
        <v>2</v>
      </c>
      <c r="CV22" s="277">
        <v>28</v>
      </c>
      <c r="CW22" s="282">
        <v>28</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33</v>
      </c>
      <c r="DU22" s="280">
        <v>331</v>
      </c>
      <c r="DV22" s="277">
        <v>464</v>
      </c>
      <c r="DW22" s="279">
        <v>0</v>
      </c>
      <c r="DX22" s="280">
        <v>545</v>
      </c>
      <c r="DY22" s="280">
        <v>473</v>
      </c>
      <c r="DZ22" s="280">
        <v>323</v>
      </c>
      <c r="EA22" s="280">
        <v>240</v>
      </c>
      <c r="EB22" s="280">
        <v>125</v>
      </c>
      <c r="EC22" s="277">
        <v>1706</v>
      </c>
      <c r="ED22" s="282">
        <v>2170</v>
      </c>
      <c r="EE22" s="276">
        <v>16</v>
      </c>
      <c r="EF22" s="280">
        <v>11</v>
      </c>
      <c r="EG22" s="277">
        <v>27</v>
      </c>
      <c r="EH22" s="279">
        <v>0</v>
      </c>
      <c r="EI22" s="280">
        <v>73</v>
      </c>
      <c r="EJ22" s="280">
        <v>54</v>
      </c>
      <c r="EK22" s="280">
        <v>61</v>
      </c>
      <c r="EL22" s="280">
        <v>57</v>
      </c>
      <c r="EM22" s="280">
        <v>30</v>
      </c>
      <c r="EN22" s="277">
        <v>275</v>
      </c>
      <c r="EO22" s="282">
        <v>302</v>
      </c>
      <c r="EP22" s="276">
        <v>192</v>
      </c>
      <c r="EQ22" s="280">
        <v>406</v>
      </c>
      <c r="ER22" s="277">
        <v>598</v>
      </c>
      <c r="ES22" s="279">
        <v>0</v>
      </c>
      <c r="ET22" s="280">
        <v>1026</v>
      </c>
      <c r="EU22" s="280">
        <v>656</v>
      </c>
      <c r="EV22" s="280">
        <v>417</v>
      </c>
      <c r="EW22" s="280">
        <v>275</v>
      </c>
      <c r="EX22" s="280">
        <v>130</v>
      </c>
      <c r="EY22" s="277">
        <v>2504</v>
      </c>
      <c r="EZ22" s="282">
        <v>3102</v>
      </c>
    </row>
    <row r="23" spans="2:156" ht="21" customHeight="1" x14ac:dyDescent="0.2">
      <c r="B23" s="261" t="s">
        <v>21</v>
      </c>
      <c r="C23" s="276">
        <v>0</v>
      </c>
      <c r="D23" s="280">
        <v>0</v>
      </c>
      <c r="E23" s="382">
        <v>0</v>
      </c>
      <c r="F23" s="279">
        <v>0</v>
      </c>
      <c r="G23" s="280">
        <v>241</v>
      </c>
      <c r="H23" s="280">
        <v>355</v>
      </c>
      <c r="I23" s="280">
        <v>179</v>
      </c>
      <c r="J23" s="280">
        <v>137</v>
      </c>
      <c r="K23" s="280">
        <v>87</v>
      </c>
      <c r="L23" s="281">
        <v>999</v>
      </c>
      <c r="M23" s="282">
        <v>999</v>
      </c>
      <c r="N23" s="276">
        <v>0</v>
      </c>
      <c r="O23" s="280">
        <v>0</v>
      </c>
      <c r="P23" s="277">
        <v>0</v>
      </c>
      <c r="Q23" s="279">
        <v>0</v>
      </c>
      <c r="R23" s="280">
        <v>0</v>
      </c>
      <c r="S23" s="280">
        <v>4</v>
      </c>
      <c r="T23" s="280">
        <v>12</v>
      </c>
      <c r="U23" s="280">
        <v>28</v>
      </c>
      <c r="V23" s="280">
        <v>37</v>
      </c>
      <c r="W23" s="277">
        <v>81</v>
      </c>
      <c r="X23" s="282">
        <v>81</v>
      </c>
      <c r="Y23" s="276">
        <v>45</v>
      </c>
      <c r="Z23" s="280">
        <v>99</v>
      </c>
      <c r="AA23" s="277">
        <v>144</v>
      </c>
      <c r="AB23" s="279">
        <v>0</v>
      </c>
      <c r="AC23" s="280">
        <v>196</v>
      </c>
      <c r="AD23" s="280">
        <v>274</v>
      </c>
      <c r="AE23" s="280">
        <v>138</v>
      </c>
      <c r="AF23" s="280">
        <v>133</v>
      </c>
      <c r="AG23" s="280">
        <v>71</v>
      </c>
      <c r="AH23" s="277">
        <v>812</v>
      </c>
      <c r="AI23" s="282">
        <v>956</v>
      </c>
      <c r="AJ23" s="276">
        <v>15</v>
      </c>
      <c r="AK23" s="280">
        <v>28</v>
      </c>
      <c r="AL23" s="277">
        <v>43</v>
      </c>
      <c r="AM23" s="279">
        <v>0</v>
      </c>
      <c r="AN23" s="280">
        <v>21</v>
      </c>
      <c r="AO23" s="280">
        <v>44</v>
      </c>
      <c r="AP23" s="280">
        <v>15</v>
      </c>
      <c r="AQ23" s="280">
        <v>9</v>
      </c>
      <c r="AR23" s="280">
        <v>10</v>
      </c>
      <c r="AS23" s="277">
        <v>99</v>
      </c>
      <c r="AT23" s="282">
        <v>142</v>
      </c>
      <c r="AU23" s="276">
        <v>40</v>
      </c>
      <c r="AV23" s="280">
        <v>37</v>
      </c>
      <c r="AW23" s="277">
        <v>77</v>
      </c>
      <c r="AX23" s="279">
        <v>0</v>
      </c>
      <c r="AY23" s="280">
        <v>251</v>
      </c>
      <c r="AZ23" s="280">
        <v>337</v>
      </c>
      <c r="BA23" s="280">
        <v>287</v>
      </c>
      <c r="BB23" s="280">
        <v>257</v>
      </c>
      <c r="BC23" s="280">
        <v>185</v>
      </c>
      <c r="BD23" s="281">
        <v>1317</v>
      </c>
      <c r="BE23" s="282">
        <v>1394</v>
      </c>
      <c r="BF23" s="276">
        <v>0</v>
      </c>
      <c r="BG23" s="280">
        <v>0</v>
      </c>
      <c r="BH23" s="277">
        <v>0</v>
      </c>
      <c r="BI23" s="279">
        <v>0</v>
      </c>
      <c r="BJ23" s="280">
        <v>324</v>
      </c>
      <c r="BK23" s="280">
        <v>357</v>
      </c>
      <c r="BL23" s="280">
        <v>205</v>
      </c>
      <c r="BM23" s="280">
        <v>112</v>
      </c>
      <c r="BN23" s="280">
        <v>37</v>
      </c>
      <c r="BO23" s="277">
        <v>1035</v>
      </c>
      <c r="BP23" s="282">
        <v>1035</v>
      </c>
      <c r="BQ23" s="276">
        <v>25</v>
      </c>
      <c r="BR23" s="280">
        <v>40</v>
      </c>
      <c r="BS23" s="277">
        <v>65</v>
      </c>
      <c r="BT23" s="279">
        <v>0</v>
      </c>
      <c r="BU23" s="280">
        <v>65</v>
      </c>
      <c r="BV23" s="280">
        <v>75</v>
      </c>
      <c r="BW23" s="280">
        <v>37</v>
      </c>
      <c r="BX23" s="280">
        <v>17</v>
      </c>
      <c r="BY23" s="280">
        <v>9</v>
      </c>
      <c r="BZ23" s="277">
        <v>203</v>
      </c>
      <c r="CA23" s="282">
        <v>268</v>
      </c>
      <c r="CB23" s="276">
        <v>1</v>
      </c>
      <c r="CC23" s="280">
        <v>2</v>
      </c>
      <c r="CD23" s="277">
        <v>3</v>
      </c>
      <c r="CE23" s="279">
        <v>0</v>
      </c>
      <c r="CF23" s="280">
        <v>27</v>
      </c>
      <c r="CG23" s="280">
        <v>50</v>
      </c>
      <c r="CH23" s="280">
        <v>71</v>
      </c>
      <c r="CI23" s="280">
        <v>65</v>
      </c>
      <c r="CJ23" s="280">
        <v>31</v>
      </c>
      <c r="CK23" s="277">
        <v>244</v>
      </c>
      <c r="CL23" s="282">
        <v>247</v>
      </c>
      <c r="CM23" s="276">
        <v>0</v>
      </c>
      <c r="CN23" s="280">
        <v>0</v>
      </c>
      <c r="CO23" s="277">
        <v>0</v>
      </c>
      <c r="CP23" s="279">
        <v>0</v>
      </c>
      <c r="CQ23" s="280">
        <v>1</v>
      </c>
      <c r="CR23" s="280">
        <v>3</v>
      </c>
      <c r="CS23" s="280">
        <v>3</v>
      </c>
      <c r="CT23" s="280">
        <v>4</v>
      </c>
      <c r="CU23" s="280">
        <v>2</v>
      </c>
      <c r="CV23" s="277">
        <v>13</v>
      </c>
      <c r="CW23" s="282">
        <v>13</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85</v>
      </c>
      <c r="DU23" s="280">
        <v>319</v>
      </c>
      <c r="DV23" s="277">
        <v>504</v>
      </c>
      <c r="DW23" s="279">
        <v>0</v>
      </c>
      <c r="DX23" s="280">
        <v>350</v>
      </c>
      <c r="DY23" s="280">
        <v>670</v>
      </c>
      <c r="DZ23" s="280">
        <v>385</v>
      </c>
      <c r="EA23" s="280">
        <v>291</v>
      </c>
      <c r="EB23" s="280">
        <v>148</v>
      </c>
      <c r="EC23" s="277">
        <v>1844</v>
      </c>
      <c r="ED23" s="282">
        <v>2348</v>
      </c>
      <c r="EE23" s="276">
        <v>13</v>
      </c>
      <c r="EF23" s="280">
        <v>12</v>
      </c>
      <c r="EG23" s="277">
        <v>25</v>
      </c>
      <c r="EH23" s="279">
        <v>0</v>
      </c>
      <c r="EI23" s="280">
        <v>74</v>
      </c>
      <c r="EJ23" s="280">
        <v>58</v>
      </c>
      <c r="EK23" s="280">
        <v>73</v>
      </c>
      <c r="EL23" s="280">
        <v>51</v>
      </c>
      <c r="EM23" s="280">
        <v>44</v>
      </c>
      <c r="EN23" s="277">
        <v>300</v>
      </c>
      <c r="EO23" s="282">
        <v>325</v>
      </c>
      <c r="EP23" s="276">
        <v>246</v>
      </c>
      <c r="EQ23" s="280">
        <v>407</v>
      </c>
      <c r="ER23" s="277">
        <v>653</v>
      </c>
      <c r="ES23" s="279">
        <v>0</v>
      </c>
      <c r="ET23" s="280">
        <v>806</v>
      </c>
      <c r="EU23" s="280">
        <v>922</v>
      </c>
      <c r="EV23" s="280">
        <v>461</v>
      </c>
      <c r="EW23" s="280">
        <v>317</v>
      </c>
      <c r="EX23" s="280">
        <v>157</v>
      </c>
      <c r="EY23" s="277">
        <v>2663</v>
      </c>
      <c r="EZ23" s="282">
        <v>3316</v>
      </c>
    </row>
    <row r="24" spans="2:156" ht="21" customHeight="1" x14ac:dyDescent="0.2">
      <c r="B24" s="261" t="s">
        <v>22</v>
      </c>
      <c r="C24" s="276">
        <v>0</v>
      </c>
      <c r="D24" s="280">
        <v>0</v>
      </c>
      <c r="E24" s="382">
        <v>0</v>
      </c>
      <c r="F24" s="279">
        <v>0</v>
      </c>
      <c r="G24" s="280">
        <v>75</v>
      </c>
      <c r="H24" s="280">
        <v>55</v>
      </c>
      <c r="I24" s="280">
        <v>35</v>
      </c>
      <c r="J24" s="280">
        <v>33</v>
      </c>
      <c r="K24" s="280">
        <v>29</v>
      </c>
      <c r="L24" s="281">
        <v>227</v>
      </c>
      <c r="M24" s="282">
        <v>227</v>
      </c>
      <c r="N24" s="276">
        <v>0</v>
      </c>
      <c r="O24" s="280">
        <v>0</v>
      </c>
      <c r="P24" s="277">
        <v>0</v>
      </c>
      <c r="Q24" s="279">
        <v>0</v>
      </c>
      <c r="R24" s="280">
        <v>2</v>
      </c>
      <c r="S24" s="280">
        <v>1</v>
      </c>
      <c r="T24" s="280">
        <v>5</v>
      </c>
      <c r="U24" s="280">
        <v>8</v>
      </c>
      <c r="V24" s="280">
        <v>15</v>
      </c>
      <c r="W24" s="277">
        <v>31</v>
      </c>
      <c r="X24" s="282">
        <v>31</v>
      </c>
      <c r="Y24" s="276">
        <v>4</v>
      </c>
      <c r="Z24" s="280">
        <v>3</v>
      </c>
      <c r="AA24" s="277">
        <v>7</v>
      </c>
      <c r="AB24" s="279">
        <v>0</v>
      </c>
      <c r="AC24" s="280">
        <v>54</v>
      </c>
      <c r="AD24" s="280">
        <v>67</v>
      </c>
      <c r="AE24" s="280">
        <v>47</v>
      </c>
      <c r="AF24" s="280">
        <v>39</v>
      </c>
      <c r="AG24" s="280">
        <v>30</v>
      </c>
      <c r="AH24" s="277">
        <v>237</v>
      </c>
      <c r="AI24" s="282">
        <v>244</v>
      </c>
      <c r="AJ24" s="276">
        <v>0</v>
      </c>
      <c r="AK24" s="280">
        <v>2</v>
      </c>
      <c r="AL24" s="277">
        <v>2</v>
      </c>
      <c r="AM24" s="279">
        <v>0</v>
      </c>
      <c r="AN24" s="280">
        <v>7</v>
      </c>
      <c r="AO24" s="280">
        <v>11</v>
      </c>
      <c r="AP24" s="280">
        <v>4</v>
      </c>
      <c r="AQ24" s="280">
        <v>2</v>
      </c>
      <c r="AR24" s="280">
        <v>4</v>
      </c>
      <c r="AS24" s="277">
        <v>28</v>
      </c>
      <c r="AT24" s="282">
        <v>30</v>
      </c>
      <c r="AU24" s="276">
        <v>7</v>
      </c>
      <c r="AV24" s="280">
        <v>11</v>
      </c>
      <c r="AW24" s="277">
        <v>18</v>
      </c>
      <c r="AX24" s="279">
        <v>0</v>
      </c>
      <c r="AY24" s="280">
        <v>66</v>
      </c>
      <c r="AZ24" s="280">
        <v>75</v>
      </c>
      <c r="BA24" s="280">
        <v>67</v>
      </c>
      <c r="BB24" s="280">
        <v>63</v>
      </c>
      <c r="BC24" s="280">
        <v>40</v>
      </c>
      <c r="BD24" s="281">
        <v>311</v>
      </c>
      <c r="BE24" s="282">
        <v>329</v>
      </c>
      <c r="BF24" s="276">
        <v>0</v>
      </c>
      <c r="BG24" s="280">
        <v>0</v>
      </c>
      <c r="BH24" s="277">
        <v>0</v>
      </c>
      <c r="BI24" s="279">
        <v>0</v>
      </c>
      <c r="BJ24" s="280">
        <v>107</v>
      </c>
      <c r="BK24" s="280">
        <v>103</v>
      </c>
      <c r="BL24" s="280">
        <v>54</v>
      </c>
      <c r="BM24" s="280">
        <v>31</v>
      </c>
      <c r="BN24" s="280">
        <v>19</v>
      </c>
      <c r="BO24" s="277">
        <v>314</v>
      </c>
      <c r="BP24" s="282">
        <v>314</v>
      </c>
      <c r="BQ24" s="276">
        <v>0</v>
      </c>
      <c r="BR24" s="280">
        <v>4</v>
      </c>
      <c r="BS24" s="277">
        <v>4</v>
      </c>
      <c r="BT24" s="279">
        <v>0</v>
      </c>
      <c r="BU24" s="280">
        <v>22</v>
      </c>
      <c r="BV24" s="280">
        <v>36</v>
      </c>
      <c r="BW24" s="280">
        <v>20</v>
      </c>
      <c r="BX24" s="280">
        <v>13</v>
      </c>
      <c r="BY24" s="280">
        <v>10</v>
      </c>
      <c r="BZ24" s="277">
        <v>101</v>
      </c>
      <c r="CA24" s="282">
        <v>105</v>
      </c>
      <c r="CB24" s="276">
        <v>0</v>
      </c>
      <c r="CC24" s="280">
        <v>0</v>
      </c>
      <c r="CD24" s="277">
        <v>0</v>
      </c>
      <c r="CE24" s="279">
        <v>0</v>
      </c>
      <c r="CF24" s="280">
        <v>18</v>
      </c>
      <c r="CG24" s="280">
        <v>19</v>
      </c>
      <c r="CH24" s="280">
        <v>25</v>
      </c>
      <c r="CI24" s="280">
        <v>16</v>
      </c>
      <c r="CJ24" s="280">
        <v>13</v>
      </c>
      <c r="CK24" s="277">
        <v>91</v>
      </c>
      <c r="CL24" s="282">
        <v>91</v>
      </c>
      <c r="CM24" s="276">
        <v>0</v>
      </c>
      <c r="CN24" s="280">
        <v>0</v>
      </c>
      <c r="CO24" s="277">
        <v>0</v>
      </c>
      <c r="CP24" s="279">
        <v>0</v>
      </c>
      <c r="CQ24" s="280">
        <v>0</v>
      </c>
      <c r="CR24" s="280">
        <v>3</v>
      </c>
      <c r="CS24" s="280">
        <v>7</v>
      </c>
      <c r="CT24" s="280">
        <v>5</v>
      </c>
      <c r="CU24" s="280">
        <v>2</v>
      </c>
      <c r="CV24" s="277">
        <v>17</v>
      </c>
      <c r="CW24" s="282">
        <v>17</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21</v>
      </c>
      <c r="DU24" s="280">
        <v>69</v>
      </c>
      <c r="DV24" s="277">
        <v>90</v>
      </c>
      <c r="DW24" s="279">
        <v>0</v>
      </c>
      <c r="DX24" s="280">
        <v>189</v>
      </c>
      <c r="DY24" s="280">
        <v>240</v>
      </c>
      <c r="DZ24" s="280">
        <v>136</v>
      </c>
      <c r="EA24" s="280">
        <v>90</v>
      </c>
      <c r="EB24" s="280">
        <v>65</v>
      </c>
      <c r="EC24" s="277">
        <v>720</v>
      </c>
      <c r="ED24" s="282">
        <v>810</v>
      </c>
      <c r="EE24" s="276">
        <v>8</v>
      </c>
      <c r="EF24" s="280">
        <v>6</v>
      </c>
      <c r="EG24" s="277">
        <v>14</v>
      </c>
      <c r="EH24" s="279">
        <v>0</v>
      </c>
      <c r="EI24" s="280">
        <v>28</v>
      </c>
      <c r="EJ24" s="280">
        <v>24</v>
      </c>
      <c r="EK24" s="280">
        <v>25</v>
      </c>
      <c r="EL24" s="280">
        <v>27</v>
      </c>
      <c r="EM24" s="280">
        <v>10</v>
      </c>
      <c r="EN24" s="277">
        <v>114</v>
      </c>
      <c r="EO24" s="282">
        <v>128</v>
      </c>
      <c r="EP24" s="276">
        <v>23</v>
      </c>
      <c r="EQ24" s="280">
        <v>72</v>
      </c>
      <c r="ER24" s="277">
        <v>95</v>
      </c>
      <c r="ES24" s="279">
        <v>0</v>
      </c>
      <c r="ET24" s="280">
        <v>340</v>
      </c>
      <c r="EU24" s="280">
        <v>316</v>
      </c>
      <c r="EV24" s="280">
        <v>150</v>
      </c>
      <c r="EW24" s="280">
        <v>95</v>
      </c>
      <c r="EX24" s="280">
        <v>68</v>
      </c>
      <c r="EY24" s="277">
        <v>969</v>
      </c>
      <c r="EZ24" s="282">
        <v>1064</v>
      </c>
    </row>
    <row r="25" spans="2:156" ht="21" customHeight="1" x14ac:dyDescent="0.2">
      <c r="B25" s="261" t="s">
        <v>23</v>
      </c>
      <c r="C25" s="276">
        <v>0</v>
      </c>
      <c r="D25" s="280">
        <v>0</v>
      </c>
      <c r="E25" s="382">
        <v>0</v>
      </c>
      <c r="F25" s="279">
        <v>0</v>
      </c>
      <c r="G25" s="280">
        <v>147</v>
      </c>
      <c r="H25" s="280">
        <v>129</v>
      </c>
      <c r="I25" s="280">
        <v>72</v>
      </c>
      <c r="J25" s="280">
        <v>65</v>
      </c>
      <c r="K25" s="280">
        <v>34</v>
      </c>
      <c r="L25" s="281">
        <v>447</v>
      </c>
      <c r="M25" s="282">
        <v>447</v>
      </c>
      <c r="N25" s="276">
        <v>0</v>
      </c>
      <c r="O25" s="280">
        <v>0</v>
      </c>
      <c r="P25" s="277">
        <v>0</v>
      </c>
      <c r="Q25" s="279">
        <v>0</v>
      </c>
      <c r="R25" s="280">
        <v>1</v>
      </c>
      <c r="S25" s="280">
        <v>5</v>
      </c>
      <c r="T25" s="280">
        <v>9</v>
      </c>
      <c r="U25" s="280">
        <v>17</v>
      </c>
      <c r="V25" s="280">
        <v>20</v>
      </c>
      <c r="W25" s="277">
        <v>52</v>
      </c>
      <c r="X25" s="282">
        <v>52</v>
      </c>
      <c r="Y25" s="276">
        <v>36</v>
      </c>
      <c r="Z25" s="280">
        <v>51</v>
      </c>
      <c r="AA25" s="277">
        <v>87</v>
      </c>
      <c r="AB25" s="279">
        <v>0</v>
      </c>
      <c r="AC25" s="280">
        <v>86</v>
      </c>
      <c r="AD25" s="280">
        <v>141</v>
      </c>
      <c r="AE25" s="280">
        <v>55</v>
      </c>
      <c r="AF25" s="280">
        <v>77</v>
      </c>
      <c r="AG25" s="280">
        <v>41</v>
      </c>
      <c r="AH25" s="277">
        <v>400</v>
      </c>
      <c r="AI25" s="282">
        <v>487</v>
      </c>
      <c r="AJ25" s="276">
        <v>4</v>
      </c>
      <c r="AK25" s="280">
        <v>7</v>
      </c>
      <c r="AL25" s="277">
        <v>11</v>
      </c>
      <c r="AM25" s="279">
        <v>0</v>
      </c>
      <c r="AN25" s="280">
        <v>7</v>
      </c>
      <c r="AO25" s="280">
        <v>23</v>
      </c>
      <c r="AP25" s="280">
        <v>9</v>
      </c>
      <c r="AQ25" s="280">
        <v>10</v>
      </c>
      <c r="AR25" s="280">
        <v>7</v>
      </c>
      <c r="AS25" s="277">
        <v>56</v>
      </c>
      <c r="AT25" s="282">
        <v>67</v>
      </c>
      <c r="AU25" s="276">
        <v>18</v>
      </c>
      <c r="AV25" s="280">
        <v>13</v>
      </c>
      <c r="AW25" s="277">
        <v>31</v>
      </c>
      <c r="AX25" s="279">
        <v>0</v>
      </c>
      <c r="AY25" s="280">
        <v>162</v>
      </c>
      <c r="AZ25" s="280">
        <v>142</v>
      </c>
      <c r="BA25" s="280">
        <v>123</v>
      </c>
      <c r="BB25" s="280">
        <v>181</v>
      </c>
      <c r="BC25" s="280">
        <v>114</v>
      </c>
      <c r="BD25" s="281">
        <v>722</v>
      </c>
      <c r="BE25" s="282">
        <v>753</v>
      </c>
      <c r="BF25" s="276">
        <v>0</v>
      </c>
      <c r="BG25" s="280">
        <v>0</v>
      </c>
      <c r="BH25" s="277">
        <v>0</v>
      </c>
      <c r="BI25" s="279">
        <v>0</v>
      </c>
      <c r="BJ25" s="280">
        <v>292</v>
      </c>
      <c r="BK25" s="280">
        <v>246</v>
      </c>
      <c r="BL25" s="280">
        <v>119</v>
      </c>
      <c r="BM25" s="280">
        <v>83</v>
      </c>
      <c r="BN25" s="280">
        <v>32</v>
      </c>
      <c r="BO25" s="277">
        <v>772</v>
      </c>
      <c r="BP25" s="282">
        <v>772</v>
      </c>
      <c r="BQ25" s="276">
        <v>2</v>
      </c>
      <c r="BR25" s="280">
        <v>9</v>
      </c>
      <c r="BS25" s="277">
        <v>11</v>
      </c>
      <c r="BT25" s="279">
        <v>0</v>
      </c>
      <c r="BU25" s="280">
        <v>39</v>
      </c>
      <c r="BV25" s="280">
        <v>49</v>
      </c>
      <c r="BW25" s="280">
        <v>32</v>
      </c>
      <c r="BX25" s="280">
        <v>23</v>
      </c>
      <c r="BY25" s="280">
        <v>5</v>
      </c>
      <c r="BZ25" s="277">
        <v>148</v>
      </c>
      <c r="CA25" s="282">
        <v>159</v>
      </c>
      <c r="CB25" s="276">
        <v>1</v>
      </c>
      <c r="CC25" s="280">
        <v>3</v>
      </c>
      <c r="CD25" s="277">
        <v>4</v>
      </c>
      <c r="CE25" s="279">
        <v>0</v>
      </c>
      <c r="CF25" s="280">
        <v>21</v>
      </c>
      <c r="CG25" s="280">
        <v>44</v>
      </c>
      <c r="CH25" s="280">
        <v>47</v>
      </c>
      <c r="CI25" s="280">
        <v>33</v>
      </c>
      <c r="CJ25" s="280">
        <v>15</v>
      </c>
      <c r="CK25" s="277">
        <v>160</v>
      </c>
      <c r="CL25" s="282">
        <v>164</v>
      </c>
      <c r="CM25" s="276">
        <v>1</v>
      </c>
      <c r="CN25" s="280">
        <v>0</v>
      </c>
      <c r="CO25" s="277">
        <v>1</v>
      </c>
      <c r="CP25" s="279">
        <v>0</v>
      </c>
      <c r="CQ25" s="280">
        <v>2</v>
      </c>
      <c r="CR25" s="280">
        <v>3</v>
      </c>
      <c r="CS25" s="280">
        <v>1</v>
      </c>
      <c r="CT25" s="280">
        <v>4</v>
      </c>
      <c r="CU25" s="280">
        <v>3</v>
      </c>
      <c r="CV25" s="277">
        <v>13</v>
      </c>
      <c r="CW25" s="282">
        <v>14</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88</v>
      </c>
      <c r="DU25" s="280">
        <v>230</v>
      </c>
      <c r="DV25" s="277">
        <v>318</v>
      </c>
      <c r="DW25" s="279">
        <v>0</v>
      </c>
      <c r="DX25" s="280">
        <v>266</v>
      </c>
      <c r="DY25" s="280">
        <v>376</v>
      </c>
      <c r="DZ25" s="280">
        <v>203</v>
      </c>
      <c r="EA25" s="280">
        <v>188</v>
      </c>
      <c r="EB25" s="280">
        <v>93</v>
      </c>
      <c r="EC25" s="277">
        <v>1126</v>
      </c>
      <c r="ED25" s="282">
        <v>1444</v>
      </c>
      <c r="EE25" s="276">
        <v>9</v>
      </c>
      <c r="EF25" s="280">
        <v>3</v>
      </c>
      <c r="EG25" s="277">
        <v>12</v>
      </c>
      <c r="EH25" s="279">
        <v>0</v>
      </c>
      <c r="EI25" s="280">
        <v>49</v>
      </c>
      <c r="EJ25" s="280">
        <v>36</v>
      </c>
      <c r="EK25" s="280">
        <v>30</v>
      </c>
      <c r="EL25" s="280">
        <v>72</v>
      </c>
      <c r="EM25" s="280">
        <v>35</v>
      </c>
      <c r="EN25" s="277">
        <v>222</v>
      </c>
      <c r="EO25" s="282">
        <v>234</v>
      </c>
      <c r="EP25" s="276">
        <v>123</v>
      </c>
      <c r="EQ25" s="280">
        <v>263</v>
      </c>
      <c r="ER25" s="277">
        <v>386</v>
      </c>
      <c r="ES25" s="279">
        <v>0</v>
      </c>
      <c r="ET25" s="280">
        <v>536</v>
      </c>
      <c r="EU25" s="280">
        <v>508</v>
      </c>
      <c r="EV25" s="280">
        <v>258</v>
      </c>
      <c r="EW25" s="280">
        <v>204</v>
      </c>
      <c r="EX25" s="280">
        <v>98</v>
      </c>
      <c r="EY25" s="277">
        <v>1604</v>
      </c>
      <c r="EZ25" s="282">
        <v>1990</v>
      </c>
    </row>
    <row r="26" spans="2:156" ht="21" customHeight="1" x14ac:dyDescent="0.2">
      <c r="B26" s="261" t="s">
        <v>24</v>
      </c>
      <c r="C26" s="276">
        <v>0</v>
      </c>
      <c r="D26" s="280">
        <v>0</v>
      </c>
      <c r="E26" s="382">
        <v>0</v>
      </c>
      <c r="F26" s="279">
        <v>0</v>
      </c>
      <c r="G26" s="280">
        <v>68</v>
      </c>
      <c r="H26" s="280">
        <v>57</v>
      </c>
      <c r="I26" s="280">
        <v>42</v>
      </c>
      <c r="J26" s="280">
        <v>33</v>
      </c>
      <c r="K26" s="280">
        <v>34</v>
      </c>
      <c r="L26" s="281">
        <v>234</v>
      </c>
      <c r="M26" s="282">
        <v>234</v>
      </c>
      <c r="N26" s="276">
        <v>0</v>
      </c>
      <c r="O26" s="280">
        <v>0</v>
      </c>
      <c r="P26" s="277">
        <v>0</v>
      </c>
      <c r="Q26" s="279">
        <v>0</v>
      </c>
      <c r="R26" s="280">
        <v>0</v>
      </c>
      <c r="S26" s="280">
        <v>2</v>
      </c>
      <c r="T26" s="280">
        <v>5</v>
      </c>
      <c r="U26" s="280">
        <v>8</v>
      </c>
      <c r="V26" s="280">
        <v>21</v>
      </c>
      <c r="W26" s="277">
        <v>36</v>
      </c>
      <c r="X26" s="282">
        <v>36</v>
      </c>
      <c r="Y26" s="276">
        <v>19</v>
      </c>
      <c r="Z26" s="280">
        <v>27</v>
      </c>
      <c r="AA26" s="277">
        <v>46</v>
      </c>
      <c r="AB26" s="279">
        <v>0</v>
      </c>
      <c r="AC26" s="280">
        <v>58</v>
      </c>
      <c r="AD26" s="280">
        <v>61</v>
      </c>
      <c r="AE26" s="280">
        <v>37</v>
      </c>
      <c r="AF26" s="280">
        <v>39</v>
      </c>
      <c r="AG26" s="280">
        <v>26</v>
      </c>
      <c r="AH26" s="277">
        <v>221</v>
      </c>
      <c r="AI26" s="282">
        <v>267</v>
      </c>
      <c r="AJ26" s="276">
        <v>0</v>
      </c>
      <c r="AK26" s="280">
        <v>1</v>
      </c>
      <c r="AL26" s="277">
        <v>1</v>
      </c>
      <c r="AM26" s="279">
        <v>0</v>
      </c>
      <c r="AN26" s="280">
        <v>3</v>
      </c>
      <c r="AO26" s="280">
        <v>8</v>
      </c>
      <c r="AP26" s="280">
        <v>2</v>
      </c>
      <c r="AQ26" s="280">
        <v>4</v>
      </c>
      <c r="AR26" s="280">
        <v>2</v>
      </c>
      <c r="AS26" s="277">
        <v>19</v>
      </c>
      <c r="AT26" s="282">
        <v>20</v>
      </c>
      <c r="AU26" s="276">
        <v>21</v>
      </c>
      <c r="AV26" s="280">
        <v>14</v>
      </c>
      <c r="AW26" s="277">
        <v>35</v>
      </c>
      <c r="AX26" s="279">
        <v>0</v>
      </c>
      <c r="AY26" s="280">
        <v>91</v>
      </c>
      <c r="AZ26" s="280">
        <v>80</v>
      </c>
      <c r="BA26" s="280">
        <v>77</v>
      </c>
      <c r="BB26" s="280">
        <v>94</v>
      </c>
      <c r="BC26" s="280">
        <v>73</v>
      </c>
      <c r="BD26" s="281">
        <v>415</v>
      </c>
      <c r="BE26" s="282">
        <v>450</v>
      </c>
      <c r="BF26" s="276">
        <v>0</v>
      </c>
      <c r="BG26" s="280">
        <v>0</v>
      </c>
      <c r="BH26" s="277">
        <v>0</v>
      </c>
      <c r="BI26" s="279">
        <v>0</v>
      </c>
      <c r="BJ26" s="280">
        <v>120</v>
      </c>
      <c r="BK26" s="280">
        <v>81</v>
      </c>
      <c r="BL26" s="280">
        <v>37</v>
      </c>
      <c r="BM26" s="280">
        <v>22</v>
      </c>
      <c r="BN26" s="280">
        <v>7</v>
      </c>
      <c r="BO26" s="277">
        <v>267</v>
      </c>
      <c r="BP26" s="282">
        <v>267</v>
      </c>
      <c r="BQ26" s="276">
        <v>13</v>
      </c>
      <c r="BR26" s="280">
        <v>7</v>
      </c>
      <c r="BS26" s="277">
        <v>20</v>
      </c>
      <c r="BT26" s="279">
        <v>0</v>
      </c>
      <c r="BU26" s="280">
        <v>43</v>
      </c>
      <c r="BV26" s="280">
        <v>36</v>
      </c>
      <c r="BW26" s="280">
        <v>21</v>
      </c>
      <c r="BX26" s="280">
        <v>10</v>
      </c>
      <c r="BY26" s="280">
        <v>11</v>
      </c>
      <c r="BZ26" s="277">
        <v>121</v>
      </c>
      <c r="CA26" s="282">
        <v>141</v>
      </c>
      <c r="CB26" s="276">
        <v>1</v>
      </c>
      <c r="CC26" s="280">
        <v>1</v>
      </c>
      <c r="CD26" s="277">
        <v>2</v>
      </c>
      <c r="CE26" s="279">
        <v>0</v>
      </c>
      <c r="CF26" s="280">
        <v>16</v>
      </c>
      <c r="CG26" s="280">
        <v>23</v>
      </c>
      <c r="CH26" s="280">
        <v>22</v>
      </c>
      <c r="CI26" s="280">
        <v>18</v>
      </c>
      <c r="CJ26" s="280">
        <v>6</v>
      </c>
      <c r="CK26" s="277">
        <v>85</v>
      </c>
      <c r="CL26" s="282">
        <v>87</v>
      </c>
      <c r="CM26" s="276">
        <v>0</v>
      </c>
      <c r="CN26" s="280">
        <v>1</v>
      </c>
      <c r="CO26" s="277">
        <v>1</v>
      </c>
      <c r="CP26" s="279">
        <v>0</v>
      </c>
      <c r="CQ26" s="280">
        <v>4</v>
      </c>
      <c r="CR26" s="280">
        <v>1</v>
      </c>
      <c r="CS26" s="280">
        <v>3</v>
      </c>
      <c r="CT26" s="280">
        <v>2</v>
      </c>
      <c r="CU26" s="280">
        <v>2</v>
      </c>
      <c r="CV26" s="277">
        <v>12</v>
      </c>
      <c r="CW26" s="282">
        <v>13</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84</v>
      </c>
      <c r="DU26" s="280">
        <v>79</v>
      </c>
      <c r="DV26" s="277">
        <v>163</v>
      </c>
      <c r="DW26" s="279">
        <v>0</v>
      </c>
      <c r="DX26" s="280">
        <v>139</v>
      </c>
      <c r="DY26" s="280">
        <v>168</v>
      </c>
      <c r="DZ26" s="280">
        <v>103</v>
      </c>
      <c r="EA26" s="280">
        <v>71</v>
      </c>
      <c r="EB26" s="280">
        <v>52</v>
      </c>
      <c r="EC26" s="277">
        <v>533</v>
      </c>
      <c r="ED26" s="282">
        <v>696</v>
      </c>
      <c r="EE26" s="276">
        <v>14</v>
      </c>
      <c r="EF26" s="280">
        <v>7</v>
      </c>
      <c r="EG26" s="277">
        <v>21</v>
      </c>
      <c r="EH26" s="279">
        <v>0</v>
      </c>
      <c r="EI26" s="280">
        <v>35</v>
      </c>
      <c r="EJ26" s="280">
        <v>32</v>
      </c>
      <c r="EK26" s="280">
        <v>26</v>
      </c>
      <c r="EL26" s="280">
        <v>41</v>
      </c>
      <c r="EM26" s="280">
        <v>25</v>
      </c>
      <c r="EN26" s="277">
        <v>159</v>
      </c>
      <c r="EO26" s="282">
        <v>180</v>
      </c>
      <c r="EP26" s="276">
        <v>110</v>
      </c>
      <c r="EQ26" s="280">
        <v>96</v>
      </c>
      <c r="ER26" s="277">
        <v>206</v>
      </c>
      <c r="ES26" s="279">
        <v>0</v>
      </c>
      <c r="ET26" s="280">
        <v>277</v>
      </c>
      <c r="EU26" s="280">
        <v>207</v>
      </c>
      <c r="EV26" s="280">
        <v>125</v>
      </c>
      <c r="EW26" s="280">
        <v>74</v>
      </c>
      <c r="EX26" s="280">
        <v>55</v>
      </c>
      <c r="EY26" s="277">
        <v>738</v>
      </c>
      <c r="EZ26" s="282">
        <v>944</v>
      </c>
    </row>
    <row r="27" spans="2:156" ht="21" customHeight="1" x14ac:dyDescent="0.2">
      <c r="B27" s="261" t="s">
        <v>25</v>
      </c>
      <c r="C27" s="276">
        <v>0</v>
      </c>
      <c r="D27" s="280">
        <v>0</v>
      </c>
      <c r="E27" s="382">
        <v>0</v>
      </c>
      <c r="F27" s="279">
        <v>0</v>
      </c>
      <c r="G27" s="280">
        <v>106</v>
      </c>
      <c r="H27" s="280">
        <v>81</v>
      </c>
      <c r="I27" s="280">
        <v>56</v>
      </c>
      <c r="J27" s="280">
        <v>42</v>
      </c>
      <c r="K27" s="280">
        <v>35</v>
      </c>
      <c r="L27" s="281">
        <v>320</v>
      </c>
      <c r="M27" s="282">
        <v>320</v>
      </c>
      <c r="N27" s="276">
        <v>0</v>
      </c>
      <c r="O27" s="280">
        <v>0</v>
      </c>
      <c r="P27" s="277">
        <v>0</v>
      </c>
      <c r="Q27" s="279">
        <v>0</v>
      </c>
      <c r="R27" s="280">
        <v>4</v>
      </c>
      <c r="S27" s="280">
        <v>9</v>
      </c>
      <c r="T27" s="280">
        <v>15</v>
      </c>
      <c r="U27" s="280">
        <v>15</v>
      </c>
      <c r="V27" s="280">
        <v>17</v>
      </c>
      <c r="W27" s="277">
        <v>60</v>
      </c>
      <c r="X27" s="282">
        <v>60</v>
      </c>
      <c r="Y27" s="276">
        <v>20</v>
      </c>
      <c r="Z27" s="280">
        <v>43</v>
      </c>
      <c r="AA27" s="277">
        <v>63</v>
      </c>
      <c r="AB27" s="279">
        <v>0</v>
      </c>
      <c r="AC27" s="280">
        <v>81</v>
      </c>
      <c r="AD27" s="280">
        <v>82</v>
      </c>
      <c r="AE27" s="280">
        <v>47</v>
      </c>
      <c r="AF27" s="280">
        <v>40</v>
      </c>
      <c r="AG27" s="280">
        <v>23</v>
      </c>
      <c r="AH27" s="277">
        <v>273</v>
      </c>
      <c r="AI27" s="282">
        <v>336</v>
      </c>
      <c r="AJ27" s="276">
        <v>1</v>
      </c>
      <c r="AK27" s="280">
        <v>6</v>
      </c>
      <c r="AL27" s="277">
        <v>7</v>
      </c>
      <c r="AM27" s="279">
        <v>0</v>
      </c>
      <c r="AN27" s="280">
        <v>1</v>
      </c>
      <c r="AO27" s="280">
        <v>9</v>
      </c>
      <c r="AP27" s="280">
        <v>9</v>
      </c>
      <c r="AQ27" s="280">
        <v>4</v>
      </c>
      <c r="AR27" s="280">
        <v>4</v>
      </c>
      <c r="AS27" s="277">
        <v>27</v>
      </c>
      <c r="AT27" s="282">
        <v>34</v>
      </c>
      <c r="AU27" s="276">
        <v>10</v>
      </c>
      <c r="AV27" s="280">
        <v>15</v>
      </c>
      <c r="AW27" s="277">
        <v>25</v>
      </c>
      <c r="AX27" s="279">
        <v>0</v>
      </c>
      <c r="AY27" s="280">
        <v>64</v>
      </c>
      <c r="AZ27" s="280">
        <v>80</v>
      </c>
      <c r="BA27" s="280">
        <v>56</v>
      </c>
      <c r="BB27" s="280">
        <v>83</v>
      </c>
      <c r="BC27" s="280">
        <v>50</v>
      </c>
      <c r="BD27" s="281">
        <v>333</v>
      </c>
      <c r="BE27" s="282">
        <v>358</v>
      </c>
      <c r="BF27" s="276">
        <v>0</v>
      </c>
      <c r="BG27" s="280">
        <v>0</v>
      </c>
      <c r="BH27" s="277">
        <v>0</v>
      </c>
      <c r="BI27" s="279">
        <v>0</v>
      </c>
      <c r="BJ27" s="280">
        <v>148</v>
      </c>
      <c r="BK27" s="280">
        <v>81</v>
      </c>
      <c r="BL27" s="280">
        <v>58</v>
      </c>
      <c r="BM27" s="280">
        <v>41</v>
      </c>
      <c r="BN27" s="280">
        <v>7</v>
      </c>
      <c r="BO27" s="277">
        <v>335</v>
      </c>
      <c r="BP27" s="282">
        <v>335</v>
      </c>
      <c r="BQ27" s="276">
        <v>15</v>
      </c>
      <c r="BR27" s="280">
        <v>18</v>
      </c>
      <c r="BS27" s="277">
        <v>33</v>
      </c>
      <c r="BT27" s="279">
        <v>0</v>
      </c>
      <c r="BU27" s="280">
        <v>37</v>
      </c>
      <c r="BV27" s="280">
        <v>57</v>
      </c>
      <c r="BW27" s="280">
        <v>25</v>
      </c>
      <c r="BX27" s="280">
        <v>15</v>
      </c>
      <c r="BY27" s="280">
        <v>3</v>
      </c>
      <c r="BZ27" s="277">
        <v>137</v>
      </c>
      <c r="CA27" s="282">
        <v>170</v>
      </c>
      <c r="CB27" s="276">
        <v>0</v>
      </c>
      <c r="CC27" s="280">
        <v>4</v>
      </c>
      <c r="CD27" s="277">
        <v>4</v>
      </c>
      <c r="CE27" s="279">
        <v>0</v>
      </c>
      <c r="CF27" s="280">
        <v>19</v>
      </c>
      <c r="CG27" s="280">
        <v>24</v>
      </c>
      <c r="CH27" s="280">
        <v>25</v>
      </c>
      <c r="CI27" s="280">
        <v>13</v>
      </c>
      <c r="CJ27" s="280">
        <v>4</v>
      </c>
      <c r="CK27" s="277">
        <v>85</v>
      </c>
      <c r="CL27" s="282">
        <v>89</v>
      </c>
      <c r="CM27" s="276">
        <v>0</v>
      </c>
      <c r="CN27" s="280">
        <v>0</v>
      </c>
      <c r="CO27" s="277">
        <v>0</v>
      </c>
      <c r="CP27" s="279">
        <v>0</v>
      </c>
      <c r="CQ27" s="280">
        <v>3</v>
      </c>
      <c r="CR27" s="280">
        <v>7</v>
      </c>
      <c r="CS27" s="280">
        <v>3</v>
      </c>
      <c r="CT27" s="280">
        <v>5</v>
      </c>
      <c r="CU27" s="280">
        <v>4</v>
      </c>
      <c r="CV27" s="277">
        <v>22</v>
      </c>
      <c r="CW27" s="282">
        <v>22</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83</v>
      </c>
      <c r="DU27" s="280">
        <v>138</v>
      </c>
      <c r="DV27" s="277">
        <v>221</v>
      </c>
      <c r="DW27" s="279">
        <v>0</v>
      </c>
      <c r="DX27" s="280">
        <v>127</v>
      </c>
      <c r="DY27" s="280">
        <v>217</v>
      </c>
      <c r="DZ27" s="280">
        <v>125</v>
      </c>
      <c r="EA27" s="280">
        <v>106</v>
      </c>
      <c r="EB27" s="280">
        <v>51</v>
      </c>
      <c r="EC27" s="277">
        <v>626</v>
      </c>
      <c r="ED27" s="282">
        <v>847</v>
      </c>
      <c r="EE27" s="276">
        <v>4</v>
      </c>
      <c r="EF27" s="280">
        <v>3</v>
      </c>
      <c r="EG27" s="277">
        <v>7</v>
      </c>
      <c r="EH27" s="279">
        <v>0</v>
      </c>
      <c r="EI27" s="280">
        <v>16</v>
      </c>
      <c r="EJ27" s="280">
        <v>12</v>
      </c>
      <c r="EK27" s="280">
        <v>14</v>
      </c>
      <c r="EL27" s="280">
        <v>23</v>
      </c>
      <c r="EM27" s="280">
        <v>12</v>
      </c>
      <c r="EN27" s="277">
        <v>77</v>
      </c>
      <c r="EO27" s="282">
        <v>84</v>
      </c>
      <c r="EP27" s="276">
        <v>102</v>
      </c>
      <c r="EQ27" s="280">
        <v>163</v>
      </c>
      <c r="ER27" s="277">
        <v>265</v>
      </c>
      <c r="ES27" s="279">
        <v>0</v>
      </c>
      <c r="ET27" s="280">
        <v>352</v>
      </c>
      <c r="EU27" s="280">
        <v>270</v>
      </c>
      <c r="EV27" s="280">
        <v>150</v>
      </c>
      <c r="EW27" s="280">
        <v>122</v>
      </c>
      <c r="EX27" s="280">
        <v>57</v>
      </c>
      <c r="EY27" s="277">
        <v>951</v>
      </c>
      <c r="EZ27" s="282">
        <v>1216</v>
      </c>
    </row>
    <row r="28" spans="2:156" ht="21" customHeight="1" x14ac:dyDescent="0.2">
      <c r="B28" s="261" t="s">
        <v>26</v>
      </c>
      <c r="C28" s="276">
        <v>0</v>
      </c>
      <c r="D28" s="280">
        <v>0</v>
      </c>
      <c r="E28" s="382">
        <v>0</v>
      </c>
      <c r="F28" s="279">
        <v>0</v>
      </c>
      <c r="G28" s="280">
        <v>86</v>
      </c>
      <c r="H28" s="280">
        <v>69</v>
      </c>
      <c r="I28" s="280">
        <v>60</v>
      </c>
      <c r="J28" s="280">
        <v>37</v>
      </c>
      <c r="K28" s="280">
        <v>43</v>
      </c>
      <c r="L28" s="281">
        <v>295</v>
      </c>
      <c r="M28" s="282">
        <v>295</v>
      </c>
      <c r="N28" s="276">
        <v>0</v>
      </c>
      <c r="O28" s="280">
        <v>0</v>
      </c>
      <c r="P28" s="277">
        <v>0</v>
      </c>
      <c r="Q28" s="279">
        <v>0</v>
      </c>
      <c r="R28" s="280">
        <v>0</v>
      </c>
      <c r="S28" s="280">
        <v>0</v>
      </c>
      <c r="T28" s="280">
        <v>2</v>
      </c>
      <c r="U28" s="280">
        <v>11</v>
      </c>
      <c r="V28" s="280">
        <v>15</v>
      </c>
      <c r="W28" s="277">
        <v>28</v>
      </c>
      <c r="X28" s="282">
        <v>28</v>
      </c>
      <c r="Y28" s="276">
        <v>14</v>
      </c>
      <c r="Z28" s="280">
        <v>12</v>
      </c>
      <c r="AA28" s="277">
        <v>26</v>
      </c>
      <c r="AB28" s="279">
        <v>0</v>
      </c>
      <c r="AC28" s="280">
        <v>61</v>
      </c>
      <c r="AD28" s="280">
        <v>67</v>
      </c>
      <c r="AE28" s="280">
        <v>43</v>
      </c>
      <c r="AF28" s="280">
        <v>37</v>
      </c>
      <c r="AG28" s="280">
        <v>36</v>
      </c>
      <c r="AH28" s="277">
        <v>244</v>
      </c>
      <c r="AI28" s="282">
        <v>270</v>
      </c>
      <c r="AJ28" s="276">
        <v>0</v>
      </c>
      <c r="AK28" s="280">
        <v>0</v>
      </c>
      <c r="AL28" s="277">
        <v>0</v>
      </c>
      <c r="AM28" s="279">
        <v>0</v>
      </c>
      <c r="AN28" s="280">
        <v>2</v>
      </c>
      <c r="AO28" s="280">
        <v>5</v>
      </c>
      <c r="AP28" s="280">
        <v>5</v>
      </c>
      <c r="AQ28" s="280">
        <v>4</v>
      </c>
      <c r="AR28" s="280">
        <v>3</v>
      </c>
      <c r="AS28" s="277">
        <v>19</v>
      </c>
      <c r="AT28" s="282">
        <v>19</v>
      </c>
      <c r="AU28" s="276">
        <v>10</v>
      </c>
      <c r="AV28" s="280">
        <v>11</v>
      </c>
      <c r="AW28" s="277">
        <v>21</v>
      </c>
      <c r="AX28" s="279">
        <v>0</v>
      </c>
      <c r="AY28" s="280">
        <v>68</v>
      </c>
      <c r="AZ28" s="280">
        <v>64</v>
      </c>
      <c r="BA28" s="280">
        <v>73</v>
      </c>
      <c r="BB28" s="280">
        <v>52</v>
      </c>
      <c r="BC28" s="280">
        <v>48</v>
      </c>
      <c r="BD28" s="281">
        <v>305</v>
      </c>
      <c r="BE28" s="282">
        <v>326</v>
      </c>
      <c r="BF28" s="276">
        <v>0</v>
      </c>
      <c r="BG28" s="280">
        <v>0</v>
      </c>
      <c r="BH28" s="277">
        <v>0</v>
      </c>
      <c r="BI28" s="279">
        <v>0</v>
      </c>
      <c r="BJ28" s="280">
        <v>118</v>
      </c>
      <c r="BK28" s="280">
        <v>83</v>
      </c>
      <c r="BL28" s="280">
        <v>57</v>
      </c>
      <c r="BM28" s="280">
        <v>28</v>
      </c>
      <c r="BN28" s="280">
        <v>17</v>
      </c>
      <c r="BO28" s="277">
        <v>303</v>
      </c>
      <c r="BP28" s="282">
        <v>303</v>
      </c>
      <c r="BQ28" s="276">
        <v>8</v>
      </c>
      <c r="BR28" s="280">
        <v>6</v>
      </c>
      <c r="BS28" s="277">
        <v>14</v>
      </c>
      <c r="BT28" s="279">
        <v>0</v>
      </c>
      <c r="BU28" s="280">
        <v>19</v>
      </c>
      <c r="BV28" s="280">
        <v>27</v>
      </c>
      <c r="BW28" s="280">
        <v>14</v>
      </c>
      <c r="BX28" s="280">
        <v>14</v>
      </c>
      <c r="BY28" s="280">
        <v>7</v>
      </c>
      <c r="BZ28" s="277">
        <v>81</v>
      </c>
      <c r="CA28" s="282">
        <v>95</v>
      </c>
      <c r="CB28" s="276">
        <v>2</v>
      </c>
      <c r="CC28" s="280">
        <v>0</v>
      </c>
      <c r="CD28" s="277">
        <v>2</v>
      </c>
      <c r="CE28" s="279">
        <v>0</v>
      </c>
      <c r="CF28" s="280">
        <v>14</v>
      </c>
      <c r="CG28" s="280">
        <v>22</v>
      </c>
      <c r="CH28" s="280">
        <v>19</v>
      </c>
      <c r="CI28" s="280">
        <v>18</v>
      </c>
      <c r="CJ28" s="280">
        <v>11</v>
      </c>
      <c r="CK28" s="277">
        <v>84</v>
      </c>
      <c r="CL28" s="282">
        <v>86</v>
      </c>
      <c r="CM28" s="276">
        <v>0</v>
      </c>
      <c r="CN28" s="280">
        <v>0</v>
      </c>
      <c r="CO28" s="277">
        <v>0</v>
      </c>
      <c r="CP28" s="279">
        <v>0</v>
      </c>
      <c r="CQ28" s="280">
        <v>1</v>
      </c>
      <c r="CR28" s="280">
        <v>4</v>
      </c>
      <c r="CS28" s="280">
        <v>4</v>
      </c>
      <c r="CT28" s="280">
        <v>3</v>
      </c>
      <c r="CU28" s="280">
        <v>0</v>
      </c>
      <c r="CV28" s="277">
        <v>12</v>
      </c>
      <c r="CW28" s="282">
        <v>12</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56</v>
      </c>
      <c r="DU28" s="280">
        <v>91</v>
      </c>
      <c r="DV28" s="277">
        <v>147</v>
      </c>
      <c r="DW28" s="279">
        <v>0</v>
      </c>
      <c r="DX28" s="280">
        <v>155</v>
      </c>
      <c r="DY28" s="280">
        <v>173</v>
      </c>
      <c r="DZ28" s="280">
        <v>115</v>
      </c>
      <c r="EA28" s="280">
        <v>83</v>
      </c>
      <c r="EB28" s="280">
        <v>61</v>
      </c>
      <c r="EC28" s="277">
        <v>587</v>
      </c>
      <c r="ED28" s="282">
        <v>734</v>
      </c>
      <c r="EE28" s="276">
        <v>8</v>
      </c>
      <c r="EF28" s="280">
        <v>6</v>
      </c>
      <c r="EG28" s="277">
        <v>14</v>
      </c>
      <c r="EH28" s="279">
        <v>0</v>
      </c>
      <c r="EI28" s="280">
        <v>23</v>
      </c>
      <c r="EJ28" s="280">
        <v>20</v>
      </c>
      <c r="EK28" s="280">
        <v>22</v>
      </c>
      <c r="EL28" s="280">
        <v>13</v>
      </c>
      <c r="EM28" s="280">
        <v>9</v>
      </c>
      <c r="EN28" s="277">
        <v>87</v>
      </c>
      <c r="EO28" s="282">
        <v>101</v>
      </c>
      <c r="EP28" s="276">
        <v>75</v>
      </c>
      <c r="EQ28" s="280">
        <v>104</v>
      </c>
      <c r="ER28" s="277">
        <v>179</v>
      </c>
      <c r="ES28" s="279">
        <v>0</v>
      </c>
      <c r="ET28" s="280">
        <v>280</v>
      </c>
      <c r="EU28" s="280">
        <v>232</v>
      </c>
      <c r="EV28" s="280">
        <v>142</v>
      </c>
      <c r="EW28" s="280">
        <v>88</v>
      </c>
      <c r="EX28" s="280">
        <v>66</v>
      </c>
      <c r="EY28" s="277">
        <v>808</v>
      </c>
      <c r="EZ28" s="282">
        <v>987</v>
      </c>
    </row>
    <row r="29" spans="2:156" ht="21" customHeight="1" x14ac:dyDescent="0.2">
      <c r="B29" s="261" t="s">
        <v>27</v>
      </c>
      <c r="C29" s="276">
        <v>0</v>
      </c>
      <c r="D29" s="280">
        <v>0</v>
      </c>
      <c r="E29" s="382">
        <v>0</v>
      </c>
      <c r="F29" s="279">
        <v>0</v>
      </c>
      <c r="G29" s="280">
        <v>54</v>
      </c>
      <c r="H29" s="280">
        <v>50</v>
      </c>
      <c r="I29" s="280">
        <v>43</v>
      </c>
      <c r="J29" s="280">
        <v>30</v>
      </c>
      <c r="K29" s="280">
        <v>32</v>
      </c>
      <c r="L29" s="281">
        <v>209</v>
      </c>
      <c r="M29" s="282">
        <v>209</v>
      </c>
      <c r="N29" s="276">
        <v>0</v>
      </c>
      <c r="O29" s="280">
        <v>0</v>
      </c>
      <c r="P29" s="277">
        <v>0</v>
      </c>
      <c r="Q29" s="279">
        <v>0</v>
      </c>
      <c r="R29" s="280">
        <v>1</v>
      </c>
      <c r="S29" s="280">
        <v>5</v>
      </c>
      <c r="T29" s="280">
        <v>5</v>
      </c>
      <c r="U29" s="280">
        <v>11</v>
      </c>
      <c r="V29" s="280">
        <v>17</v>
      </c>
      <c r="W29" s="277">
        <v>39</v>
      </c>
      <c r="X29" s="282">
        <v>39</v>
      </c>
      <c r="Y29" s="276">
        <v>23</v>
      </c>
      <c r="Z29" s="280">
        <v>45</v>
      </c>
      <c r="AA29" s="277">
        <v>68</v>
      </c>
      <c r="AB29" s="279">
        <v>0</v>
      </c>
      <c r="AC29" s="280">
        <v>44</v>
      </c>
      <c r="AD29" s="280">
        <v>35</v>
      </c>
      <c r="AE29" s="280">
        <v>41</v>
      </c>
      <c r="AF29" s="280">
        <v>25</v>
      </c>
      <c r="AG29" s="280">
        <v>25</v>
      </c>
      <c r="AH29" s="277">
        <v>170</v>
      </c>
      <c r="AI29" s="282">
        <v>238</v>
      </c>
      <c r="AJ29" s="276">
        <v>0</v>
      </c>
      <c r="AK29" s="280">
        <v>1</v>
      </c>
      <c r="AL29" s="277">
        <v>1</v>
      </c>
      <c r="AM29" s="279">
        <v>0</v>
      </c>
      <c r="AN29" s="280">
        <v>0</v>
      </c>
      <c r="AO29" s="280">
        <v>2</v>
      </c>
      <c r="AP29" s="280">
        <v>0</v>
      </c>
      <c r="AQ29" s="280">
        <v>0</v>
      </c>
      <c r="AR29" s="280">
        <v>1</v>
      </c>
      <c r="AS29" s="277">
        <v>3</v>
      </c>
      <c r="AT29" s="282">
        <v>4</v>
      </c>
      <c r="AU29" s="276">
        <v>8</v>
      </c>
      <c r="AV29" s="280">
        <v>18</v>
      </c>
      <c r="AW29" s="277">
        <v>26</v>
      </c>
      <c r="AX29" s="279">
        <v>0</v>
      </c>
      <c r="AY29" s="280">
        <v>57</v>
      </c>
      <c r="AZ29" s="280">
        <v>59</v>
      </c>
      <c r="BA29" s="280">
        <v>76</v>
      </c>
      <c r="BB29" s="280">
        <v>69</v>
      </c>
      <c r="BC29" s="280">
        <v>53</v>
      </c>
      <c r="BD29" s="281">
        <v>314</v>
      </c>
      <c r="BE29" s="282">
        <v>340</v>
      </c>
      <c r="BF29" s="276">
        <v>0</v>
      </c>
      <c r="BG29" s="280">
        <v>0</v>
      </c>
      <c r="BH29" s="277">
        <v>0</v>
      </c>
      <c r="BI29" s="279">
        <v>0</v>
      </c>
      <c r="BJ29" s="280">
        <v>113</v>
      </c>
      <c r="BK29" s="280">
        <v>66</v>
      </c>
      <c r="BL29" s="280">
        <v>46</v>
      </c>
      <c r="BM29" s="280">
        <v>30</v>
      </c>
      <c r="BN29" s="280">
        <v>12</v>
      </c>
      <c r="BO29" s="277">
        <v>267</v>
      </c>
      <c r="BP29" s="282">
        <v>267</v>
      </c>
      <c r="BQ29" s="276">
        <v>10</v>
      </c>
      <c r="BR29" s="280">
        <v>30</v>
      </c>
      <c r="BS29" s="277">
        <v>40</v>
      </c>
      <c r="BT29" s="279">
        <v>0</v>
      </c>
      <c r="BU29" s="280">
        <v>17</v>
      </c>
      <c r="BV29" s="280">
        <v>28</v>
      </c>
      <c r="BW29" s="280">
        <v>12</v>
      </c>
      <c r="BX29" s="280">
        <v>5</v>
      </c>
      <c r="BY29" s="280">
        <v>5</v>
      </c>
      <c r="BZ29" s="277">
        <v>67</v>
      </c>
      <c r="CA29" s="282">
        <v>107</v>
      </c>
      <c r="CB29" s="276">
        <v>0</v>
      </c>
      <c r="CC29" s="280">
        <v>2</v>
      </c>
      <c r="CD29" s="277">
        <v>2</v>
      </c>
      <c r="CE29" s="279">
        <v>0</v>
      </c>
      <c r="CF29" s="280">
        <v>7</v>
      </c>
      <c r="CG29" s="280">
        <v>14</v>
      </c>
      <c r="CH29" s="280">
        <v>19</v>
      </c>
      <c r="CI29" s="280">
        <v>9</v>
      </c>
      <c r="CJ29" s="280">
        <v>7</v>
      </c>
      <c r="CK29" s="277">
        <v>56</v>
      </c>
      <c r="CL29" s="282">
        <v>58</v>
      </c>
      <c r="CM29" s="276">
        <v>0</v>
      </c>
      <c r="CN29" s="280">
        <v>1</v>
      </c>
      <c r="CO29" s="277">
        <v>1</v>
      </c>
      <c r="CP29" s="279">
        <v>0</v>
      </c>
      <c r="CQ29" s="280">
        <v>4</v>
      </c>
      <c r="CR29" s="280">
        <v>1</v>
      </c>
      <c r="CS29" s="280">
        <v>3</v>
      </c>
      <c r="CT29" s="280">
        <v>1</v>
      </c>
      <c r="CU29" s="280">
        <v>1</v>
      </c>
      <c r="CV29" s="277">
        <v>10</v>
      </c>
      <c r="CW29" s="282">
        <v>11</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82</v>
      </c>
      <c r="DU29" s="280">
        <v>140</v>
      </c>
      <c r="DV29" s="277">
        <v>222</v>
      </c>
      <c r="DW29" s="279">
        <v>0</v>
      </c>
      <c r="DX29" s="280">
        <v>79</v>
      </c>
      <c r="DY29" s="280">
        <v>112</v>
      </c>
      <c r="DZ29" s="280">
        <v>86</v>
      </c>
      <c r="EA29" s="280">
        <v>54</v>
      </c>
      <c r="EB29" s="280">
        <v>41</v>
      </c>
      <c r="EC29" s="277">
        <v>372</v>
      </c>
      <c r="ED29" s="282">
        <v>594</v>
      </c>
      <c r="EE29" s="276">
        <v>10</v>
      </c>
      <c r="EF29" s="280">
        <v>15</v>
      </c>
      <c r="EG29" s="277">
        <v>25</v>
      </c>
      <c r="EH29" s="279">
        <v>0</v>
      </c>
      <c r="EI29" s="280">
        <v>37</v>
      </c>
      <c r="EJ29" s="280">
        <v>28</v>
      </c>
      <c r="EK29" s="280">
        <v>35</v>
      </c>
      <c r="EL29" s="280">
        <v>40</v>
      </c>
      <c r="EM29" s="280">
        <v>16</v>
      </c>
      <c r="EN29" s="277">
        <v>156</v>
      </c>
      <c r="EO29" s="282">
        <v>181</v>
      </c>
      <c r="EP29" s="276">
        <v>107</v>
      </c>
      <c r="EQ29" s="280">
        <v>170</v>
      </c>
      <c r="ER29" s="277">
        <v>277</v>
      </c>
      <c r="ES29" s="279">
        <v>0</v>
      </c>
      <c r="ET29" s="280">
        <v>210</v>
      </c>
      <c r="EU29" s="280">
        <v>148</v>
      </c>
      <c r="EV29" s="280">
        <v>108</v>
      </c>
      <c r="EW29" s="280">
        <v>60</v>
      </c>
      <c r="EX29" s="280">
        <v>45</v>
      </c>
      <c r="EY29" s="277">
        <v>571</v>
      </c>
      <c r="EZ29" s="282">
        <v>848</v>
      </c>
    </row>
    <row r="30" spans="2:156" ht="21" customHeight="1" x14ac:dyDescent="0.2">
      <c r="B30" s="261" t="s">
        <v>28</v>
      </c>
      <c r="C30" s="276">
        <v>0</v>
      </c>
      <c r="D30" s="280">
        <v>0</v>
      </c>
      <c r="E30" s="382">
        <v>0</v>
      </c>
      <c r="F30" s="279">
        <v>0</v>
      </c>
      <c r="G30" s="280">
        <v>13</v>
      </c>
      <c r="H30" s="280">
        <v>18</v>
      </c>
      <c r="I30" s="280">
        <v>7</v>
      </c>
      <c r="J30" s="280">
        <v>8</v>
      </c>
      <c r="K30" s="280">
        <v>8</v>
      </c>
      <c r="L30" s="281">
        <v>54</v>
      </c>
      <c r="M30" s="282">
        <v>54</v>
      </c>
      <c r="N30" s="276">
        <v>0</v>
      </c>
      <c r="O30" s="280">
        <v>0</v>
      </c>
      <c r="P30" s="277">
        <v>0</v>
      </c>
      <c r="Q30" s="279">
        <v>0</v>
      </c>
      <c r="R30" s="280">
        <v>0</v>
      </c>
      <c r="S30" s="280">
        <v>1</v>
      </c>
      <c r="T30" s="280">
        <v>2</v>
      </c>
      <c r="U30" s="280">
        <v>4</v>
      </c>
      <c r="V30" s="280">
        <v>3</v>
      </c>
      <c r="W30" s="277">
        <v>10</v>
      </c>
      <c r="X30" s="282">
        <v>10</v>
      </c>
      <c r="Y30" s="276">
        <v>2</v>
      </c>
      <c r="Z30" s="280">
        <v>2</v>
      </c>
      <c r="AA30" s="277">
        <v>4</v>
      </c>
      <c r="AB30" s="279">
        <v>0</v>
      </c>
      <c r="AC30" s="280">
        <v>7</v>
      </c>
      <c r="AD30" s="280">
        <v>16</v>
      </c>
      <c r="AE30" s="280">
        <v>14</v>
      </c>
      <c r="AF30" s="280">
        <v>13</v>
      </c>
      <c r="AG30" s="280">
        <v>9</v>
      </c>
      <c r="AH30" s="277">
        <v>59</v>
      </c>
      <c r="AI30" s="282">
        <v>63</v>
      </c>
      <c r="AJ30" s="276">
        <v>0</v>
      </c>
      <c r="AK30" s="280">
        <v>0</v>
      </c>
      <c r="AL30" s="277">
        <v>0</v>
      </c>
      <c r="AM30" s="279">
        <v>0</v>
      </c>
      <c r="AN30" s="280">
        <v>2</v>
      </c>
      <c r="AO30" s="280">
        <v>1</v>
      </c>
      <c r="AP30" s="280">
        <v>0</v>
      </c>
      <c r="AQ30" s="280">
        <v>1</v>
      </c>
      <c r="AR30" s="280">
        <v>2</v>
      </c>
      <c r="AS30" s="277">
        <v>6</v>
      </c>
      <c r="AT30" s="282">
        <v>6</v>
      </c>
      <c r="AU30" s="276">
        <v>0</v>
      </c>
      <c r="AV30" s="280">
        <v>3</v>
      </c>
      <c r="AW30" s="277">
        <v>3</v>
      </c>
      <c r="AX30" s="279">
        <v>0</v>
      </c>
      <c r="AY30" s="280">
        <v>8</v>
      </c>
      <c r="AZ30" s="280">
        <v>21</v>
      </c>
      <c r="BA30" s="280">
        <v>25</v>
      </c>
      <c r="BB30" s="280">
        <v>29</v>
      </c>
      <c r="BC30" s="280">
        <v>13</v>
      </c>
      <c r="BD30" s="281">
        <v>96</v>
      </c>
      <c r="BE30" s="282">
        <v>99</v>
      </c>
      <c r="BF30" s="276">
        <v>0</v>
      </c>
      <c r="BG30" s="280">
        <v>0</v>
      </c>
      <c r="BH30" s="277">
        <v>0</v>
      </c>
      <c r="BI30" s="279">
        <v>0</v>
      </c>
      <c r="BJ30" s="280">
        <v>34</v>
      </c>
      <c r="BK30" s="280">
        <v>24</v>
      </c>
      <c r="BL30" s="280">
        <v>21</v>
      </c>
      <c r="BM30" s="280">
        <v>13</v>
      </c>
      <c r="BN30" s="280">
        <v>7</v>
      </c>
      <c r="BO30" s="277">
        <v>99</v>
      </c>
      <c r="BP30" s="282">
        <v>99</v>
      </c>
      <c r="BQ30" s="276">
        <v>1</v>
      </c>
      <c r="BR30" s="280">
        <v>2</v>
      </c>
      <c r="BS30" s="277">
        <v>3</v>
      </c>
      <c r="BT30" s="279">
        <v>0</v>
      </c>
      <c r="BU30" s="280">
        <v>5</v>
      </c>
      <c r="BV30" s="280">
        <v>15</v>
      </c>
      <c r="BW30" s="280">
        <v>8</v>
      </c>
      <c r="BX30" s="280">
        <v>7</v>
      </c>
      <c r="BY30" s="280">
        <v>3</v>
      </c>
      <c r="BZ30" s="277">
        <v>38</v>
      </c>
      <c r="CA30" s="282">
        <v>41</v>
      </c>
      <c r="CB30" s="276">
        <v>0</v>
      </c>
      <c r="CC30" s="280">
        <v>1</v>
      </c>
      <c r="CD30" s="277">
        <v>1</v>
      </c>
      <c r="CE30" s="279">
        <v>0</v>
      </c>
      <c r="CF30" s="280">
        <v>3</v>
      </c>
      <c r="CG30" s="280">
        <v>4</v>
      </c>
      <c r="CH30" s="280">
        <v>9</v>
      </c>
      <c r="CI30" s="280">
        <v>5</v>
      </c>
      <c r="CJ30" s="280">
        <v>3</v>
      </c>
      <c r="CK30" s="277">
        <v>24</v>
      </c>
      <c r="CL30" s="282">
        <v>25</v>
      </c>
      <c r="CM30" s="276">
        <v>1</v>
      </c>
      <c r="CN30" s="280">
        <v>0</v>
      </c>
      <c r="CO30" s="277">
        <v>1</v>
      </c>
      <c r="CP30" s="279">
        <v>0</v>
      </c>
      <c r="CQ30" s="280">
        <v>1</v>
      </c>
      <c r="CR30" s="280">
        <v>1</v>
      </c>
      <c r="CS30" s="280">
        <v>4</v>
      </c>
      <c r="CT30" s="280">
        <v>2</v>
      </c>
      <c r="CU30" s="280">
        <v>0</v>
      </c>
      <c r="CV30" s="277">
        <v>8</v>
      </c>
      <c r="CW30" s="282">
        <v>9</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9</v>
      </c>
      <c r="DU30" s="280">
        <v>17</v>
      </c>
      <c r="DV30" s="277">
        <v>26</v>
      </c>
      <c r="DW30" s="279">
        <v>0</v>
      </c>
      <c r="DX30" s="280">
        <v>38</v>
      </c>
      <c r="DY30" s="280">
        <v>59</v>
      </c>
      <c r="DZ30" s="280">
        <v>37</v>
      </c>
      <c r="EA30" s="280">
        <v>27</v>
      </c>
      <c r="EB30" s="280">
        <v>13</v>
      </c>
      <c r="EC30" s="277">
        <v>174</v>
      </c>
      <c r="ED30" s="282">
        <v>200</v>
      </c>
      <c r="EE30" s="276">
        <v>0</v>
      </c>
      <c r="EF30" s="280">
        <v>0</v>
      </c>
      <c r="EG30" s="277">
        <v>0</v>
      </c>
      <c r="EH30" s="279">
        <v>0</v>
      </c>
      <c r="EI30" s="280">
        <v>4</v>
      </c>
      <c r="EJ30" s="280">
        <v>7</v>
      </c>
      <c r="EK30" s="280">
        <v>6</v>
      </c>
      <c r="EL30" s="280">
        <v>9</v>
      </c>
      <c r="EM30" s="280">
        <v>1</v>
      </c>
      <c r="EN30" s="277">
        <v>27</v>
      </c>
      <c r="EO30" s="282">
        <v>27</v>
      </c>
      <c r="EP30" s="276">
        <v>11</v>
      </c>
      <c r="EQ30" s="280">
        <v>18</v>
      </c>
      <c r="ER30" s="277">
        <v>29</v>
      </c>
      <c r="ES30" s="279">
        <v>0</v>
      </c>
      <c r="ET30" s="280">
        <v>71</v>
      </c>
      <c r="EU30" s="280">
        <v>78</v>
      </c>
      <c r="EV30" s="280">
        <v>43</v>
      </c>
      <c r="EW30" s="280">
        <v>31</v>
      </c>
      <c r="EX30" s="280">
        <v>16</v>
      </c>
      <c r="EY30" s="277">
        <v>239</v>
      </c>
      <c r="EZ30" s="282">
        <v>268</v>
      </c>
    </row>
    <row r="31" spans="2:156" ht="21" customHeight="1" x14ac:dyDescent="0.2">
      <c r="B31" s="261" t="s">
        <v>29</v>
      </c>
      <c r="C31" s="276">
        <v>0</v>
      </c>
      <c r="D31" s="280">
        <v>0</v>
      </c>
      <c r="E31" s="382">
        <v>0</v>
      </c>
      <c r="F31" s="279">
        <v>0</v>
      </c>
      <c r="G31" s="280">
        <v>29</v>
      </c>
      <c r="H31" s="280">
        <v>20</v>
      </c>
      <c r="I31" s="280">
        <v>13</v>
      </c>
      <c r="J31" s="280">
        <v>13</v>
      </c>
      <c r="K31" s="280">
        <v>9</v>
      </c>
      <c r="L31" s="281">
        <v>84</v>
      </c>
      <c r="M31" s="282">
        <v>84</v>
      </c>
      <c r="N31" s="276">
        <v>0</v>
      </c>
      <c r="O31" s="280">
        <v>0</v>
      </c>
      <c r="P31" s="277">
        <v>0</v>
      </c>
      <c r="Q31" s="279">
        <v>0</v>
      </c>
      <c r="R31" s="280">
        <v>1</v>
      </c>
      <c r="S31" s="280">
        <v>0</v>
      </c>
      <c r="T31" s="280">
        <v>1</v>
      </c>
      <c r="U31" s="280">
        <v>2</v>
      </c>
      <c r="V31" s="280">
        <v>6</v>
      </c>
      <c r="W31" s="277">
        <v>10</v>
      </c>
      <c r="X31" s="282">
        <v>10</v>
      </c>
      <c r="Y31" s="276">
        <v>3</v>
      </c>
      <c r="Z31" s="280">
        <v>6</v>
      </c>
      <c r="AA31" s="277">
        <v>9</v>
      </c>
      <c r="AB31" s="279">
        <v>0</v>
      </c>
      <c r="AC31" s="280">
        <v>22</v>
      </c>
      <c r="AD31" s="280">
        <v>17</v>
      </c>
      <c r="AE31" s="280">
        <v>17</v>
      </c>
      <c r="AF31" s="280">
        <v>9</v>
      </c>
      <c r="AG31" s="280">
        <v>7</v>
      </c>
      <c r="AH31" s="277">
        <v>72</v>
      </c>
      <c r="AI31" s="282">
        <v>81</v>
      </c>
      <c r="AJ31" s="276">
        <v>0</v>
      </c>
      <c r="AK31" s="280">
        <v>1</v>
      </c>
      <c r="AL31" s="277">
        <v>1</v>
      </c>
      <c r="AM31" s="279">
        <v>0</v>
      </c>
      <c r="AN31" s="280">
        <v>2</v>
      </c>
      <c r="AO31" s="280">
        <v>3</v>
      </c>
      <c r="AP31" s="280">
        <v>1</v>
      </c>
      <c r="AQ31" s="280">
        <v>2</v>
      </c>
      <c r="AR31" s="280">
        <v>0</v>
      </c>
      <c r="AS31" s="277">
        <v>8</v>
      </c>
      <c r="AT31" s="282">
        <v>9</v>
      </c>
      <c r="AU31" s="276">
        <v>1</v>
      </c>
      <c r="AV31" s="280">
        <v>2</v>
      </c>
      <c r="AW31" s="277">
        <v>3</v>
      </c>
      <c r="AX31" s="279">
        <v>0</v>
      </c>
      <c r="AY31" s="280">
        <v>17</v>
      </c>
      <c r="AZ31" s="280">
        <v>32</v>
      </c>
      <c r="BA31" s="280">
        <v>18</v>
      </c>
      <c r="BB31" s="280">
        <v>22</v>
      </c>
      <c r="BC31" s="280">
        <v>11</v>
      </c>
      <c r="BD31" s="281">
        <v>100</v>
      </c>
      <c r="BE31" s="282">
        <v>103</v>
      </c>
      <c r="BF31" s="276">
        <v>0</v>
      </c>
      <c r="BG31" s="280">
        <v>0</v>
      </c>
      <c r="BH31" s="277">
        <v>0</v>
      </c>
      <c r="BI31" s="279">
        <v>0</v>
      </c>
      <c r="BJ31" s="280">
        <v>39</v>
      </c>
      <c r="BK31" s="280">
        <v>41</v>
      </c>
      <c r="BL31" s="280">
        <v>27</v>
      </c>
      <c r="BM31" s="280">
        <v>12</v>
      </c>
      <c r="BN31" s="280">
        <v>6</v>
      </c>
      <c r="BO31" s="277">
        <v>125</v>
      </c>
      <c r="BP31" s="282">
        <v>125</v>
      </c>
      <c r="BQ31" s="276">
        <v>2</v>
      </c>
      <c r="BR31" s="280">
        <v>2</v>
      </c>
      <c r="BS31" s="277">
        <v>4</v>
      </c>
      <c r="BT31" s="279">
        <v>0</v>
      </c>
      <c r="BU31" s="280">
        <v>18</v>
      </c>
      <c r="BV31" s="280">
        <v>14</v>
      </c>
      <c r="BW31" s="280">
        <v>10</v>
      </c>
      <c r="BX31" s="280">
        <v>2</v>
      </c>
      <c r="BY31" s="280">
        <v>0</v>
      </c>
      <c r="BZ31" s="277">
        <v>44</v>
      </c>
      <c r="CA31" s="282">
        <v>48</v>
      </c>
      <c r="CB31" s="276">
        <v>0</v>
      </c>
      <c r="CC31" s="280">
        <v>0</v>
      </c>
      <c r="CD31" s="277">
        <v>0</v>
      </c>
      <c r="CE31" s="279">
        <v>0</v>
      </c>
      <c r="CF31" s="280">
        <v>4</v>
      </c>
      <c r="CG31" s="280">
        <v>10</v>
      </c>
      <c r="CH31" s="280">
        <v>18</v>
      </c>
      <c r="CI31" s="280">
        <v>4</v>
      </c>
      <c r="CJ31" s="280">
        <v>6</v>
      </c>
      <c r="CK31" s="277">
        <v>42</v>
      </c>
      <c r="CL31" s="282">
        <v>42</v>
      </c>
      <c r="CM31" s="276">
        <v>0</v>
      </c>
      <c r="CN31" s="280">
        <v>0</v>
      </c>
      <c r="CO31" s="277">
        <v>0</v>
      </c>
      <c r="CP31" s="279">
        <v>0</v>
      </c>
      <c r="CQ31" s="280">
        <v>2</v>
      </c>
      <c r="CR31" s="280">
        <v>3</v>
      </c>
      <c r="CS31" s="280">
        <v>2</v>
      </c>
      <c r="CT31" s="280">
        <v>0</v>
      </c>
      <c r="CU31" s="280">
        <v>1</v>
      </c>
      <c r="CV31" s="277">
        <v>8</v>
      </c>
      <c r="CW31" s="282">
        <v>8</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1</v>
      </c>
      <c r="DU31" s="280">
        <v>33</v>
      </c>
      <c r="DV31" s="277">
        <v>54</v>
      </c>
      <c r="DW31" s="279">
        <v>0</v>
      </c>
      <c r="DX31" s="280">
        <v>43</v>
      </c>
      <c r="DY31" s="280">
        <v>59</v>
      </c>
      <c r="DZ31" s="280">
        <v>49</v>
      </c>
      <c r="EA31" s="280">
        <v>31</v>
      </c>
      <c r="EB31" s="280">
        <v>21</v>
      </c>
      <c r="EC31" s="277">
        <v>203</v>
      </c>
      <c r="ED31" s="282">
        <v>257</v>
      </c>
      <c r="EE31" s="276">
        <v>1</v>
      </c>
      <c r="EF31" s="280">
        <v>0</v>
      </c>
      <c r="EG31" s="277">
        <v>1</v>
      </c>
      <c r="EH31" s="279">
        <v>0</v>
      </c>
      <c r="EI31" s="280">
        <v>8</v>
      </c>
      <c r="EJ31" s="280">
        <v>8</v>
      </c>
      <c r="EK31" s="280">
        <v>4</v>
      </c>
      <c r="EL31" s="280">
        <v>9</v>
      </c>
      <c r="EM31" s="280">
        <v>3</v>
      </c>
      <c r="EN31" s="277">
        <v>32</v>
      </c>
      <c r="EO31" s="282">
        <v>33</v>
      </c>
      <c r="EP31" s="276">
        <v>27</v>
      </c>
      <c r="EQ31" s="280">
        <v>39</v>
      </c>
      <c r="ER31" s="277">
        <v>66</v>
      </c>
      <c r="ES31" s="279">
        <v>0</v>
      </c>
      <c r="ET31" s="280">
        <v>92</v>
      </c>
      <c r="EU31" s="280">
        <v>87</v>
      </c>
      <c r="EV31" s="280">
        <v>56</v>
      </c>
      <c r="EW31" s="280">
        <v>32</v>
      </c>
      <c r="EX31" s="280">
        <v>20</v>
      </c>
      <c r="EY31" s="277">
        <v>287</v>
      </c>
      <c r="EZ31" s="282">
        <v>353</v>
      </c>
    </row>
    <row r="32" spans="2:156" ht="21" customHeight="1" x14ac:dyDescent="0.2">
      <c r="B32" s="261" t="s">
        <v>30</v>
      </c>
      <c r="C32" s="276">
        <v>0</v>
      </c>
      <c r="D32" s="280">
        <v>0</v>
      </c>
      <c r="E32" s="382">
        <v>0</v>
      </c>
      <c r="F32" s="279">
        <v>0</v>
      </c>
      <c r="G32" s="280">
        <v>23</v>
      </c>
      <c r="H32" s="280">
        <v>19</v>
      </c>
      <c r="I32" s="280">
        <v>18</v>
      </c>
      <c r="J32" s="280">
        <v>16</v>
      </c>
      <c r="K32" s="280">
        <v>8</v>
      </c>
      <c r="L32" s="281">
        <v>84</v>
      </c>
      <c r="M32" s="282">
        <v>84</v>
      </c>
      <c r="N32" s="276">
        <v>0</v>
      </c>
      <c r="O32" s="280">
        <v>0</v>
      </c>
      <c r="P32" s="277">
        <v>0</v>
      </c>
      <c r="Q32" s="279">
        <v>0</v>
      </c>
      <c r="R32" s="280">
        <v>1</v>
      </c>
      <c r="S32" s="280">
        <v>0</v>
      </c>
      <c r="T32" s="280">
        <v>1</v>
      </c>
      <c r="U32" s="280">
        <v>10</v>
      </c>
      <c r="V32" s="280">
        <v>3</v>
      </c>
      <c r="W32" s="277">
        <v>15</v>
      </c>
      <c r="X32" s="282">
        <v>15</v>
      </c>
      <c r="Y32" s="276">
        <v>2</v>
      </c>
      <c r="Z32" s="280">
        <v>5</v>
      </c>
      <c r="AA32" s="277">
        <v>7</v>
      </c>
      <c r="AB32" s="279">
        <v>0</v>
      </c>
      <c r="AC32" s="280">
        <v>23</v>
      </c>
      <c r="AD32" s="280">
        <v>15</v>
      </c>
      <c r="AE32" s="280">
        <v>15</v>
      </c>
      <c r="AF32" s="280">
        <v>19</v>
      </c>
      <c r="AG32" s="280">
        <v>4</v>
      </c>
      <c r="AH32" s="277">
        <v>76</v>
      </c>
      <c r="AI32" s="282">
        <v>83</v>
      </c>
      <c r="AJ32" s="276">
        <v>0</v>
      </c>
      <c r="AK32" s="280">
        <v>0</v>
      </c>
      <c r="AL32" s="277">
        <v>0</v>
      </c>
      <c r="AM32" s="279">
        <v>0</v>
      </c>
      <c r="AN32" s="280">
        <v>1</v>
      </c>
      <c r="AO32" s="280">
        <v>0</v>
      </c>
      <c r="AP32" s="280">
        <v>6</v>
      </c>
      <c r="AQ32" s="280">
        <v>1</v>
      </c>
      <c r="AR32" s="280">
        <v>0</v>
      </c>
      <c r="AS32" s="277">
        <v>8</v>
      </c>
      <c r="AT32" s="282">
        <v>8</v>
      </c>
      <c r="AU32" s="276">
        <v>1</v>
      </c>
      <c r="AV32" s="280">
        <v>0</v>
      </c>
      <c r="AW32" s="277">
        <v>1</v>
      </c>
      <c r="AX32" s="279">
        <v>0</v>
      </c>
      <c r="AY32" s="280">
        <v>22</v>
      </c>
      <c r="AZ32" s="280">
        <v>17</v>
      </c>
      <c r="BA32" s="280">
        <v>23</v>
      </c>
      <c r="BB32" s="280">
        <v>22</v>
      </c>
      <c r="BC32" s="280">
        <v>7</v>
      </c>
      <c r="BD32" s="281">
        <v>91</v>
      </c>
      <c r="BE32" s="282">
        <v>92</v>
      </c>
      <c r="BF32" s="276">
        <v>0</v>
      </c>
      <c r="BG32" s="280">
        <v>0</v>
      </c>
      <c r="BH32" s="277">
        <v>0</v>
      </c>
      <c r="BI32" s="279">
        <v>0</v>
      </c>
      <c r="BJ32" s="280">
        <v>31</v>
      </c>
      <c r="BK32" s="280">
        <v>27</v>
      </c>
      <c r="BL32" s="280">
        <v>14</v>
      </c>
      <c r="BM32" s="280">
        <v>14</v>
      </c>
      <c r="BN32" s="280">
        <v>2</v>
      </c>
      <c r="BO32" s="277">
        <v>88</v>
      </c>
      <c r="BP32" s="282">
        <v>88</v>
      </c>
      <c r="BQ32" s="276">
        <v>4</v>
      </c>
      <c r="BR32" s="280">
        <v>3</v>
      </c>
      <c r="BS32" s="277">
        <v>7</v>
      </c>
      <c r="BT32" s="279">
        <v>0</v>
      </c>
      <c r="BU32" s="280">
        <v>6</v>
      </c>
      <c r="BV32" s="280">
        <v>9</v>
      </c>
      <c r="BW32" s="280">
        <v>8</v>
      </c>
      <c r="BX32" s="280">
        <v>4</v>
      </c>
      <c r="BY32" s="280">
        <v>0</v>
      </c>
      <c r="BZ32" s="277">
        <v>27</v>
      </c>
      <c r="CA32" s="282">
        <v>34</v>
      </c>
      <c r="CB32" s="276">
        <v>0</v>
      </c>
      <c r="CC32" s="280">
        <v>0</v>
      </c>
      <c r="CD32" s="277">
        <v>0</v>
      </c>
      <c r="CE32" s="279">
        <v>0</v>
      </c>
      <c r="CF32" s="280">
        <v>6</v>
      </c>
      <c r="CG32" s="280">
        <v>7</v>
      </c>
      <c r="CH32" s="280">
        <v>10</v>
      </c>
      <c r="CI32" s="280">
        <v>6</v>
      </c>
      <c r="CJ32" s="280">
        <v>1</v>
      </c>
      <c r="CK32" s="277">
        <v>30</v>
      </c>
      <c r="CL32" s="282">
        <v>30</v>
      </c>
      <c r="CM32" s="276">
        <v>0</v>
      </c>
      <c r="CN32" s="280">
        <v>0</v>
      </c>
      <c r="CO32" s="277">
        <v>0</v>
      </c>
      <c r="CP32" s="279">
        <v>0</v>
      </c>
      <c r="CQ32" s="280">
        <v>0</v>
      </c>
      <c r="CR32" s="280">
        <v>3</v>
      </c>
      <c r="CS32" s="280">
        <v>1</v>
      </c>
      <c r="CT32" s="280">
        <v>2</v>
      </c>
      <c r="CU32" s="280">
        <v>1</v>
      </c>
      <c r="CV32" s="277">
        <v>7</v>
      </c>
      <c r="CW32" s="282">
        <v>7</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6</v>
      </c>
      <c r="DU32" s="280">
        <v>27</v>
      </c>
      <c r="DV32" s="277">
        <v>63</v>
      </c>
      <c r="DW32" s="279">
        <v>0</v>
      </c>
      <c r="DX32" s="280">
        <v>53</v>
      </c>
      <c r="DY32" s="280">
        <v>51</v>
      </c>
      <c r="DZ32" s="280">
        <v>52</v>
      </c>
      <c r="EA32" s="280">
        <v>37</v>
      </c>
      <c r="EB32" s="280">
        <v>10</v>
      </c>
      <c r="EC32" s="277">
        <v>203</v>
      </c>
      <c r="ED32" s="282">
        <v>266</v>
      </c>
      <c r="EE32" s="276">
        <v>1</v>
      </c>
      <c r="EF32" s="280">
        <v>1</v>
      </c>
      <c r="EG32" s="277">
        <v>2</v>
      </c>
      <c r="EH32" s="279">
        <v>0</v>
      </c>
      <c r="EI32" s="280">
        <v>7</v>
      </c>
      <c r="EJ32" s="280">
        <v>5</v>
      </c>
      <c r="EK32" s="280">
        <v>3</v>
      </c>
      <c r="EL32" s="280">
        <v>2</v>
      </c>
      <c r="EM32" s="280">
        <v>1</v>
      </c>
      <c r="EN32" s="277">
        <v>18</v>
      </c>
      <c r="EO32" s="282">
        <v>20</v>
      </c>
      <c r="EP32" s="276">
        <v>40</v>
      </c>
      <c r="EQ32" s="280">
        <v>29</v>
      </c>
      <c r="ER32" s="277">
        <v>69</v>
      </c>
      <c r="ES32" s="279">
        <v>0</v>
      </c>
      <c r="ET32" s="280">
        <v>85</v>
      </c>
      <c r="EU32" s="280">
        <v>65</v>
      </c>
      <c r="EV32" s="280">
        <v>55</v>
      </c>
      <c r="EW32" s="280">
        <v>40</v>
      </c>
      <c r="EX32" s="280">
        <v>12</v>
      </c>
      <c r="EY32" s="277">
        <v>257</v>
      </c>
      <c r="EZ32" s="282">
        <v>326</v>
      </c>
    </row>
    <row r="33" spans="2:156" ht="21" customHeight="1" x14ac:dyDescent="0.2">
      <c r="B33" s="261" t="s">
        <v>31</v>
      </c>
      <c r="C33" s="276">
        <v>0</v>
      </c>
      <c r="D33" s="280">
        <v>0</v>
      </c>
      <c r="E33" s="382">
        <v>0</v>
      </c>
      <c r="F33" s="279">
        <v>0</v>
      </c>
      <c r="G33" s="280">
        <v>10</v>
      </c>
      <c r="H33" s="280">
        <v>13</v>
      </c>
      <c r="I33" s="280">
        <v>11</v>
      </c>
      <c r="J33" s="280">
        <v>8</v>
      </c>
      <c r="K33" s="280">
        <v>5</v>
      </c>
      <c r="L33" s="281">
        <v>47</v>
      </c>
      <c r="M33" s="282">
        <v>47</v>
      </c>
      <c r="N33" s="276">
        <v>0</v>
      </c>
      <c r="O33" s="280">
        <v>0</v>
      </c>
      <c r="P33" s="277">
        <v>0</v>
      </c>
      <c r="Q33" s="279">
        <v>0</v>
      </c>
      <c r="R33" s="280">
        <v>1</v>
      </c>
      <c r="S33" s="280">
        <v>1</v>
      </c>
      <c r="T33" s="280">
        <v>4</v>
      </c>
      <c r="U33" s="280">
        <v>6</v>
      </c>
      <c r="V33" s="280">
        <v>4</v>
      </c>
      <c r="W33" s="277">
        <v>16</v>
      </c>
      <c r="X33" s="282">
        <v>16</v>
      </c>
      <c r="Y33" s="276">
        <v>5</v>
      </c>
      <c r="Z33" s="280">
        <v>6</v>
      </c>
      <c r="AA33" s="277">
        <v>11</v>
      </c>
      <c r="AB33" s="279">
        <v>0</v>
      </c>
      <c r="AC33" s="280">
        <v>14</v>
      </c>
      <c r="AD33" s="280">
        <v>18</v>
      </c>
      <c r="AE33" s="280">
        <v>13</v>
      </c>
      <c r="AF33" s="280">
        <v>20</v>
      </c>
      <c r="AG33" s="280">
        <v>9</v>
      </c>
      <c r="AH33" s="277">
        <v>74</v>
      </c>
      <c r="AI33" s="282">
        <v>85</v>
      </c>
      <c r="AJ33" s="276">
        <v>1</v>
      </c>
      <c r="AK33" s="280">
        <v>2</v>
      </c>
      <c r="AL33" s="277">
        <v>3</v>
      </c>
      <c r="AM33" s="279">
        <v>0</v>
      </c>
      <c r="AN33" s="280">
        <v>1</v>
      </c>
      <c r="AO33" s="280">
        <v>3</v>
      </c>
      <c r="AP33" s="280">
        <v>3</v>
      </c>
      <c r="AQ33" s="280">
        <v>3</v>
      </c>
      <c r="AR33" s="280">
        <v>1</v>
      </c>
      <c r="AS33" s="277">
        <v>11</v>
      </c>
      <c r="AT33" s="282">
        <v>14</v>
      </c>
      <c r="AU33" s="276">
        <v>2</v>
      </c>
      <c r="AV33" s="280">
        <v>0</v>
      </c>
      <c r="AW33" s="277">
        <v>2</v>
      </c>
      <c r="AX33" s="279">
        <v>0</v>
      </c>
      <c r="AY33" s="280">
        <v>13</v>
      </c>
      <c r="AZ33" s="280">
        <v>16</v>
      </c>
      <c r="BA33" s="280">
        <v>11</v>
      </c>
      <c r="BB33" s="280">
        <v>13</v>
      </c>
      <c r="BC33" s="280">
        <v>7</v>
      </c>
      <c r="BD33" s="281">
        <v>60</v>
      </c>
      <c r="BE33" s="282">
        <v>62</v>
      </c>
      <c r="BF33" s="276">
        <v>0</v>
      </c>
      <c r="BG33" s="280">
        <v>0</v>
      </c>
      <c r="BH33" s="277">
        <v>0</v>
      </c>
      <c r="BI33" s="279">
        <v>0</v>
      </c>
      <c r="BJ33" s="280">
        <v>40</v>
      </c>
      <c r="BK33" s="280">
        <v>37</v>
      </c>
      <c r="BL33" s="280">
        <v>17</v>
      </c>
      <c r="BM33" s="280">
        <v>14</v>
      </c>
      <c r="BN33" s="280">
        <v>3</v>
      </c>
      <c r="BO33" s="277">
        <v>111</v>
      </c>
      <c r="BP33" s="282">
        <v>111</v>
      </c>
      <c r="BQ33" s="276">
        <v>0</v>
      </c>
      <c r="BR33" s="280">
        <v>0</v>
      </c>
      <c r="BS33" s="277">
        <v>0</v>
      </c>
      <c r="BT33" s="279">
        <v>0</v>
      </c>
      <c r="BU33" s="280">
        <v>5</v>
      </c>
      <c r="BV33" s="280">
        <v>6</v>
      </c>
      <c r="BW33" s="280">
        <v>8</v>
      </c>
      <c r="BX33" s="280">
        <v>3</v>
      </c>
      <c r="BY33" s="280">
        <v>1</v>
      </c>
      <c r="BZ33" s="277">
        <v>23</v>
      </c>
      <c r="CA33" s="282">
        <v>23</v>
      </c>
      <c r="CB33" s="276">
        <v>0</v>
      </c>
      <c r="CC33" s="280">
        <v>1</v>
      </c>
      <c r="CD33" s="277">
        <v>1</v>
      </c>
      <c r="CE33" s="279">
        <v>0</v>
      </c>
      <c r="CF33" s="280">
        <v>7</v>
      </c>
      <c r="CG33" s="280">
        <v>9</v>
      </c>
      <c r="CH33" s="280">
        <v>15</v>
      </c>
      <c r="CI33" s="280">
        <v>8</v>
      </c>
      <c r="CJ33" s="280">
        <v>2</v>
      </c>
      <c r="CK33" s="277">
        <v>41</v>
      </c>
      <c r="CL33" s="282">
        <v>42</v>
      </c>
      <c r="CM33" s="276">
        <v>0</v>
      </c>
      <c r="CN33" s="280">
        <v>0</v>
      </c>
      <c r="CO33" s="277">
        <v>0</v>
      </c>
      <c r="CP33" s="279">
        <v>0</v>
      </c>
      <c r="CQ33" s="280">
        <v>1</v>
      </c>
      <c r="CR33" s="280">
        <v>1</v>
      </c>
      <c r="CS33" s="280">
        <v>0</v>
      </c>
      <c r="CT33" s="280">
        <v>1</v>
      </c>
      <c r="CU33" s="280">
        <v>1</v>
      </c>
      <c r="CV33" s="277">
        <v>4</v>
      </c>
      <c r="CW33" s="282">
        <v>4</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1</v>
      </c>
      <c r="DU33" s="280">
        <v>55</v>
      </c>
      <c r="DV33" s="277">
        <v>76</v>
      </c>
      <c r="DW33" s="279">
        <v>0</v>
      </c>
      <c r="DX33" s="280">
        <v>60</v>
      </c>
      <c r="DY33" s="280">
        <v>60</v>
      </c>
      <c r="DZ33" s="280">
        <v>38</v>
      </c>
      <c r="EA33" s="280">
        <v>36</v>
      </c>
      <c r="EB33" s="280">
        <v>13</v>
      </c>
      <c r="EC33" s="277">
        <v>207</v>
      </c>
      <c r="ED33" s="282">
        <v>283</v>
      </c>
      <c r="EE33" s="276">
        <v>1</v>
      </c>
      <c r="EF33" s="280">
        <v>1</v>
      </c>
      <c r="EG33" s="277">
        <v>2</v>
      </c>
      <c r="EH33" s="279">
        <v>0</v>
      </c>
      <c r="EI33" s="280">
        <v>9</v>
      </c>
      <c r="EJ33" s="280">
        <v>6</v>
      </c>
      <c r="EK33" s="280">
        <v>5</v>
      </c>
      <c r="EL33" s="280">
        <v>4</v>
      </c>
      <c r="EM33" s="280">
        <v>1</v>
      </c>
      <c r="EN33" s="277">
        <v>25</v>
      </c>
      <c r="EO33" s="282">
        <v>27</v>
      </c>
      <c r="EP33" s="276">
        <v>25</v>
      </c>
      <c r="EQ33" s="280">
        <v>59</v>
      </c>
      <c r="ER33" s="277">
        <v>84</v>
      </c>
      <c r="ES33" s="279">
        <v>0</v>
      </c>
      <c r="ET33" s="280">
        <v>101</v>
      </c>
      <c r="EU33" s="280">
        <v>83</v>
      </c>
      <c r="EV33" s="280">
        <v>38</v>
      </c>
      <c r="EW33" s="280">
        <v>35</v>
      </c>
      <c r="EX33" s="280">
        <v>13</v>
      </c>
      <c r="EY33" s="277">
        <v>270</v>
      </c>
      <c r="EZ33" s="282">
        <v>354</v>
      </c>
    </row>
    <row r="34" spans="2:156" ht="21" customHeight="1" x14ac:dyDescent="0.2">
      <c r="B34" s="261" t="s">
        <v>32</v>
      </c>
      <c r="C34" s="276">
        <v>0</v>
      </c>
      <c r="D34" s="280">
        <v>0</v>
      </c>
      <c r="E34" s="382">
        <v>0</v>
      </c>
      <c r="F34" s="279">
        <v>0</v>
      </c>
      <c r="G34" s="280">
        <v>29</v>
      </c>
      <c r="H34" s="280">
        <v>21</v>
      </c>
      <c r="I34" s="280">
        <v>15</v>
      </c>
      <c r="J34" s="280">
        <v>14</v>
      </c>
      <c r="K34" s="280">
        <v>11</v>
      </c>
      <c r="L34" s="281">
        <v>90</v>
      </c>
      <c r="M34" s="282">
        <v>90</v>
      </c>
      <c r="N34" s="276">
        <v>0</v>
      </c>
      <c r="O34" s="280">
        <v>0</v>
      </c>
      <c r="P34" s="277">
        <v>0</v>
      </c>
      <c r="Q34" s="279">
        <v>0</v>
      </c>
      <c r="R34" s="280">
        <v>0</v>
      </c>
      <c r="S34" s="280">
        <v>1</v>
      </c>
      <c r="T34" s="280">
        <v>2</v>
      </c>
      <c r="U34" s="280">
        <v>2</v>
      </c>
      <c r="V34" s="280">
        <v>7</v>
      </c>
      <c r="W34" s="277">
        <v>12</v>
      </c>
      <c r="X34" s="282">
        <v>12</v>
      </c>
      <c r="Y34" s="276">
        <v>3</v>
      </c>
      <c r="Z34" s="280">
        <v>8</v>
      </c>
      <c r="AA34" s="277">
        <v>11</v>
      </c>
      <c r="AB34" s="279">
        <v>0</v>
      </c>
      <c r="AC34" s="280">
        <v>30</v>
      </c>
      <c r="AD34" s="280">
        <v>26</v>
      </c>
      <c r="AE34" s="280">
        <v>16</v>
      </c>
      <c r="AF34" s="280">
        <v>16</v>
      </c>
      <c r="AG34" s="280">
        <v>12</v>
      </c>
      <c r="AH34" s="277">
        <v>100</v>
      </c>
      <c r="AI34" s="282">
        <v>111</v>
      </c>
      <c r="AJ34" s="276">
        <v>1</v>
      </c>
      <c r="AK34" s="280">
        <v>0</v>
      </c>
      <c r="AL34" s="277">
        <v>1</v>
      </c>
      <c r="AM34" s="279">
        <v>0</v>
      </c>
      <c r="AN34" s="280">
        <v>4</v>
      </c>
      <c r="AO34" s="280">
        <v>2</v>
      </c>
      <c r="AP34" s="280">
        <v>1</v>
      </c>
      <c r="AQ34" s="280">
        <v>3</v>
      </c>
      <c r="AR34" s="280">
        <v>2</v>
      </c>
      <c r="AS34" s="277">
        <v>12</v>
      </c>
      <c r="AT34" s="282">
        <v>13</v>
      </c>
      <c r="AU34" s="276">
        <v>2</v>
      </c>
      <c r="AV34" s="280">
        <v>2</v>
      </c>
      <c r="AW34" s="277">
        <v>4</v>
      </c>
      <c r="AX34" s="279">
        <v>0</v>
      </c>
      <c r="AY34" s="280">
        <v>15</v>
      </c>
      <c r="AZ34" s="280">
        <v>19</v>
      </c>
      <c r="BA34" s="280">
        <v>23</v>
      </c>
      <c r="BB34" s="280">
        <v>25</v>
      </c>
      <c r="BC34" s="280">
        <v>18</v>
      </c>
      <c r="BD34" s="281">
        <v>100</v>
      </c>
      <c r="BE34" s="282">
        <v>104</v>
      </c>
      <c r="BF34" s="276">
        <v>0</v>
      </c>
      <c r="BG34" s="280">
        <v>0</v>
      </c>
      <c r="BH34" s="277">
        <v>0</v>
      </c>
      <c r="BI34" s="279">
        <v>0</v>
      </c>
      <c r="BJ34" s="280">
        <v>46</v>
      </c>
      <c r="BK34" s="280">
        <v>48</v>
      </c>
      <c r="BL34" s="280">
        <v>26</v>
      </c>
      <c r="BM34" s="280">
        <v>18</v>
      </c>
      <c r="BN34" s="280">
        <v>4</v>
      </c>
      <c r="BO34" s="277">
        <v>142</v>
      </c>
      <c r="BP34" s="282">
        <v>142</v>
      </c>
      <c r="BQ34" s="276">
        <v>1</v>
      </c>
      <c r="BR34" s="280">
        <v>2</v>
      </c>
      <c r="BS34" s="277">
        <v>3</v>
      </c>
      <c r="BT34" s="279">
        <v>0</v>
      </c>
      <c r="BU34" s="280">
        <v>10</v>
      </c>
      <c r="BV34" s="280">
        <v>15</v>
      </c>
      <c r="BW34" s="280">
        <v>6</v>
      </c>
      <c r="BX34" s="280">
        <v>5</v>
      </c>
      <c r="BY34" s="280">
        <v>4</v>
      </c>
      <c r="BZ34" s="277">
        <v>40</v>
      </c>
      <c r="CA34" s="282">
        <v>43</v>
      </c>
      <c r="CB34" s="276">
        <v>0</v>
      </c>
      <c r="CC34" s="280">
        <v>0</v>
      </c>
      <c r="CD34" s="277">
        <v>0</v>
      </c>
      <c r="CE34" s="279">
        <v>0</v>
      </c>
      <c r="CF34" s="280">
        <v>2</v>
      </c>
      <c r="CG34" s="280">
        <v>9</v>
      </c>
      <c r="CH34" s="280">
        <v>7</v>
      </c>
      <c r="CI34" s="280">
        <v>2</v>
      </c>
      <c r="CJ34" s="280">
        <v>4</v>
      </c>
      <c r="CK34" s="277">
        <v>24</v>
      </c>
      <c r="CL34" s="282">
        <v>24</v>
      </c>
      <c r="CM34" s="276">
        <v>0</v>
      </c>
      <c r="CN34" s="280">
        <v>0</v>
      </c>
      <c r="CO34" s="277">
        <v>0</v>
      </c>
      <c r="CP34" s="279">
        <v>0</v>
      </c>
      <c r="CQ34" s="280">
        <v>0</v>
      </c>
      <c r="CR34" s="280">
        <v>2</v>
      </c>
      <c r="CS34" s="280">
        <v>1</v>
      </c>
      <c r="CT34" s="280">
        <v>3</v>
      </c>
      <c r="CU34" s="280">
        <v>1</v>
      </c>
      <c r="CV34" s="277">
        <v>7</v>
      </c>
      <c r="CW34" s="282">
        <v>7</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6</v>
      </c>
      <c r="DU34" s="280">
        <v>45</v>
      </c>
      <c r="DV34" s="277">
        <v>61</v>
      </c>
      <c r="DW34" s="279">
        <v>0</v>
      </c>
      <c r="DX34" s="280">
        <v>68</v>
      </c>
      <c r="DY34" s="280">
        <v>87</v>
      </c>
      <c r="DZ34" s="280">
        <v>49</v>
      </c>
      <c r="EA34" s="280">
        <v>35</v>
      </c>
      <c r="EB34" s="280">
        <v>21</v>
      </c>
      <c r="EC34" s="277">
        <v>260</v>
      </c>
      <c r="ED34" s="282">
        <v>321</v>
      </c>
      <c r="EE34" s="276">
        <v>3</v>
      </c>
      <c r="EF34" s="280">
        <v>3</v>
      </c>
      <c r="EG34" s="277">
        <v>6</v>
      </c>
      <c r="EH34" s="279">
        <v>0</v>
      </c>
      <c r="EI34" s="280">
        <v>5</v>
      </c>
      <c r="EJ34" s="280">
        <v>7</v>
      </c>
      <c r="EK34" s="280">
        <v>6</v>
      </c>
      <c r="EL34" s="280">
        <v>8</v>
      </c>
      <c r="EM34" s="280">
        <v>5</v>
      </c>
      <c r="EN34" s="277">
        <v>31</v>
      </c>
      <c r="EO34" s="282">
        <v>37</v>
      </c>
      <c r="EP34" s="276">
        <v>21</v>
      </c>
      <c r="EQ34" s="280">
        <v>45</v>
      </c>
      <c r="ER34" s="277">
        <v>66</v>
      </c>
      <c r="ES34" s="279">
        <v>0</v>
      </c>
      <c r="ET34" s="280">
        <v>129</v>
      </c>
      <c r="EU34" s="280">
        <v>121</v>
      </c>
      <c r="EV34" s="280">
        <v>58</v>
      </c>
      <c r="EW34" s="280">
        <v>36</v>
      </c>
      <c r="EX34" s="280">
        <v>23</v>
      </c>
      <c r="EY34" s="277">
        <v>367</v>
      </c>
      <c r="EZ34" s="282">
        <v>433</v>
      </c>
    </row>
    <row r="35" spans="2:156" ht="21" customHeight="1" x14ac:dyDescent="0.2">
      <c r="B35" s="261" t="s">
        <v>33</v>
      </c>
      <c r="C35" s="276">
        <v>0</v>
      </c>
      <c r="D35" s="280">
        <v>0</v>
      </c>
      <c r="E35" s="382">
        <v>0</v>
      </c>
      <c r="F35" s="279">
        <v>0</v>
      </c>
      <c r="G35" s="280">
        <v>17</v>
      </c>
      <c r="H35" s="280">
        <v>18</v>
      </c>
      <c r="I35" s="280">
        <v>12</v>
      </c>
      <c r="J35" s="280">
        <v>4</v>
      </c>
      <c r="K35" s="280">
        <v>10</v>
      </c>
      <c r="L35" s="281">
        <v>61</v>
      </c>
      <c r="M35" s="282">
        <v>61</v>
      </c>
      <c r="N35" s="276">
        <v>0</v>
      </c>
      <c r="O35" s="280">
        <v>0</v>
      </c>
      <c r="P35" s="277">
        <v>0</v>
      </c>
      <c r="Q35" s="279">
        <v>0</v>
      </c>
      <c r="R35" s="280">
        <v>0</v>
      </c>
      <c r="S35" s="280">
        <v>0</v>
      </c>
      <c r="T35" s="280">
        <v>2</v>
      </c>
      <c r="U35" s="280">
        <v>3</v>
      </c>
      <c r="V35" s="280">
        <v>4</v>
      </c>
      <c r="W35" s="277">
        <v>9</v>
      </c>
      <c r="X35" s="282">
        <v>9</v>
      </c>
      <c r="Y35" s="276">
        <v>0</v>
      </c>
      <c r="Z35" s="280">
        <v>3</v>
      </c>
      <c r="AA35" s="277">
        <v>3</v>
      </c>
      <c r="AB35" s="279">
        <v>0</v>
      </c>
      <c r="AC35" s="280">
        <v>17</v>
      </c>
      <c r="AD35" s="280">
        <v>16</v>
      </c>
      <c r="AE35" s="280">
        <v>5</v>
      </c>
      <c r="AF35" s="280">
        <v>7</v>
      </c>
      <c r="AG35" s="280">
        <v>7</v>
      </c>
      <c r="AH35" s="277">
        <v>52</v>
      </c>
      <c r="AI35" s="282">
        <v>55</v>
      </c>
      <c r="AJ35" s="276">
        <v>13</v>
      </c>
      <c r="AK35" s="280">
        <v>18</v>
      </c>
      <c r="AL35" s="277">
        <v>31</v>
      </c>
      <c r="AM35" s="279">
        <v>0</v>
      </c>
      <c r="AN35" s="280">
        <v>35</v>
      </c>
      <c r="AO35" s="280">
        <v>21</v>
      </c>
      <c r="AP35" s="280">
        <v>8</v>
      </c>
      <c r="AQ35" s="280">
        <v>4</v>
      </c>
      <c r="AR35" s="280">
        <v>4</v>
      </c>
      <c r="AS35" s="277">
        <v>72</v>
      </c>
      <c r="AT35" s="282">
        <v>103</v>
      </c>
      <c r="AU35" s="276">
        <v>6</v>
      </c>
      <c r="AV35" s="280">
        <v>10</v>
      </c>
      <c r="AW35" s="277">
        <v>16</v>
      </c>
      <c r="AX35" s="279">
        <v>0</v>
      </c>
      <c r="AY35" s="280">
        <v>23</v>
      </c>
      <c r="AZ35" s="280">
        <v>37</v>
      </c>
      <c r="BA35" s="280">
        <v>36</v>
      </c>
      <c r="BB35" s="280">
        <v>14</v>
      </c>
      <c r="BC35" s="280">
        <v>17</v>
      </c>
      <c r="BD35" s="281">
        <v>127</v>
      </c>
      <c r="BE35" s="282">
        <v>143</v>
      </c>
      <c r="BF35" s="276">
        <v>0</v>
      </c>
      <c r="BG35" s="280">
        <v>0</v>
      </c>
      <c r="BH35" s="277">
        <v>0</v>
      </c>
      <c r="BI35" s="279">
        <v>0</v>
      </c>
      <c r="BJ35" s="280">
        <v>14</v>
      </c>
      <c r="BK35" s="280">
        <v>9</v>
      </c>
      <c r="BL35" s="280">
        <v>3</v>
      </c>
      <c r="BM35" s="280">
        <v>4</v>
      </c>
      <c r="BN35" s="280">
        <v>4</v>
      </c>
      <c r="BO35" s="277">
        <v>34</v>
      </c>
      <c r="BP35" s="282">
        <v>34</v>
      </c>
      <c r="BQ35" s="276">
        <v>5</v>
      </c>
      <c r="BR35" s="280">
        <v>15</v>
      </c>
      <c r="BS35" s="277">
        <v>20</v>
      </c>
      <c r="BT35" s="279">
        <v>0</v>
      </c>
      <c r="BU35" s="280">
        <v>30</v>
      </c>
      <c r="BV35" s="280">
        <v>18</v>
      </c>
      <c r="BW35" s="280">
        <v>12</v>
      </c>
      <c r="BX35" s="280">
        <v>3</v>
      </c>
      <c r="BY35" s="280">
        <v>1</v>
      </c>
      <c r="BZ35" s="277">
        <v>64</v>
      </c>
      <c r="CA35" s="282">
        <v>84</v>
      </c>
      <c r="CB35" s="276">
        <v>0</v>
      </c>
      <c r="CC35" s="280">
        <v>0</v>
      </c>
      <c r="CD35" s="277">
        <v>0</v>
      </c>
      <c r="CE35" s="279">
        <v>0</v>
      </c>
      <c r="CF35" s="280">
        <v>4</v>
      </c>
      <c r="CG35" s="280">
        <v>8</v>
      </c>
      <c r="CH35" s="280">
        <v>5</v>
      </c>
      <c r="CI35" s="280">
        <v>3</v>
      </c>
      <c r="CJ35" s="280">
        <v>1</v>
      </c>
      <c r="CK35" s="277">
        <v>21</v>
      </c>
      <c r="CL35" s="282">
        <v>21</v>
      </c>
      <c r="CM35" s="276">
        <v>0</v>
      </c>
      <c r="CN35" s="280">
        <v>0</v>
      </c>
      <c r="CO35" s="277">
        <v>0</v>
      </c>
      <c r="CP35" s="279">
        <v>0</v>
      </c>
      <c r="CQ35" s="280">
        <v>2</v>
      </c>
      <c r="CR35" s="280">
        <v>1</v>
      </c>
      <c r="CS35" s="280">
        <v>2</v>
      </c>
      <c r="CT35" s="280">
        <v>1</v>
      </c>
      <c r="CU35" s="280">
        <v>1</v>
      </c>
      <c r="CV35" s="277">
        <v>7</v>
      </c>
      <c r="CW35" s="282">
        <v>7</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23</v>
      </c>
      <c r="DU35" s="280">
        <v>34</v>
      </c>
      <c r="DV35" s="277">
        <v>57</v>
      </c>
      <c r="DW35" s="279">
        <v>0</v>
      </c>
      <c r="DX35" s="280">
        <v>68</v>
      </c>
      <c r="DY35" s="280">
        <v>49</v>
      </c>
      <c r="DZ35" s="280">
        <v>28</v>
      </c>
      <c r="EA35" s="280">
        <v>15</v>
      </c>
      <c r="EB35" s="280">
        <v>20</v>
      </c>
      <c r="EC35" s="277">
        <v>180</v>
      </c>
      <c r="ED35" s="282">
        <v>237</v>
      </c>
      <c r="EE35" s="276">
        <v>3</v>
      </c>
      <c r="EF35" s="280">
        <v>4</v>
      </c>
      <c r="EG35" s="277">
        <v>7</v>
      </c>
      <c r="EH35" s="279">
        <v>0</v>
      </c>
      <c r="EI35" s="280">
        <v>13</v>
      </c>
      <c r="EJ35" s="280">
        <v>17</v>
      </c>
      <c r="EK35" s="280">
        <v>14</v>
      </c>
      <c r="EL35" s="280">
        <v>7</v>
      </c>
      <c r="EM35" s="280">
        <v>3</v>
      </c>
      <c r="EN35" s="277">
        <v>54</v>
      </c>
      <c r="EO35" s="282">
        <v>61</v>
      </c>
      <c r="EP35" s="276">
        <v>33</v>
      </c>
      <c r="EQ35" s="280">
        <v>54</v>
      </c>
      <c r="ER35" s="277">
        <v>87</v>
      </c>
      <c r="ES35" s="279">
        <v>0</v>
      </c>
      <c r="ET35" s="280">
        <v>115</v>
      </c>
      <c r="EU35" s="280">
        <v>67</v>
      </c>
      <c r="EV35" s="280">
        <v>39</v>
      </c>
      <c r="EW35" s="280">
        <v>17</v>
      </c>
      <c r="EX35" s="280">
        <v>17</v>
      </c>
      <c r="EY35" s="277">
        <v>255</v>
      </c>
      <c r="EZ35" s="282">
        <v>342</v>
      </c>
    </row>
    <row r="36" spans="2:156" ht="21" customHeight="1" x14ac:dyDescent="0.2">
      <c r="B36" s="261" t="s">
        <v>34</v>
      </c>
      <c r="C36" s="276">
        <v>0</v>
      </c>
      <c r="D36" s="280">
        <v>0</v>
      </c>
      <c r="E36" s="382">
        <v>0</v>
      </c>
      <c r="F36" s="279">
        <v>0</v>
      </c>
      <c r="G36" s="280">
        <v>13</v>
      </c>
      <c r="H36" s="280">
        <v>7</v>
      </c>
      <c r="I36" s="280">
        <v>7</v>
      </c>
      <c r="J36" s="280">
        <v>6</v>
      </c>
      <c r="K36" s="280">
        <v>1</v>
      </c>
      <c r="L36" s="281">
        <v>34</v>
      </c>
      <c r="M36" s="282">
        <v>34</v>
      </c>
      <c r="N36" s="276">
        <v>0</v>
      </c>
      <c r="O36" s="280">
        <v>0</v>
      </c>
      <c r="P36" s="277">
        <v>0</v>
      </c>
      <c r="Q36" s="279">
        <v>0</v>
      </c>
      <c r="R36" s="280">
        <v>0</v>
      </c>
      <c r="S36" s="280">
        <v>1</v>
      </c>
      <c r="T36" s="280">
        <v>0</v>
      </c>
      <c r="U36" s="280">
        <v>2</v>
      </c>
      <c r="V36" s="280">
        <v>5</v>
      </c>
      <c r="W36" s="277">
        <v>8</v>
      </c>
      <c r="X36" s="282">
        <v>8</v>
      </c>
      <c r="Y36" s="276">
        <v>1</v>
      </c>
      <c r="Z36" s="280">
        <v>8</v>
      </c>
      <c r="AA36" s="277">
        <v>9</v>
      </c>
      <c r="AB36" s="279">
        <v>0</v>
      </c>
      <c r="AC36" s="280">
        <v>12</v>
      </c>
      <c r="AD36" s="280">
        <v>16</v>
      </c>
      <c r="AE36" s="280">
        <v>10</v>
      </c>
      <c r="AF36" s="280">
        <v>8</v>
      </c>
      <c r="AG36" s="280">
        <v>5</v>
      </c>
      <c r="AH36" s="277">
        <v>51</v>
      </c>
      <c r="AI36" s="282">
        <v>60</v>
      </c>
      <c r="AJ36" s="276">
        <v>0</v>
      </c>
      <c r="AK36" s="280">
        <v>0</v>
      </c>
      <c r="AL36" s="277">
        <v>0</v>
      </c>
      <c r="AM36" s="279">
        <v>0</v>
      </c>
      <c r="AN36" s="280">
        <v>5</v>
      </c>
      <c r="AO36" s="280">
        <v>7</v>
      </c>
      <c r="AP36" s="280">
        <v>2</v>
      </c>
      <c r="AQ36" s="280">
        <v>1</v>
      </c>
      <c r="AR36" s="280">
        <v>1</v>
      </c>
      <c r="AS36" s="277">
        <v>16</v>
      </c>
      <c r="AT36" s="282">
        <v>16</v>
      </c>
      <c r="AU36" s="276">
        <v>5</v>
      </c>
      <c r="AV36" s="280">
        <v>3</v>
      </c>
      <c r="AW36" s="277">
        <v>8</v>
      </c>
      <c r="AX36" s="279">
        <v>0</v>
      </c>
      <c r="AY36" s="280">
        <v>29</v>
      </c>
      <c r="AZ36" s="280">
        <v>29</v>
      </c>
      <c r="BA36" s="280">
        <v>15</v>
      </c>
      <c r="BB36" s="280">
        <v>23</v>
      </c>
      <c r="BC36" s="280">
        <v>17</v>
      </c>
      <c r="BD36" s="281">
        <v>113</v>
      </c>
      <c r="BE36" s="282">
        <v>121</v>
      </c>
      <c r="BF36" s="276">
        <v>0</v>
      </c>
      <c r="BG36" s="280">
        <v>0</v>
      </c>
      <c r="BH36" s="277">
        <v>0</v>
      </c>
      <c r="BI36" s="279">
        <v>0</v>
      </c>
      <c r="BJ36" s="280">
        <v>26</v>
      </c>
      <c r="BK36" s="280">
        <v>23</v>
      </c>
      <c r="BL36" s="280">
        <v>13</v>
      </c>
      <c r="BM36" s="280">
        <v>11</v>
      </c>
      <c r="BN36" s="280">
        <v>1</v>
      </c>
      <c r="BO36" s="277">
        <v>74</v>
      </c>
      <c r="BP36" s="282">
        <v>74</v>
      </c>
      <c r="BQ36" s="276">
        <v>1</v>
      </c>
      <c r="BR36" s="280">
        <v>3</v>
      </c>
      <c r="BS36" s="277">
        <v>4</v>
      </c>
      <c r="BT36" s="279">
        <v>0</v>
      </c>
      <c r="BU36" s="280">
        <v>10</v>
      </c>
      <c r="BV36" s="280">
        <v>3</v>
      </c>
      <c r="BW36" s="280">
        <v>1</v>
      </c>
      <c r="BX36" s="280">
        <v>5</v>
      </c>
      <c r="BY36" s="280">
        <v>0</v>
      </c>
      <c r="BZ36" s="277">
        <v>19</v>
      </c>
      <c r="CA36" s="282">
        <v>23</v>
      </c>
      <c r="CB36" s="276">
        <v>0</v>
      </c>
      <c r="CC36" s="280">
        <v>0</v>
      </c>
      <c r="CD36" s="277">
        <v>0</v>
      </c>
      <c r="CE36" s="279">
        <v>0</v>
      </c>
      <c r="CF36" s="280">
        <v>5</v>
      </c>
      <c r="CG36" s="280">
        <v>2</v>
      </c>
      <c r="CH36" s="280">
        <v>2</v>
      </c>
      <c r="CI36" s="280">
        <v>1</v>
      </c>
      <c r="CJ36" s="280">
        <v>3</v>
      </c>
      <c r="CK36" s="277">
        <v>13</v>
      </c>
      <c r="CL36" s="282">
        <v>13</v>
      </c>
      <c r="CM36" s="276">
        <v>0</v>
      </c>
      <c r="CN36" s="280">
        <v>0</v>
      </c>
      <c r="CO36" s="277">
        <v>0</v>
      </c>
      <c r="CP36" s="279">
        <v>0</v>
      </c>
      <c r="CQ36" s="280">
        <v>1</v>
      </c>
      <c r="CR36" s="280">
        <v>0</v>
      </c>
      <c r="CS36" s="280">
        <v>0</v>
      </c>
      <c r="CT36" s="280">
        <v>1</v>
      </c>
      <c r="CU36" s="280">
        <v>0</v>
      </c>
      <c r="CV36" s="277">
        <v>2</v>
      </c>
      <c r="CW36" s="282">
        <v>2</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13</v>
      </c>
      <c r="DU36" s="280">
        <v>18</v>
      </c>
      <c r="DV36" s="277">
        <v>31</v>
      </c>
      <c r="DW36" s="279">
        <v>0</v>
      </c>
      <c r="DX36" s="280">
        <v>46</v>
      </c>
      <c r="DY36" s="280">
        <v>50</v>
      </c>
      <c r="DZ36" s="280">
        <v>24</v>
      </c>
      <c r="EA36" s="280">
        <v>24</v>
      </c>
      <c r="EB36" s="280">
        <v>11</v>
      </c>
      <c r="EC36" s="277">
        <v>155</v>
      </c>
      <c r="ED36" s="282">
        <v>186</v>
      </c>
      <c r="EE36" s="276">
        <v>3</v>
      </c>
      <c r="EF36" s="280">
        <v>1</v>
      </c>
      <c r="EG36" s="277">
        <v>4</v>
      </c>
      <c r="EH36" s="279">
        <v>0</v>
      </c>
      <c r="EI36" s="280">
        <v>11</v>
      </c>
      <c r="EJ36" s="280">
        <v>6</v>
      </c>
      <c r="EK36" s="280">
        <v>2</v>
      </c>
      <c r="EL36" s="280">
        <v>8</v>
      </c>
      <c r="EM36" s="280">
        <v>3</v>
      </c>
      <c r="EN36" s="277">
        <v>30</v>
      </c>
      <c r="EO36" s="282">
        <v>34</v>
      </c>
      <c r="EP36" s="276">
        <v>15</v>
      </c>
      <c r="EQ36" s="280">
        <v>23</v>
      </c>
      <c r="ER36" s="277">
        <v>38</v>
      </c>
      <c r="ES36" s="279">
        <v>0</v>
      </c>
      <c r="ET36" s="280">
        <v>75</v>
      </c>
      <c r="EU36" s="280">
        <v>57</v>
      </c>
      <c r="EV36" s="280">
        <v>26</v>
      </c>
      <c r="EW36" s="280">
        <v>23</v>
      </c>
      <c r="EX36" s="280">
        <v>9</v>
      </c>
      <c r="EY36" s="277">
        <v>190</v>
      </c>
      <c r="EZ36" s="282">
        <v>228</v>
      </c>
    </row>
    <row r="37" spans="2:156" ht="21" customHeight="1" x14ac:dyDescent="0.2">
      <c r="B37" s="261" t="s">
        <v>35</v>
      </c>
      <c r="C37" s="276">
        <v>0</v>
      </c>
      <c r="D37" s="280">
        <v>0</v>
      </c>
      <c r="E37" s="382">
        <v>0</v>
      </c>
      <c r="F37" s="279">
        <v>0</v>
      </c>
      <c r="G37" s="280">
        <v>110</v>
      </c>
      <c r="H37" s="280">
        <v>57</v>
      </c>
      <c r="I37" s="280">
        <v>38</v>
      </c>
      <c r="J37" s="280">
        <v>40</v>
      </c>
      <c r="K37" s="280">
        <v>17</v>
      </c>
      <c r="L37" s="281">
        <v>262</v>
      </c>
      <c r="M37" s="282">
        <v>262</v>
      </c>
      <c r="N37" s="276">
        <v>0</v>
      </c>
      <c r="O37" s="280">
        <v>0</v>
      </c>
      <c r="P37" s="277">
        <v>0</v>
      </c>
      <c r="Q37" s="279">
        <v>0</v>
      </c>
      <c r="R37" s="280">
        <v>1</v>
      </c>
      <c r="S37" s="280">
        <v>7</v>
      </c>
      <c r="T37" s="280">
        <v>4</v>
      </c>
      <c r="U37" s="280">
        <v>11</v>
      </c>
      <c r="V37" s="280">
        <v>11</v>
      </c>
      <c r="W37" s="277">
        <v>34</v>
      </c>
      <c r="X37" s="282">
        <v>34</v>
      </c>
      <c r="Y37" s="276">
        <v>2</v>
      </c>
      <c r="Z37" s="280">
        <v>9</v>
      </c>
      <c r="AA37" s="277">
        <v>11</v>
      </c>
      <c r="AB37" s="279">
        <v>0</v>
      </c>
      <c r="AC37" s="280">
        <v>52</v>
      </c>
      <c r="AD37" s="280">
        <v>35</v>
      </c>
      <c r="AE37" s="280">
        <v>29</v>
      </c>
      <c r="AF37" s="280">
        <v>27</v>
      </c>
      <c r="AG37" s="280">
        <v>14</v>
      </c>
      <c r="AH37" s="277">
        <v>157</v>
      </c>
      <c r="AI37" s="282">
        <v>168</v>
      </c>
      <c r="AJ37" s="276">
        <v>2</v>
      </c>
      <c r="AK37" s="280">
        <v>10</v>
      </c>
      <c r="AL37" s="277">
        <v>12</v>
      </c>
      <c r="AM37" s="279">
        <v>0</v>
      </c>
      <c r="AN37" s="280">
        <v>22</v>
      </c>
      <c r="AO37" s="280">
        <v>12</v>
      </c>
      <c r="AP37" s="280">
        <v>7</v>
      </c>
      <c r="AQ37" s="280">
        <v>9</v>
      </c>
      <c r="AR37" s="280">
        <v>4</v>
      </c>
      <c r="AS37" s="277">
        <v>54</v>
      </c>
      <c r="AT37" s="282">
        <v>66</v>
      </c>
      <c r="AU37" s="276">
        <v>19</v>
      </c>
      <c r="AV37" s="280">
        <v>23</v>
      </c>
      <c r="AW37" s="277">
        <v>42</v>
      </c>
      <c r="AX37" s="279">
        <v>0</v>
      </c>
      <c r="AY37" s="280">
        <v>96</v>
      </c>
      <c r="AZ37" s="280">
        <v>70</v>
      </c>
      <c r="BA37" s="280">
        <v>73</v>
      </c>
      <c r="BB37" s="280">
        <v>92</v>
      </c>
      <c r="BC37" s="280">
        <v>41</v>
      </c>
      <c r="BD37" s="281">
        <v>372</v>
      </c>
      <c r="BE37" s="282">
        <v>414</v>
      </c>
      <c r="BF37" s="276">
        <v>0</v>
      </c>
      <c r="BG37" s="280">
        <v>0</v>
      </c>
      <c r="BH37" s="277">
        <v>0</v>
      </c>
      <c r="BI37" s="279">
        <v>0</v>
      </c>
      <c r="BJ37" s="280">
        <v>151</v>
      </c>
      <c r="BK37" s="280">
        <v>78</v>
      </c>
      <c r="BL37" s="280">
        <v>44</v>
      </c>
      <c r="BM37" s="280">
        <v>28</v>
      </c>
      <c r="BN37" s="280">
        <v>15</v>
      </c>
      <c r="BO37" s="277">
        <v>316</v>
      </c>
      <c r="BP37" s="282">
        <v>316</v>
      </c>
      <c r="BQ37" s="276">
        <v>9</v>
      </c>
      <c r="BR37" s="280">
        <v>20</v>
      </c>
      <c r="BS37" s="277">
        <v>29</v>
      </c>
      <c r="BT37" s="279">
        <v>0</v>
      </c>
      <c r="BU37" s="280">
        <v>64</v>
      </c>
      <c r="BV37" s="280">
        <v>31</v>
      </c>
      <c r="BW37" s="280">
        <v>11</v>
      </c>
      <c r="BX37" s="280">
        <v>15</v>
      </c>
      <c r="BY37" s="280">
        <v>1</v>
      </c>
      <c r="BZ37" s="277">
        <v>122</v>
      </c>
      <c r="CA37" s="282">
        <v>151</v>
      </c>
      <c r="CB37" s="276">
        <v>1</v>
      </c>
      <c r="CC37" s="280">
        <v>0</v>
      </c>
      <c r="CD37" s="277">
        <v>1</v>
      </c>
      <c r="CE37" s="279">
        <v>0</v>
      </c>
      <c r="CF37" s="280">
        <v>19</v>
      </c>
      <c r="CG37" s="280">
        <v>11</v>
      </c>
      <c r="CH37" s="280">
        <v>9</v>
      </c>
      <c r="CI37" s="280">
        <v>15</v>
      </c>
      <c r="CJ37" s="280">
        <v>3</v>
      </c>
      <c r="CK37" s="277">
        <v>57</v>
      </c>
      <c r="CL37" s="282">
        <v>58</v>
      </c>
      <c r="CM37" s="276">
        <v>0</v>
      </c>
      <c r="CN37" s="280">
        <v>0</v>
      </c>
      <c r="CO37" s="277">
        <v>0</v>
      </c>
      <c r="CP37" s="279">
        <v>0</v>
      </c>
      <c r="CQ37" s="280">
        <v>6</v>
      </c>
      <c r="CR37" s="280">
        <v>1</v>
      </c>
      <c r="CS37" s="280">
        <v>2</v>
      </c>
      <c r="CT37" s="280">
        <v>4</v>
      </c>
      <c r="CU37" s="280">
        <v>0</v>
      </c>
      <c r="CV37" s="277">
        <v>13</v>
      </c>
      <c r="CW37" s="282">
        <v>13</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46</v>
      </c>
      <c r="DU37" s="280">
        <v>74</v>
      </c>
      <c r="DV37" s="277">
        <v>120</v>
      </c>
      <c r="DW37" s="279">
        <v>0</v>
      </c>
      <c r="DX37" s="280">
        <v>186</v>
      </c>
      <c r="DY37" s="280">
        <v>147</v>
      </c>
      <c r="DZ37" s="280">
        <v>83</v>
      </c>
      <c r="EA37" s="280">
        <v>78</v>
      </c>
      <c r="EB37" s="280">
        <v>35</v>
      </c>
      <c r="EC37" s="277">
        <v>529</v>
      </c>
      <c r="ED37" s="282">
        <v>649</v>
      </c>
      <c r="EE37" s="276">
        <v>16</v>
      </c>
      <c r="EF37" s="280">
        <v>13</v>
      </c>
      <c r="EG37" s="277">
        <v>29</v>
      </c>
      <c r="EH37" s="279">
        <v>0</v>
      </c>
      <c r="EI37" s="280">
        <v>41</v>
      </c>
      <c r="EJ37" s="280">
        <v>19</v>
      </c>
      <c r="EK37" s="280">
        <v>26</v>
      </c>
      <c r="EL37" s="280">
        <v>35</v>
      </c>
      <c r="EM37" s="280">
        <v>8</v>
      </c>
      <c r="EN37" s="277">
        <v>129</v>
      </c>
      <c r="EO37" s="282">
        <v>158</v>
      </c>
      <c r="EP37" s="276">
        <v>56</v>
      </c>
      <c r="EQ37" s="280">
        <v>99</v>
      </c>
      <c r="ER37" s="277">
        <v>155</v>
      </c>
      <c r="ES37" s="279">
        <v>0</v>
      </c>
      <c r="ET37" s="280">
        <v>339</v>
      </c>
      <c r="EU37" s="280">
        <v>184</v>
      </c>
      <c r="EV37" s="280">
        <v>91</v>
      </c>
      <c r="EW37" s="280">
        <v>87</v>
      </c>
      <c r="EX37" s="280">
        <v>36</v>
      </c>
      <c r="EY37" s="277">
        <v>737</v>
      </c>
      <c r="EZ37" s="282">
        <v>892</v>
      </c>
    </row>
    <row r="38" spans="2:156" ht="21" customHeight="1" x14ac:dyDescent="0.2">
      <c r="B38" s="261" t="s">
        <v>36</v>
      </c>
      <c r="C38" s="276">
        <v>0</v>
      </c>
      <c r="D38" s="280">
        <v>0</v>
      </c>
      <c r="E38" s="382">
        <v>0</v>
      </c>
      <c r="F38" s="279">
        <v>0</v>
      </c>
      <c r="G38" s="280">
        <v>64</v>
      </c>
      <c r="H38" s="280">
        <v>66</v>
      </c>
      <c r="I38" s="280">
        <v>32</v>
      </c>
      <c r="J38" s="280">
        <v>35</v>
      </c>
      <c r="K38" s="280">
        <v>32</v>
      </c>
      <c r="L38" s="281">
        <v>229</v>
      </c>
      <c r="M38" s="282">
        <v>229</v>
      </c>
      <c r="N38" s="276">
        <v>0</v>
      </c>
      <c r="O38" s="280">
        <v>0</v>
      </c>
      <c r="P38" s="277">
        <v>0</v>
      </c>
      <c r="Q38" s="279">
        <v>0</v>
      </c>
      <c r="R38" s="280">
        <v>4</v>
      </c>
      <c r="S38" s="280">
        <v>6</v>
      </c>
      <c r="T38" s="280">
        <v>4</v>
      </c>
      <c r="U38" s="280">
        <v>6</v>
      </c>
      <c r="V38" s="280">
        <v>12</v>
      </c>
      <c r="W38" s="277">
        <v>32</v>
      </c>
      <c r="X38" s="282">
        <v>32</v>
      </c>
      <c r="Y38" s="276">
        <v>12</v>
      </c>
      <c r="Z38" s="280">
        <v>21</v>
      </c>
      <c r="AA38" s="277">
        <v>33</v>
      </c>
      <c r="AB38" s="279">
        <v>0</v>
      </c>
      <c r="AC38" s="280">
        <v>54</v>
      </c>
      <c r="AD38" s="280">
        <v>55</v>
      </c>
      <c r="AE38" s="280">
        <v>27</v>
      </c>
      <c r="AF38" s="280">
        <v>29</v>
      </c>
      <c r="AG38" s="280">
        <v>27</v>
      </c>
      <c r="AH38" s="277">
        <v>192</v>
      </c>
      <c r="AI38" s="282">
        <v>225</v>
      </c>
      <c r="AJ38" s="276">
        <v>4</v>
      </c>
      <c r="AK38" s="280">
        <v>9</v>
      </c>
      <c r="AL38" s="277">
        <v>13</v>
      </c>
      <c r="AM38" s="279">
        <v>0</v>
      </c>
      <c r="AN38" s="280">
        <v>16</v>
      </c>
      <c r="AO38" s="280">
        <v>15</v>
      </c>
      <c r="AP38" s="280">
        <v>4</v>
      </c>
      <c r="AQ38" s="280">
        <v>7</v>
      </c>
      <c r="AR38" s="280">
        <v>9</v>
      </c>
      <c r="AS38" s="277">
        <v>51</v>
      </c>
      <c r="AT38" s="282">
        <v>64</v>
      </c>
      <c r="AU38" s="276">
        <v>4</v>
      </c>
      <c r="AV38" s="280">
        <v>10</v>
      </c>
      <c r="AW38" s="277">
        <v>14</v>
      </c>
      <c r="AX38" s="279">
        <v>0</v>
      </c>
      <c r="AY38" s="280">
        <v>38</v>
      </c>
      <c r="AZ38" s="280">
        <v>61</v>
      </c>
      <c r="BA38" s="280">
        <v>60</v>
      </c>
      <c r="BB38" s="280">
        <v>62</v>
      </c>
      <c r="BC38" s="280">
        <v>51</v>
      </c>
      <c r="BD38" s="281">
        <v>272</v>
      </c>
      <c r="BE38" s="282">
        <v>286</v>
      </c>
      <c r="BF38" s="276">
        <v>0</v>
      </c>
      <c r="BG38" s="280">
        <v>0</v>
      </c>
      <c r="BH38" s="277">
        <v>0</v>
      </c>
      <c r="BI38" s="279">
        <v>0</v>
      </c>
      <c r="BJ38" s="280">
        <v>86</v>
      </c>
      <c r="BK38" s="280">
        <v>93</v>
      </c>
      <c r="BL38" s="280">
        <v>38</v>
      </c>
      <c r="BM38" s="280">
        <v>31</v>
      </c>
      <c r="BN38" s="280">
        <v>15</v>
      </c>
      <c r="BO38" s="277">
        <v>263</v>
      </c>
      <c r="BP38" s="282">
        <v>263</v>
      </c>
      <c r="BQ38" s="276">
        <v>4</v>
      </c>
      <c r="BR38" s="280">
        <v>8</v>
      </c>
      <c r="BS38" s="277">
        <v>12</v>
      </c>
      <c r="BT38" s="279">
        <v>0</v>
      </c>
      <c r="BU38" s="280">
        <v>28</v>
      </c>
      <c r="BV38" s="280">
        <v>25</v>
      </c>
      <c r="BW38" s="280">
        <v>15</v>
      </c>
      <c r="BX38" s="280">
        <v>6</v>
      </c>
      <c r="BY38" s="280">
        <v>3</v>
      </c>
      <c r="BZ38" s="277">
        <v>77</v>
      </c>
      <c r="CA38" s="282">
        <v>89</v>
      </c>
      <c r="CB38" s="276">
        <v>0</v>
      </c>
      <c r="CC38" s="280">
        <v>0</v>
      </c>
      <c r="CD38" s="277">
        <v>0</v>
      </c>
      <c r="CE38" s="279">
        <v>0</v>
      </c>
      <c r="CF38" s="280">
        <v>14</v>
      </c>
      <c r="CG38" s="280">
        <v>22</v>
      </c>
      <c r="CH38" s="280">
        <v>20</v>
      </c>
      <c r="CI38" s="280">
        <v>19</v>
      </c>
      <c r="CJ38" s="280">
        <v>12</v>
      </c>
      <c r="CK38" s="277">
        <v>87</v>
      </c>
      <c r="CL38" s="282">
        <v>87</v>
      </c>
      <c r="CM38" s="276">
        <v>0</v>
      </c>
      <c r="CN38" s="280">
        <v>0</v>
      </c>
      <c r="CO38" s="277">
        <v>0</v>
      </c>
      <c r="CP38" s="279">
        <v>0</v>
      </c>
      <c r="CQ38" s="280">
        <v>1</v>
      </c>
      <c r="CR38" s="280">
        <v>1</v>
      </c>
      <c r="CS38" s="280">
        <v>0</v>
      </c>
      <c r="CT38" s="280">
        <v>1</v>
      </c>
      <c r="CU38" s="280">
        <v>0</v>
      </c>
      <c r="CV38" s="277">
        <v>3</v>
      </c>
      <c r="CW38" s="282">
        <v>3</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36</v>
      </c>
      <c r="DU38" s="280">
        <v>96</v>
      </c>
      <c r="DV38" s="277">
        <v>132</v>
      </c>
      <c r="DW38" s="279">
        <v>0</v>
      </c>
      <c r="DX38" s="280">
        <v>172</v>
      </c>
      <c r="DY38" s="280">
        <v>176</v>
      </c>
      <c r="DZ38" s="280">
        <v>81</v>
      </c>
      <c r="EA38" s="280">
        <v>82</v>
      </c>
      <c r="EB38" s="280">
        <v>52</v>
      </c>
      <c r="EC38" s="277">
        <v>563</v>
      </c>
      <c r="ED38" s="282">
        <v>695</v>
      </c>
      <c r="EE38" s="276">
        <v>2</v>
      </c>
      <c r="EF38" s="280">
        <v>1</v>
      </c>
      <c r="EG38" s="277">
        <v>3</v>
      </c>
      <c r="EH38" s="279">
        <v>0</v>
      </c>
      <c r="EI38" s="280">
        <v>10</v>
      </c>
      <c r="EJ38" s="280">
        <v>12</v>
      </c>
      <c r="EK38" s="280">
        <v>17</v>
      </c>
      <c r="EL38" s="280">
        <v>10</v>
      </c>
      <c r="EM38" s="280">
        <v>4</v>
      </c>
      <c r="EN38" s="277">
        <v>53</v>
      </c>
      <c r="EO38" s="282">
        <v>56</v>
      </c>
      <c r="EP38" s="276">
        <v>46</v>
      </c>
      <c r="EQ38" s="280">
        <v>116</v>
      </c>
      <c r="ER38" s="277">
        <v>162</v>
      </c>
      <c r="ES38" s="279">
        <v>0</v>
      </c>
      <c r="ET38" s="280">
        <v>276</v>
      </c>
      <c r="EU38" s="280">
        <v>234</v>
      </c>
      <c r="EV38" s="280">
        <v>105</v>
      </c>
      <c r="EW38" s="280">
        <v>98</v>
      </c>
      <c r="EX38" s="280">
        <v>65</v>
      </c>
      <c r="EY38" s="277">
        <v>778</v>
      </c>
      <c r="EZ38" s="282">
        <v>940</v>
      </c>
    </row>
    <row r="39" spans="2:156" ht="21" customHeight="1" thickBot="1" x14ac:dyDescent="0.25">
      <c r="B39" s="262" t="s">
        <v>37</v>
      </c>
      <c r="C39" s="283">
        <v>0</v>
      </c>
      <c r="D39" s="287">
        <v>0</v>
      </c>
      <c r="E39" s="383">
        <v>0</v>
      </c>
      <c r="F39" s="286">
        <v>0</v>
      </c>
      <c r="G39" s="287">
        <v>4</v>
      </c>
      <c r="H39" s="287">
        <v>7</v>
      </c>
      <c r="I39" s="287">
        <v>2</v>
      </c>
      <c r="J39" s="287">
        <v>2</v>
      </c>
      <c r="K39" s="287">
        <v>4</v>
      </c>
      <c r="L39" s="288">
        <v>19</v>
      </c>
      <c r="M39" s="289">
        <v>19</v>
      </c>
      <c r="N39" s="283">
        <v>0</v>
      </c>
      <c r="O39" s="287">
        <v>0</v>
      </c>
      <c r="P39" s="284">
        <v>0</v>
      </c>
      <c r="Q39" s="286">
        <v>0</v>
      </c>
      <c r="R39" s="287">
        <v>0</v>
      </c>
      <c r="S39" s="287">
        <v>0</v>
      </c>
      <c r="T39" s="287">
        <v>0</v>
      </c>
      <c r="U39" s="287">
        <v>0</v>
      </c>
      <c r="V39" s="287">
        <v>0</v>
      </c>
      <c r="W39" s="284">
        <v>0</v>
      </c>
      <c r="X39" s="289">
        <v>0</v>
      </c>
      <c r="Y39" s="283">
        <v>1</v>
      </c>
      <c r="Z39" s="287">
        <v>1</v>
      </c>
      <c r="AA39" s="284">
        <v>2</v>
      </c>
      <c r="AB39" s="286">
        <v>0</v>
      </c>
      <c r="AC39" s="287">
        <v>5</v>
      </c>
      <c r="AD39" s="287">
        <v>3</v>
      </c>
      <c r="AE39" s="287">
        <v>2</v>
      </c>
      <c r="AF39" s="287">
        <v>5</v>
      </c>
      <c r="AG39" s="287">
        <v>1</v>
      </c>
      <c r="AH39" s="284">
        <v>16</v>
      </c>
      <c r="AI39" s="289">
        <v>18</v>
      </c>
      <c r="AJ39" s="283">
        <v>0</v>
      </c>
      <c r="AK39" s="287">
        <v>0</v>
      </c>
      <c r="AL39" s="284">
        <v>0</v>
      </c>
      <c r="AM39" s="286">
        <v>0</v>
      </c>
      <c r="AN39" s="287">
        <v>0</v>
      </c>
      <c r="AO39" s="287">
        <v>1</v>
      </c>
      <c r="AP39" s="287">
        <v>0</v>
      </c>
      <c r="AQ39" s="287">
        <v>2</v>
      </c>
      <c r="AR39" s="287">
        <v>0</v>
      </c>
      <c r="AS39" s="284">
        <v>3</v>
      </c>
      <c r="AT39" s="289">
        <v>3</v>
      </c>
      <c r="AU39" s="283">
        <v>1</v>
      </c>
      <c r="AV39" s="287">
        <v>0</v>
      </c>
      <c r="AW39" s="284">
        <v>1</v>
      </c>
      <c r="AX39" s="286">
        <v>0</v>
      </c>
      <c r="AY39" s="287">
        <v>2</v>
      </c>
      <c r="AZ39" s="287">
        <v>1</v>
      </c>
      <c r="BA39" s="287">
        <v>6</v>
      </c>
      <c r="BB39" s="287">
        <v>9</v>
      </c>
      <c r="BC39" s="287">
        <v>4</v>
      </c>
      <c r="BD39" s="288">
        <v>22</v>
      </c>
      <c r="BE39" s="289">
        <v>23</v>
      </c>
      <c r="BF39" s="283">
        <v>0</v>
      </c>
      <c r="BG39" s="287">
        <v>0</v>
      </c>
      <c r="BH39" s="284">
        <v>0</v>
      </c>
      <c r="BI39" s="286">
        <v>0</v>
      </c>
      <c r="BJ39" s="287">
        <v>7</v>
      </c>
      <c r="BK39" s="287">
        <v>3</v>
      </c>
      <c r="BL39" s="287">
        <v>7</v>
      </c>
      <c r="BM39" s="287">
        <v>4</v>
      </c>
      <c r="BN39" s="287">
        <v>2</v>
      </c>
      <c r="BO39" s="284">
        <v>23</v>
      </c>
      <c r="BP39" s="289">
        <v>23</v>
      </c>
      <c r="BQ39" s="283">
        <v>3</v>
      </c>
      <c r="BR39" s="287">
        <v>2</v>
      </c>
      <c r="BS39" s="284">
        <v>5</v>
      </c>
      <c r="BT39" s="286">
        <v>0</v>
      </c>
      <c r="BU39" s="287">
        <v>8</v>
      </c>
      <c r="BV39" s="287">
        <v>1</v>
      </c>
      <c r="BW39" s="287">
        <v>4</v>
      </c>
      <c r="BX39" s="287">
        <v>3</v>
      </c>
      <c r="BY39" s="287">
        <v>1</v>
      </c>
      <c r="BZ39" s="284">
        <v>17</v>
      </c>
      <c r="CA39" s="289">
        <v>22</v>
      </c>
      <c r="CB39" s="283">
        <v>0</v>
      </c>
      <c r="CC39" s="287">
        <v>0</v>
      </c>
      <c r="CD39" s="284">
        <v>0</v>
      </c>
      <c r="CE39" s="286">
        <v>0</v>
      </c>
      <c r="CF39" s="287">
        <v>0</v>
      </c>
      <c r="CG39" s="287">
        <v>2</v>
      </c>
      <c r="CH39" s="287">
        <v>5</v>
      </c>
      <c r="CI39" s="287">
        <v>2</v>
      </c>
      <c r="CJ39" s="287">
        <v>0</v>
      </c>
      <c r="CK39" s="284">
        <v>9</v>
      </c>
      <c r="CL39" s="289">
        <v>9</v>
      </c>
      <c r="CM39" s="283">
        <v>0</v>
      </c>
      <c r="CN39" s="287">
        <v>0</v>
      </c>
      <c r="CO39" s="284">
        <v>0</v>
      </c>
      <c r="CP39" s="286">
        <v>0</v>
      </c>
      <c r="CQ39" s="287">
        <v>0</v>
      </c>
      <c r="CR39" s="287">
        <v>0</v>
      </c>
      <c r="CS39" s="287">
        <v>0</v>
      </c>
      <c r="CT39" s="287">
        <v>1</v>
      </c>
      <c r="CU39" s="287">
        <v>1</v>
      </c>
      <c r="CV39" s="284">
        <v>2</v>
      </c>
      <c r="CW39" s="289">
        <v>2</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12</v>
      </c>
      <c r="DU39" s="287">
        <v>4</v>
      </c>
      <c r="DV39" s="284">
        <v>16</v>
      </c>
      <c r="DW39" s="286">
        <v>0</v>
      </c>
      <c r="DX39" s="287">
        <v>18</v>
      </c>
      <c r="DY39" s="287">
        <v>15</v>
      </c>
      <c r="DZ39" s="287">
        <v>17</v>
      </c>
      <c r="EA39" s="287">
        <v>10</v>
      </c>
      <c r="EB39" s="287">
        <v>5</v>
      </c>
      <c r="EC39" s="284">
        <v>65</v>
      </c>
      <c r="ED39" s="289">
        <v>81</v>
      </c>
      <c r="EE39" s="283">
        <v>0</v>
      </c>
      <c r="EF39" s="287">
        <v>0</v>
      </c>
      <c r="EG39" s="284">
        <v>0</v>
      </c>
      <c r="EH39" s="286">
        <v>0</v>
      </c>
      <c r="EI39" s="287">
        <v>0</v>
      </c>
      <c r="EJ39" s="287">
        <v>0</v>
      </c>
      <c r="EK39" s="287">
        <v>0</v>
      </c>
      <c r="EL39" s="287">
        <v>2</v>
      </c>
      <c r="EM39" s="287">
        <v>0</v>
      </c>
      <c r="EN39" s="284">
        <v>2</v>
      </c>
      <c r="EO39" s="289">
        <v>2</v>
      </c>
      <c r="EP39" s="283">
        <v>14</v>
      </c>
      <c r="EQ39" s="287">
        <v>5</v>
      </c>
      <c r="ER39" s="284">
        <v>19</v>
      </c>
      <c r="ES39" s="286">
        <v>0</v>
      </c>
      <c r="ET39" s="287">
        <v>28</v>
      </c>
      <c r="EU39" s="287">
        <v>18</v>
      </c>
      <c r="EV39" s="287">
        <v>20</v>
      </c>
      <c r="EW39" s="287">
        <v>11</v>
      </c>
      <c r="EX39" s="287">
        <v>6</v>
      </c>
      <c r="EY39" s="284">
        <v>83</v>
      </c>
      <c r="EZ39" s="289">
        <v>102</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255" customWidth="1"/>
    <col min="2" max="2" width="10.6640625" style="255" customWidth="1"/>
    <col min="3"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5">
        <f>第１表!F2</f>
        <v>5</v>
      </c>
      <c r="J1" s="525"/>
      <c r="K1" s="248">
        <f>第１表!G2</f>
        <v>7</v>
      </c>
      <c r="L1" s="529">
        <f>IF(K1&lt;3,K1+12-2,K1-2)</f>
        <v>5</v>
      </c>
      <c r="M1" s="529"/>
    </row>
    <row r="2" spans="2:156" ht="24" customHeight="1" thickBot="1" x14ac:dyDescent="0.25">
      <c r="B2" s="290" t="s">
        <v>130</v>
      </c>
      <c r="G2" s="247"/>
      <c r="H2" s="248"/>
      <c r="J2" s="320"/>
      <c r="K2" s="320"/>
    </row>
    <row r="3" spans="2:156" ht="21" customHeight="1" thickBot="1" x14ac:dyDescent="0.25">
      <c r="B3" s="542"/>
      <c r="C3" s="533" t="s">
        <v>70</v>
      </c>
      <c r="D3" s="534"/>
      <c r="E3" s="534"/>
      <c r="F3" s="534"/>
      <c r="G3" s="534"/>
      <c r="H3" s="534"/>
      <c r="I3" s="534"/>
      <c r="J3" s="534"/>
      <c r="K3" s="534"/>
      <c r="L3" s="534"/>
      <c r="M3" s="535"/>
      <c r="N3" s="533" t="s">
        <v>71</v>
      </c>
      <c r="O3" s="534"/>
      <c r="P3" s="534"/>
      <c r="Q3" s="534"/>
      <c r="R3" s="534"/>
      <c r="S3" s="534"/>
      <c r="T3" s="534"/>
      <c r="U3" s="534"/>
      <c r="V3" s="534"/>
      <c r="W3" s="534"/>
      <c r="X3" s="535"/>
      <c r="Y3" s="533" t="s">
        <v>72</v>
      </c>
      <c r="Z3" s="534"/>
      <c r="AA3" s="534"/>
      <c r="AB3" s="534"/>
      <c r="AC3" s="534"/>
      <c r="AD3" s="534"/>
      <c r="AE3" s="534"/>
      <c r="AF3" s="534"/>
      <c r="AG3" s="534"/>
      <c r="AH3" s="534"/>
      <c r="AI3" s="535"/>
      <c r="AJ3" s="533" t="s">
        <v>73</v>
      </c>
      <c r="AK3" s="534"/>
      <c r="AL3" s="534"/>
      <c r="AM3" s="534"/>
      <c r="AN3" s="534"/>
      <c r="AO3" s="534"/>
      <c r="AP3" s="534"/>
      <c r="AQ3" s="534"/>
      <c r="AR3" s="534"/>
      <c r="AS3" s="534"/>
      <c r="AT3" s="535"/>
      <c r="AU3" s="533" t="s">
        <v>74</v>
      </c>
      <c r="AV3" s="534"/>
      <c r="AW3" s="534"/>
      <c r="AX3" s="534"/>
      <c r="AY3" s="534"/>
      <c r="AZ3" s="534"/>
      <c r="BA3" s="534"/>
      <c r="BB3" s="534"/>
      <c r="BC3" s="534"/>
      <c r="BD3" s="534"/>
      <c r="BE3" s="535"/>
      <c r="BF3" s="533" t="s">
        <v>75</v>
      </c>
      <c r="BG3" s="534"/>
      <c r="BH3" s="534"/>
      <c r="BI3" s="534"/>
      <c r="BJ3" s="534"/>
      <c r="BK3" s="534"/>
      <c r="BL3" s="534"/>
      <c r="BM3" s="534"/>
      <c r="BN3" s="534"/>
      <c r="BO3" s="534"/>
      <c r="BP3" s="535"/>
      <c r="BQ3" s="533" t="s">
        <v>76</v>
      </c>
      <c r="BR3" s="534"/>
      <c r="BS3" s="534"/>
      <c r="BT3" s="534"/>
      <c r="BU3" s="534"/>
      <c r="BV3" s="534"/>
      <c r="BW3" s="534"/>
      <c r="BX3" s="534"/>
      <c r="BY3" s="534"/>
      <c r="BZ3" s="534"/>
      <c r="CA3" s="535"/>
      <c r="CB3" s="533" t="s">
        <v>77</v>
      </c>
      <c r="CC3" s="534"/>
      <c r="CD3" s="534"/>
      <c r="CE3" s="534"/>
      <c r="CF3" s="534"/>
      <c r="CG3" s="534"/>
      <c r="CH3" s="534"/>
      <c r="CI3" s="534"/>
      <c r="CJ3" s="534"/>
      <c r="CK3" s="534"/>
      <c r="CL3" s="535"/>
      <c r="CM3" s="533" t="s">
        <v>78</v>
      </c>
      <c r="CN3" s="534"/>
      <c r="CO3" s="534"/>
      <c r="CP3" s="534"/>
      <c r="CQ3" s="534"/>
      <c r="CR3" s="534"/>
      <c r="CS3" s="534"/>
      <c r="CT3" s="534"/>
      <c r="CU3" s="534"/>
      <c r="CV3" s="534"/>
      <c r="CW3" s="535"/>
      <c r="CX3" s="533" t="s">
        <v>79</v>
      </c>
      <c r="CY3" s="534"/>
      <c r="CZ3" s="534"/>
      <c r="DA3" s="534"/>
      <c r="DB3" s="534"/>
      <c r="DC3" s="534"/>
      <c r="DD3" s="534"/>
      <c r="DE3" s="534"/>
      <c r="DF3" s="534"/>
      <c r="DG3" s="534"/>
      <c r="DH3" s="535"/>
      <c r="DI3" s="533" t="s">
        <v>151</v>
      </c>
      <c r="DJ3" s="534"/>
      <c r="DK3" s="534"/>
      <c r="DL3" s="534"/>
      <c r="DM3" s="534"/>
      <c r="DN3" s="534"/>
      <c r="DO3" s="534"/>
      <c r="DP3" s="534"/>
      <c r="DQ3" s="534"/>
      <c r="DR3" s="534"/>
      <c r="DS3" s="535"/>
      <c r="DT3" s="533" t="s">
        <v>80</v>
      </c>
      <c r="DU3" s="534"/>
      <c r="DV3" s="534"/>
      <c r="DW3" s="534"/>
      <c r="DX3" s="534"/>
      <c r="DY3" s="534"/>
      <c r="DZ3" s="534"/>
      <c r="EA3" s="534"/>
      <c r="EB3" s="534"/>
      <c r="EC3" s="534"/>
      <c r="ED3" s="535"/>
      <c r="EE3" s="533" t="s">
        <v>68</v>
      </c>
      <c r="EF3" s="534"/>
      <c r="EG3" s="534"/>
      <c r="EH3" s="534"/>
      <c r="EI3" s="534"/>
      <c r="EJ3" s="534"/>
      <c r="EK3" s="534"/>
      <c r="EL3" s="534"/>
      <c r="EM3" s="534"/>
      <c r="EN3" s="534"/>
      <c r="EO3" s="535"/>
      <c r="EP3" s="530" t="s">
        <v>69</v>
      </c>
      <c r="EQ3" s="531"/>
      <c r="ER3" s="531"/>
      <c r="ES3" s="531"/>
      <c r="ET3" s="531"/>
      <c r="EU3" s="531"/>
      <c r="EV3" s="531"/>
      <c r="EW3" s="531"/>
      <c r="EX3" s="531"/>
      <c r="EY3" s="531"/>
      <c r="EZ3" s="532"/>
    </row>
    <row r="4" spans="2:156" ht="21"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38"/>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c r="DI4" s="541" t="s">
        <v>61</v>
      </c>
      <c r="DJ4" s="537"/>
      <c r="DK4" s="538"/>
      <c r="DL4" s="536" t="s">
        <v>62</v>
      </c>
      <c r="DM4" s="537"/>
      <c r="DN4" s="537"/>
      <c r="DO4" s="537"/>
      <c r="DP4" s="537"/>
      <c r="DQ4" s="537"/>
      <c r="DR4" s="538"/>
      <c r="DS4" s="539" t="s">
        <v>52</v>
      </c>
      <c r="DT4" s="541" t="s">
        <v>61</v>
      </c>
      <c r="DU4" s="537"/>
      <c r="DV4" s="538"/>
      <c r="DW4" s="536" t="s">
        <v>62</v>
      </c>
      <c r="DX4" s="537"/>
      <c r="DY4" s="537"/>
      <c r="DZ4" s="537"/>
      <c r="EA4" s="537"/>
      <c r="EB4" s="537"/>
      <c r="EC4" s="538"/>
      <c r="ED4" s="539" t="s">
        <v>52</v>
      </c>
      <c r="EE4" s="541" t="s">
        <v>61</v>
      </c>
      <c r="EF4" s="537"/>
      <c r="EG4" s="538"/>
      <c r="EH4" s="536" t="s">
        <v>62</v>
      </c>
      <c r="EI4" s="537"/>
      <c r="EJ4" s="537"/>
      <c r="EK4" s="537"/>
      <c r="EL4" s="537"/>
      <c r="EM4" s="537"/>
      <c r="EN4" s="538"/>
      <c r="EO4" s="539" t="s">
        <v>52</v>
      </c>
      <c r="EP4" s="541" t="s">
        <v>61</v>
      </c>
      <c r="EQ4" s="537"/>
      <c r="ER4" s="538"/>
      <c r="ES4" s="536" t="s">
        <v>62</v>
      </c>
      <c r="ET4" s="537"/>
      <c r="EU4" s="537"/>
      <c r="EV4" s="537"/>
      <c r="EW4" s="537"/>
      <c r="EX4" s="537"/>
      <c r="EY4" s="538"/>
      <c r="EZ4" s="539" t="s">
        <v>52</v>
      </c>
    </row>
    <row r="5" spans="2:156" ht="30" customHeight="1" thickBot="1" x14ac:dyDescent="0.25">
      <c r="B5" s="544"/>
      <c r="C5" s="321" t="s">
        <v>43</v>
      </c>
      <c r="D5" s="259" t="s">
        <v>44</v>
      </c>
      <c r="E5" s="380" t="s">
        <v>45</v>
      </c>
      <c r="F5" s="267" t="s">
        <v>83</v>
      </c>
      <c r="G5" s="259" t="s">
        <v>47</v>
      </c>
      <c r="H5" s="259" t="s">
        <v>48</v>
      </c>
      <c r="I5" s="259" t="s">
        <v>49</v>
      </c>
      <c r="J5" s="259" t="s">
        <v>50</v>
      </c>
      <c r="K5" s="259" t="s">
        <v>51</v>
      </c>
      <c r="L5" s="268" t="s">
        <v>45</v>
      </c>
      <c r="M5" s="540"/>
      <c r="N5" s="321" t="s">
        <v>43</v>
      </c>
      <c r="O5" s="259" t="s">
        <v>44</v>
      </c>
      <c r="P5" s="265" t="s">
        <v>45</v>
      </c>
      <c r="Q5" s="267" t="s">
        <v>83</v>
      </c>
      <c r="R5" s="259" t="s">
        <v>47</v>
      </c>
      <c r="S5" s="259" t="s">
        <v>48</v>
      </c>
      <c r="T5" s="259" t="s">
        <v>49</v>
      </c>
      <c r="U5" s="259" t="s">
        <v>50</v>
      </c>
      <c r="V5" s="259" t="s">
        <v>51</v>
      </c>
      <c r="W5" s="265" t="s">
        <v>45</v>
      </c>
      <c r="X5" s="540"/>
      <c r="Y5" s="321" t="s">
        <v>43</v>
      </c>
      <c r="Z5" s="259" t="s">
        <v>44</v>
      </c>
      <c r="AA5" s="265" t="s">
        <v>45</v>
      </c>
      <c r="AB5" s="267" t="s">
        <v>83</v>
      </c>
      <c r="AC5" s="259" t="s">
        <v>47</v>
      </c>
      <c r="AD5" s="259" t="s">
        <v>48</v>
      </c>
      <c r="AE5" s="259" t="s">
        <v>49</v>
      </c>
      <c r="AF5" s="259" t="s">
        <v>50</v>
      </c>
      <c r="AG5" s="259" t="s">
        <v>51</v>
      </c>
      <c r="AH5" s="265" t="s">
        <v>45</v>
      </c>
      <c r="AI5" s="540"/>
      <c r="AJ5" s="321" t="s">
        <v>43</v>
      </c>
      <c r="AK5" s="259" t="s">
        <v>44</v>
      </c>
      <c r="AL5" s="265" t="s">
        <v>45</v>
      </c>
      <c r="AM5" s="267" t="s">
        <v>83</v>
      </c>
      <c r="AN5" s="259" t="s">
        <v>47</v>
      </c>
      <c r="AO5" s="259" t="s">
        <v>48</v>
      </c>
      <c r="AP5" s="259" t="s">
        <v>49</v>
      </c>
      <c r="AQ5" s="259" t="s">
        <v>50</v>
      </c>
      <c r="AR5" s="259" t="s">
        <v>51</v>
      </c>
      <c r="AS5" s="265" t="s">
        <v>45</v>
      </c>
      <c r="AT5" s="540"/>
      <c r="AU5" s="321" t="s">
        <v>43</v>
      </c>
      <c r="AV5" s="259" t="s">
        <v>44</v>
      </c>
      <c r="AW5" s="265" t="s">
        <v>45</v>
      </c>
      <c r="AX5" s="267" t="s">
        <v>83</v>
      </c>
      <c r="AY5" s="259" t="s">
        <v>47</v>
      </c>
      <c r="AZ5" s="259" t="s">
        <v>48</v>
      </c>
      <c r="BA5" s="259" t="s">
        <v>49</v>
      </c>
      <c r="BB5" s="259" t="s">
        <v>50</v>
      </c>
      <c r="BC5" s="259" t="s">
        <v>51</v>
      </c>
      <c r="BD5" s="268" t="s">
        <v>45</v>
      </c>
      <c r="BE5" s="540"/>
      <c r="BF5" s="321" t="s">
        <v>43</v>
      </c>
      <c r="BG5" s="259" t="s">
        <v>44</v>
      </c>
      <c r="BH5" s="265" t="s">
        <v>45</v>
      </c>
      <c r="BI5" s="267" t="s">
        <v>83</v>
      </c>
      <c r="BJ5" s="259" t="s">
        <v>47</v>
      </c>
      <c r="BK5" s="259" t="s">
        <v>48</v>
      </c>
      <c r="BL5" s="259" t="s">
        <v>49</v>
      </c>
      <c r="BM5" s="259" t="s">
        <v>50</v>
      </c>
      <c r="BN5" s="259" t="s">
        <v>51</v>
      </c>
      <c r="BO5" s="265" t="s">
        <v>45</v>
      </c>
      <c r="BP5" s="540"/>
      <c r="BQ5" s="321" t="s">
        <v>43</v>
      </c>
      <c r="BR5" s="259" t="s">
        <v>44</v>
      </c>
      <c r="BS5" s="265" t="s">
        <v>45</v>
      </c>
      <c r="BT5" s="267" t="s">
        <v>83</v>
      </c>
      <c r="BU5" s="259" t="s">
        <v>47</v>
      </c>
      <c r="BV5" s="259" t="s">
        <v>48</v>
      </c>
      <c r="BW5" s="259" t="s">
        <v>49</v>
      </c>
      <c r="BX5" s="259" t="s">
        <v>50</v>
      </c>
      <c r="BY5" s="259" t="s">
        <v>51</v>
      </c>
      <c r="BZ5" s="265" t="s">
        <v>45</v>
      </c>
      <c r="CA5" s="540"/>
      <c r="CB5" s="321" t="s">
        <v>43</v>
      </c>
      <c r="CC5" s="259" t="s">
        <v>44</v>
      </c>
      <c r="CD5" s="265" t="s">
        <v>45</v>
      </c>
      <c r="CE5" s="267" t="s">
        <v>83</v>
      </c>
      <c r="CF5" s="259" t="s">
        <v>47</v>
      </c>
      <c r="CG5" s="259" t="s">
        <v>48</v>
      </c>
      <c r="CH5" s="259" t="s">
        <v>49</v>
      </c>
      <c r="CI5" s="259" t="s">
        <v>50</v>
      </c>
      <c r="CJ5" s="259" t="s">
        <v>51</v>
      </c>
      <c r="CK5" s="265" t="s">
        <v>45</v>
      </c>
      <c r="CL5" s="540"/>
      <c r="CM5" s="321" t="s">
        <v>43</v>
      </c>
      <c r="CN5" s="259" t="s">
        <v>44</v>
      </c>
      <c r="CO5" s="265" t="s">
        <v>45</v>
      </c>
      <c r="CP5" s="267" t="s">
        <v>83</v>
      </c>
      <c r="CQ5" s="259" t="s">
        <v>47</v>
      </c>
      <c r="CR5" s="259" t="s">
        <v>48</v>
      </c>
      <c r="CS5" s="259" t="s">
        <v>49</v>
      </c>
      <c r="CT5" s="259" t="s">
        <v>50</v>
      </c>
      <c r="CU5" s="259" t="s">
        <v>51</v>
      </c>
      <c r="CV5" s="265" t="s">
        <v>45</v>
      </c>
      <c r="CW5" s="540"/>
      <c r="CX5" s="321" t="s">
        <v>43</v>
      </c>
      <c r="CY5" s="259" t="s">
        <v>44</v>
      </c>
      <c r="CZ5" s="265" t="s">
        <v>45</v>
      </c>
      <c r="DA5" s="267" t="s">
        <v>83</v>
      </c>
      <c r="DB5" s="259" t="s">
        <v>47</v>
      </c>
      <c r="DC5" s="259" t="s">
        <v>48</v>
      </c>
      <c r="DD5" s="259" t="s">
        <v>49</v>
      </c>
      <c r="DE5" s="259" t="s">
        <v>50</v>
      </c>
      <c r="DF5" s="259" t="s">
        <v>51</v>
      </c>
      <c r="DG5" s="265" t="s">
        <v>45</v>
      </c>
      <c r="DH5" s="540"/>
      <c r="DI5" s="342" t="s">
        <v>43</v>
      </c>
      <c r="DJ5" s="259" t="s">
        <v>44</v>
      </c>
      <c r="DK5" s="265" t="s">
        <v>45</v>
      </c>
      <c r="DL5" s="267" t="s">
        <v>83</v>
      </c>
      <c r="DM5" s="259" t="s">
        <v>47</v>
      </c>
      <c r="DN5" s="259" t="s">
        <v>48</v>
      </c>
      <c r="DO5" s="259" t="s">
        <v>49</v>
      </c>
      <c r="DP5" s="259" t="s">
        <v>50</v>
      </c>
      <c r="DQ5" s="259" t="s">
        <v>51</v>
      </c>
      <c r="DR5" s="265" t="s">
        <v>45</v>
      </c>
      <c r="DS5" s="540"/>
      <c r="DT5" s="321" t="s">
        <v>43</v>
      </c>
      <c r="DU5" s="259" t="s">
        <v>44</v>
      </c>
      <c r="DV5" s="265" t="s">
        <v>45</v>
      </c>
      <c r="DW5" s="267" t="s">
        <v>83</v>
      </c>
      <c r="DX5" s="259" t="s">
        <v>47</v>
      </c>
      <c r="DY5" s="259" t="s">
        <v>48</v>
      </c>
      <c r="DZ5" s="259" t="s">
        <v>49</v>
      </c>
      <c r="EA5" s="259" t="s">
        <v>50</v>
      </c>
      <c r="EB5" s="259" t="s">
        <v>51</v>
      </c>
      <c r="EC5" s="265" t="s">
        <v>45</v>
      </c>
      <c r="ED5" s="540"/>
      <c r="EE5" s="321" t="s">
        <v>43</v>
      </c>
      <c r="EF5" s="259" t="s">
        <v>44</v>
      </c>
      <c r="EG5" s="265" t="s">
        <v>45</v>
      </c>
      <c r="EH5" s="267" t="s">
        <v>83</v>
      </c>
      <c r="EI5" s="259" t="s">
        <v>47</v>
      </c>
      <c r="EJ5" s="259" t="s">
        <v>48</v>
      </c>
      <c r="EK5" s="259" t="s">
        <v>49</v>
      </c>
      <c r="EL5" s="259" t="s">
        <v>50</v>
      </c>
      <c r="EM5" s="259" t="s">
        <v>51</v>
      </c>
      <c r="EN5" s="265" t="s">
        <v>45</v>
      </c>
      <c r="EO5" s="540"/>
      <c r="EP5" s="321" t="s">
        <v>43</v>
      </c>
      <c r="EQ5" s="259" t="s">
        <v>44</v>
      </c>
      <c r="ER5" s="265" t="s">
        <v>45</v>
      </c>
      <c r="ES5" s="267" t="s">
        <v>83</v>
      </c>
      <c r="ET5" s="259" t="s">
        <v>47</v>
      </c>
      <c r="EU5" s="259" t="s">
        <v>48</v>
      </c>
      <c r="EV5" s="259" t="s">
        <v>49</v>
      </c>
      <c r="EW5" s="259" t="s">
        <v>50</v>
      </c>
      <c r="EX5" s="259" t="s">
        <v>51</v>
      </c>
      <c r="EY5" s="265" t="s">
        <v>45</v>
      </c>
      <c r="EZ5" s="540"/>
    </row>
    <row r="6" spans="2:156" ht="21" customHeight="1" x14ac:dyDescent="0.2">
      <c r="B6" s="260" t="s">
        <v>4</v>
      </c>
      <c r="C6" s="269">
        <v>0</v>
      </c>
      <c r="D6" s="273">
        <v>0</v>
      </c>
      <c r="E6" s="381">
        <v>0</v>
      </c>
      <c r="F6" s="272">
        <v>0</v>
      </c>
      <c r="G6" s="273">
        <v>1238</v>
      </c>
      <c r="H6" s="273">
        <v>1354</v>
      </c>
      <c r="I6" s="273">
        <v>771</v>
      </c>
      <c r="J6" s="273">
        <v>589</v>
      </c>
      <c r="K6" s="273">
        <v>411</v>
      </c>
      <c r="L6" s="274">
        <v>4363</v>
      </c>
      <c r="M6" s="275">
        <v>4363</v>
      </c>
      <c r="N6" s="269">
        <v>0</v>
      </c>
      <c r="O6" s="273">
        <v>1</v>
      </c>
      <c r="P6" s="270">
        <v>1</v>
      </c>
      <c r="Q6" s="272">
        <v>0</v>
      </c>
      <c r="R6" s="273">
        <v>7</v>
      </c>
      <c r="S6" s="273">
        <v>37</v>
      </c>
      <c r="T6" s="273">
        <v>66</v>
      </c>
      <c r="U6" s="273">
        <v>138</v>
      </c>
      <c r="V6" s="273">
        <v>202</v>
      </c>
      <c r="W6" s="270">
        <v>450</v>
      </c>
      <c r="X6" s="275">
        <v>451</v>
      </c>
      <c r="Y6" s="269">
        <v>190</v>
      </c>
      <c r="Z6" s="273">
        <v>382</v>
      </c>
      <c r="AA6" s="270">
        <v>572</v>
      </c>
      <c r="AB6" s="272">
        <v>0</v>
      </c>
      <c r="AC6" s="273">
        <v>934</v>
      </c>
      <c r="AD6" s="273">
        <v>1261</v>
      </c>
      <c r="AE6" s="273">
        <v>779</v>
      </c>
      <c r="AF6" s="273">
        <v>652</v>
      </c>
      <c r="AG6" s="273">
        <v>398</v>
      </c>
      <c r="AH6" s="270">
        <v>4024</v>
      </c>
      <c r="AI6" s="275">
        <v>4596</v>
      </c>
      <c r="AJ6" s="269">
        <v>18</v>
      </c>
      <c r="AK6" s="273">
        <v>55</v>
      </c>
      <c r="AL6" s="270">
        <v>73</v>
      </c>
      <c r="AM6" s="272">
        <v>0</v>
      </c>
      <c r="AN6" s="273">
        <v>87</v>
      </c>
      <c r="AO6" s="273">
        <v>132</v>
      </c>
      <c r="AP6" s="273">
        <v>74</v>
      </c>
      <c r="AQ6" s="273">
        <v>72</v>
      </c>
      <c r="AR6" s="273">
        <v>26</v>
      </c>
      <c r="AS6" s="270">
        <v>391</v>
      </c>
      <c r="AT6" s="275">
        <v>464</v>
      </c>
      <c r="AU6" s="269">
        <v>293</v>
      </c>
      <c r="AV6" s="273">
        <v>314</v>
      </c>
      <c r="AW6" s="270">
        <v>607</v>
      </c>
      <c r="AX6" s="272">
        <v>0</v>
      </c>
      <c r="AY6" s="273">
        <v>1353</v>
      </c>
      <c r="AZ6" s="273">
        <v>1579</v>
      </c>
      <c r="BA6" s="273">
        <v>1436</v>
      </c>
      <c r="BB6" s="273">
        <v>1301</v>
      </c>
      <c r="BC6" s="273">
        <v>899</v>
      </c>
      <c r="BD6" s="274">
        <v>6568</v>
      </c>
      <c r="BE6" s="275">
        <v>7175</v>
      </c>
      <c r="BF6" s="269">
        <v>0</v>
      </c>
      <c r="BG6" s="273">
        <v>0</v>
      </c>
      <c r="BH6" s="270">
        <v>0</v>
      </c>
      <c r="BI6" s="272">
        <v>0</v>
      </c>
      <c r="BJ6" s="273">
        <v>1638</v>
      </c>
      <c r="BK6" s="273">
        <v>1449</v>
      </c>
      <c r="BL6" s="273">
        <v>750</v>
      </c>
      <c r="BM6" s="273">
        <v>412</v>
      </c>
      <c r="BN6" s="273">
        <v>151</v>
      </c>
      <c r="BO6" s="270">
        <v>4400</v>
      </c>
      <c r="BP6" s="275">
        <v>4400</v>
      </c>
      <c r="BQ6" s="269">
        <v>137</v>
      </c>
      <c r="BR6" s="273">
        <v>169</v>
      </c>
      <c r="BS6" s="270">
        <v>306</v>
      </c>
      <c r="BT6" s="272">
        <v>0</v>
      </c>
      <c r="BU6" s="273">
        <v>357</v>
      </c>
      <c r="BV6" s="273">
        <v>521</v>
      </c>
      <c r="BW6" s="273">
        <v>321</v>
      </c>
      <c r="BX6" s="273">
        <v>176</v>
      </c>
      <c r="BY6" s="273">
        <v>64</v>
      </c>
      <c r="BZ6" s="270">
        <v>1439</v>
      </c>
      <c r="CA6" s="275">
        <v>1745</v>
      </c>
      <c r="CB6" s="269">
        <v>9</v>
      </c>
      <c r="CC6" s="273">
        <v>19</v>
      </c>
      <c r="CD6" s="270">
        <v>28</v>
      </c>
      <c r="CE6" s="272">
        <v>0</v>
      </c>
      <c r="CF6" s="273">
        <v>184</v>
      </c>
      <c r="CG6" s="273">
        <v>255</v>
      </c>
      <c r="CH6" s="273">
        <v>329</v>
      </c>
      <c r="CI6" s="273">
        <v>229</v>
      </c>
      <c r="CJ6" s="273">
        <v>93</v>
      </c>
      <c r="CK6" s="270">
        <v>1090</v>
      </c>
      <c r="CL6" s="275">
        <v>1118</v>
      </c>
      <c r="CM6" s="269">
        <v>1</v>
      </c>
      <c r="CN6" s="273">
        <v>1</v>
      </c>
      <c r="CO6" s="270">
        <v>2</v>
      </c>
      <c r="CP6" s="272">
        <v>0</v>
      </c>
      <c r="CQ6" s="273">
        <v>19</v>
      </c>
      <c r="CR6" s="273">
        <v>43</v>
      </c>
      <c r="CS6" s="273">
        <v>52</v>
      </c>
      <c r="CT6" s="273">
        <v>39</v>
      </c>
      <c r="CU6" s="273">
        <v>31</v>
      </c>
      <c r="CV6" s="270">
        <v>184</v>
      </c>
      <c r="CW6" s="275">
        <v>186</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30</v>
      </c>
      <c r="DU6" s="273">
        <v>1282</v>
      </c>
      <c r="DV6" s="270">
        <v>1912</v>
      </c>
      <c r="DW6" s="272">
        <v>0</v>
      </c>
      <c r="DX6" s="273">
        <v>1796</v>
      </c>
      <c r="DY6" s="273">
        <v>3113</v>
      </c>
      <c r="DZ6" s="273">
        <v>1878</v>
      </c>
      <c r="EA6" s="273">
        <v>1325</v>
      </c>
      <c r="EB6" s="273">
        <v>741</v>
      </c>
      <c r="EC6" s="270">
        <v>8853</v>
      </c>
      <c r="ED6" s="275">
        <v>10765</v>
      </c>
      <c r="EE6" s="269">
        <v>191</v>
      </c>
      <c r="EF6" s="273">
        <v>133</v>
      </c>
      <c r="EG6" s="270">
        <v>324</v>
      </c>
      <c r="EH6" s="272">
        <v>0</v>
      </c>
      <c r="EI6" s="273">
        <v>536</v>
      </c>
      <c r="EJ6" s="273">
        <v>482</v>
      </c>
      <c r="EK6" s="273">
        <v>437</v>
      </c>
      <c r="EL6" s="273">
        <v>454</v>
      </c>
      <c r="EM6" s="273">
        <v>270</v>
      </c>
      <c r="EN6" s="270">
        <v>2179</v>
      </c>
      <c r="EO6" s="275">
        <v>2503</v>
      </c>
      <c r="EP6" s="269">
        <v>911</v>
      </c>
      <c r="EQ6" s="273">
        <v>1627</v>
      </c>
      <c r="ER6" s="270">
        <v>2538</v>
      </c>
      <c r="ES6" s="272">
        <v>0</v>
      </c>
      <c r="ET6" s="273">
        <v>4298</v>
      </c>
      <c r="EU6" s="273">
        <v>4304</v>
      </c>
      <c r="EV6" s="273">
        <v>2296</v>
      </c>
      <c r="EW6" s="273">
        <v>1433</v>
      </c>
      <c r="EX6" s="273">
        <v>759</v>
      </c>
      <c r="EY6" s="270">
        <v>13090</v>
      </c>
      <c r="EZ6" s="275">
        <v>15628</v>
      </c>
    </row>
    <row r="7" spans="2:156" ht="21" customHeight="1" x14ac:dyDescent="0.2">
      <c r="B7" s="261" t="s">
        <v>5</v>
      </c>
      <c r="C7" s="276">
        <v>0</v>
      </c>
      <c r="D7" s="280">
        <v>0</v>
      </c>
      <c r="E7" s="382">
        <v>0</v>
      </c>
      <c r="F7" s="279">
        <v>0</v>
      </c>
      <c r="G7" s="280">
        <v>519</v>
      </c>
      <c r="H7" s="280">
        <v>648</v>
      </c>
      <c r="I7" s="280">
        <v>360</v>
      </c>
      <c r="J7" s="280">
        <v>259</v>
      </c>
      <c r="K7" s="280">
        <v>182</v>
      </c>
      <c r="L7" s="281">
        <v>1968</v>
      </c>
      <c r="M7" s="282">
        <v>1968</v>
      </c>
      <c r="N7" s="276">
        <v>0</v>
      </c>
      <c r="O7" s="280">
        <v>0</v>
      </c>
      <c r="P7" s="277">
        <v>0</v>
      </c>
      <c r="Q7" s="279">
        <v>0</v>
      </c>
      <c r="R7" s="280">
        <v>1</v>
      </c>
      <c r="S7" s="280">
        <v>17</v>
      </c>
      <c r="T7" s="280">
        <v>25</v>
      </c>
      <c r="U7" s="280">
        <v>64</v>
      </c>
      <c r="V7" s="280">
        <v>95</v>
      </c>
      <c r="W7" s="277">
        <v>202</v>
      </c>
      <c r="X7" s="282">
        <v>202</v>
      </c>
      <c r="Y7" s="276">
        <v>92</v>
      </c>
      <c r="Z7" s="280">
        <v>205</v>
      </c>
      <c r="AA7" s="277">
        <v>297</v>
      </c>
      <c r="AB7" s="279">
        <v>0</v>
      </c>
      <c r="AC7" s="280">
        <v>370</v>
      </c>
      <c r="AD7" s="280">
        <v>655</v>
      </c>
      <c r="AE7" s="280">
        <v>389</v>
      </c>
      <c r="AF7" s="280">
        <v>312</v>
      </c>
      <c r="AG7" s="280">
        <v>175</v>
      </c>
      <c r="AH7" s="277">
        <v>1901</v>
      </c>
      <c r="AI7" s="282">
        <v>2198</v>
      </c>
      <c r="AJ7" s="276">
        <v>8</v>
      </c>
      <c r="AK7" s="280">
        <v>31</v>
      </c>
      <c r="AL7" s="277">
        <v>39</v>
      </c>
      <c r="AM7" s="279">
        <v>0</v>
      </c>
      <c r="AN7" s="280">
        <v>24</v>
      </c>
      <c r="AO7" s="280">
        <v>53</v>
      </c>
      <c r="AP7" s="280">
        <v>31</v>
      </c>
      <c r="AQ7" s="280">
        <v>29</v>
      </c>
      <c r="AR7" s="280">
        <v>7</v>
      </c>
      <c r="AS7" s="277">
        <v>144</v>
      </c>
      <c r="AT7" s="282">
        <v>183</v>
      </c>
      <c r="AU7" s="276">
        <v>132</v>
      </c>
      <c r="AV7" s="280">
        <v>177</v>
      </c>
      <c r="AW7" s="277">
        <v>309</v>
      </c>
      <c r="AX7" s="279">
        <v>0</v>
      </c>
      <c r="AY7" s="280">
        <v>483</v>
      </c>
      <c r="AZ7" s="280">
        <v>719</v>
      </c>
      <c r="BA7" s="280">
        <v>635</v>
      </c>
      <c r="BB7" s="280">
        <v>544</v>
      </c>
      <c r="BC7" s="280">
        <v>395</v>
      </c>
      <c r="BD7" s="281">
        <v>2776</v>
      </c>
      <c r="BE7" s="282">
        <v>3085</v>
      </c>
      <c r="BF7" s="276">
        <v>0</v>
      </c>
      <c r="BG7" s="280">
        <v>0</v>
      </c>
      <c r="BH7" s="277">
        <v>0</v>
      </c>
      <c r="BI7" s="279">
        <v>0</v>
      </c>
      <c r="BJ7" s="280">
        <v>589</v>
      </c>
      <c r="BK7" s="280">
        <v>642</v>
      </c>
      <c r="BL7" s="280">
        <v>314</v>
      </c>
      <c r="BM7" s="280">
        <v>151</v>
      </c>
      <c r="BN7" s="280">
        <v>62</v>
      </c>
      <c r="BO7" s="277">
        <v>1758</v>
      </c>
      <c r="BP7" s="282">
        <v>1758</v>
      </c>
      <c r="BQ7" s="276">
        <v>66</v>
      </c>
      <c r="BR7" s="280">
        <v>91</v>
      </c>
      <c r="BS7" s="277">
        <v>157</v>
      </c>
      <c r="BT7" s="279">
        <v>0</v>
      </c>
      <c r="BU7" s="280">
        <v>133</v>
      </c>
      <c r="BV7" s="280">
        <v>227</v>
      </c>
      <c r="BW7" s="280">
        <v>160</v>
      </c>
      <c r="BX7" s="280">
        <v>81</v>
      </c>
      <c r="BY7" s="280">
        <v>27</v>
      </c>
      <c r="BZ7" s="277">
        <v>628</v>
      </c>
      <c r="CA7" s="282">
        <v>785</v>
      </c>
      <c r="CB7" s="276">
        <v>2</v>
      </c>
      <c r="CC7" s="280">
        <v>7</v>
      </c>
      <c r="CD7" s="277">
        <v>9</v>
      </c>
      <c r="CE7" s="279">
        <v>0</v>
      </c>
      <c r="CF7" s="280">
        <v>65</v>
      </c>
      <c r="CG7" s="280">
        <v>105</v>
      </c>
      <c r="CH7" s="280">
        <v>137</v>
      </c>
      <c r="CI7" s="280">
        <v>83</v>
      </c>
      <c r="CJ7" s="280">
        <v>41</v>
      </c>
      <c r="CK7" s="277">
        <v>431</v>
      </c>
      <c r="CL7" s="282">
        <v>440</v>
      </c>
      <c r="CM7" s="276">
        <v>0</v>
      </c>
      <c r="CN7" s="280">
        <v>1</v>
      </c>
      <c r="CO7" s="277">
        <v>1</v>
      </c>
      <c r="CP7" s="279">
        <v>0</v>
      </c>
      <c r="CQ7" s="280">
        <v>9</v>
      </c>
      <c r="CR7" s="280">
        <v>24</v>
      </c>
      <c r="CS7" s="280">
        <v>31</v>
      </c>
      <c r="CT7" s="280">
        <v>24</v>
      </c>
      <c r="CU7" s="280">
        <v>16</v>
      </c>
      <c r="CV7" s="277">
        <v>104</v>
      </c>
      <c r="CW7" s="282">
        <v>105</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42</v>
      </c>
      <c r="DU7" s="280">
        <v>599</v>
      </c>
      <c r="DV7" s="277">
        <v>841</v>
      </c>
      <c r="DW7" s="279">
        <v>0</v>
      </c>
      <c r="DX7" s="280">
        <v>579</v>
      </c>
      <c r="DY7" s="280">
        <v>1410</v>
      </c>
      <c r="DZ7" s="280">
        <v>842</v>
      </c>
      <c r="EA7" s="280">
        <v>551</v>
      </c>
      <c r="EB7" s="280">
        <v>328</v>
      </c>
      <c r="EC7" s="277">
        <v>3710</v>
      </c>
      <c r="ED7" s="282">
        <v>4551</v>
      </c>
      <c r="EE7" s="276">
        <v>77</v>
      </c>
      <c r="EF7" s="280">
        <v>68</v>
      </c>
      <c r="EG7" s="277">
        <v>145</v>
      </c>
      <c r="EH7" s="279">
        <v>0</v>
      </c>
      <c r="EI7" s="280">
        <v>193</v>
      </c>
      <c r="EJ7" s="280">
        <v>220</v>
      </c>
      <c r="EK7" s="280">
        <v>205</v>
      </c>
      <c r="EL7" s="280">
        <v>206</v>
      </c>
      <c r="EM7" s="280">
        <v>133</v>
      </c>
      <c r="EN7" s="277">
        <v>957</v>
      </c>
      <c r="EO7" s="282">
        <v>1102</v>
      </c>
      <c r="EP7" s="276">
        <v>373</v>
      </c>
      <c r="EQ7" s="280">
        <v>787</v>
      </c>
      <c r="ER7" s="277">
        <v>1160</v>
      </c>
      <c r="ES7" s="279">
        <v>0</v>
      </c>
      <c r="ET7" s="280">
        <v>1598</v>
      </c>
      <c r="EU7" s="280">
        <v>2018</v>
      </c>
      <c r="EV7" s="280">
        <v>1048</v>
      </c>
      <c r="EW7" s="280">
        <v>619</v>
      </c>
      <c r="EX7" s="280">
        <v>333</v>
      </c>
      <c r="EY7" s="277">
        <v>5616</v>
      </c>
      <c r="EZ7" s="282">
        <v>6776</v>
      </c>
    </row>
    <row r="8" spans="2:156" ht="21" customHeight="1" x14ac:dyDescent="0.2">
      <c r="B8" s="261" t="s">
        <v>6</v>
      </c>
      <c r="C8" s="276">
        <v>0</v>
      </c>
      <c r="D8" s="280">
        <v>0</v>
      </c>
      <c r="E8" s="382">
        <v>0</v>
      </c>
      <c r="F8" s="279">
        <v>0</v>
      </c>
      <c r="G8" s="280">
        <v>178</v>
      </c>
      <c r="H8" s="280">
        <v>144</v>
      </c>
      <c r="I8" s="280">
        <v>86</v>
      </c>
      <c r="J8" s="280">
        <v>72</v>
      </c>
      <c r="K8" s="280">
        <v>53</v>
      </c>
      <c r="L8" s="281">
        <v>533</v>
      </c>
      <c r="M8" s="282">
        <v>533</v>
      </c>
      <c r="N8" s="276">
        <v>0</v>
      </c>
      <c r="O8" s="280">
        <v>0</v>
      </c>
      <c r="P8" s="277">
        <v>0</v>
      </c>
      <c r="Q8" s="279">
        <v>0</v>
      </c>
      <c r="R8" s="280">
        <v>1</v>
      </c>
      <c r="S8" s="280">
        <v>4</v>
      </c>
      <c r="T8" s="280">
        <v>6</v>
      </c>
      <c r="U8" s="280">
        <v>13</v>
      </c>
      <c r="V8" s="280">
        <v>28</v>
      </c>
      <c r="W8" s="277">
        <v>52</v>
      </c>
      <c r="X8" s="282">
        <v>52</v>
      </c>
      <c r="Y8" s="276">
        <v>27</v>
      </c>
      <c r="Z8" s="280">
        <v>41</v>
      </c>
      <c r="AA8" s="277">
        <v>68</v>
      </c>
      <c r="AB8" s="279">
        <v>0</v>
      </c>
      <c r="AC8" s="280">
        <v>132</v>
      </c>
      <c r="AD8" s="280">
        <v>153</v>
      </c>
      <c r="AE8" s="280">
        <v>85</v>
      </c>
      <c r="AF8" s="280">
        <v>87</v>
      </c>
      <c r="AG8" s="280">
        <v>57</v>
      </c>
      <c r="AH8" s="277">
        <v>514</v>
      </c>
      <c r="AI8" s="282">
        <v>582</v>
      </c>
      <c r="AJ8" s="276">
        <v>3</v>
      </c>
      <c r="AK8" s="280">
        <v>0</v>
      </c>
      <c r="AL8" s="277">
        <v>3</v>
      </c>
      <c r="AM8" s="279">
        <v>0</v>
      </c>
      <c r="AN8" s="280">
        <v>15</v>
      </c>
      <c r="AO8" s="280">
        <v>18</v>
      </c>
      <c r="AP8" s="280">
        <v>6</v>
      </c>
      <c r="AQ8" s="280">
        <v>11</v>
      </c>
      <c r="AR8" s="280">
        <v>2</v>
      </c>
      <c r="AS8" s="277">
        <v>52</v>
      </c>
      <c r="AT8" s="282">
        <v>55</v>
      </c>
      <c r="AU8" s="276">
        <v>49</v>
      </c>
      <c r="AV8" s="280">
        <v>42</v>
      </c>
      <c r="AW8" s="277">
        <v>91</v>
      </c>
      <c r="AX8" s="279">
        <v>0</v>
      </c>
      <c r="AY8" s="280">
        <v>230</v>
      </c>
      <c r="AZ8" s="280">
        <v>206</v>
      </c>
      <c r="BA8" s="280">
        <v>188</v>
      </c>
      <c r="BB8" s="280">
        <v>201</v>
      </c>
      <c r="BC8" s="280">
        <v>131</v>
      </c>
      <c r="BD8" s="281">
        <v>956</v>
      </c>
      <c r="BE8" s="282">
        <v>1047</v>
      </c>
      <c r="BF8" s="276">
        <v>0</v>
      </c>
      <c r="BG8" s="280">
        <v>0</v>
      </c>
      <c r="BH8" s="277">
        <v>0</v>
      </c>
      <c r="BI8" s="279">
        <v>0</v>
      </c>
      <c r="BJ8" s="280">
        <v>213</v>
      </c>
      <c r="BK8" s="280">
        <v>174</v>
      </c>
      <c r="BL8" s="280">
        <v>81</v>
      </c>
      <c r="BM8" s="280">
        <v>54</v>
      </c>
      <c r="BN8" s="280">
        <v>18</v>
      </c>
      <c r="BO8" s="277">
        <v>540</v>
      </c>
      <c r="BP8" s="282">
        <v>540</v>
      </c>
      <c r="BQ8" s="276">
        <v>11</v>
      </c>
      <c r="BR8" s="280">
        <v>13</v>
      </c>
      <c r="BS8" s="277">
        <v>24</v>
      </c>
      <c r="BT8" s="279">
        <v>0</v>
      </c>
      <c r="BU8" s="280">
        <v>41</v>
      </c>
      <c r="BV8" s="280">
        <v>58</v>
      </c>
      <c r="BW8" s="280">
        <v>33</v>
      </c>
      <c r="BX8" s="280">
        <v>22</v>
      </c>
      <c r="BY8" s="280">
        <v>15</v>
      </c>
      <c r="BZ8" s="277">
        <v>169</v>
      </c>
      <c r="CA8" s="282">
        <v>193</v>
      </c>
      <c r="CB8" s="276">
        <v>3</v>
      </c>
      <c r="CC8" s="280">
        <v>2</v>
      </c>
      <c r="CD8" s="277">
        <v>5</v>
      </c>
      <c r="CE8" s="279">
        <v>0</v>
      </c>
      <c r="CF8" s="280">
        <v>23</v>
      </c>
      <c r="CG8" s="280">
        <v>28</v>
      </c>
      <c r="CH8" s="280">
        <v>26</v>
      </c>
      <c r="CI8" s="280">
        <v>21</v>
      </c>
      <c r="CJ8" s="280">
        <v>11</v>
      </c>
      <c r="CK8" s="277">
        <v>109</v>
      </c>
      <c r="CL8" s="282">
        <v>114</v>
      </c>
      <c r="CM8" s="276">
        <v>0</v>
      </c>
      <c r="CN8" s="280">
        <v>0</v>
      </c>
      <c r="CO8" s="277">
        <v>0</v>
      </c>
      <c r="CP8" s="279">
        <v>0</v>
      </c>
      <c r="CQ8" s="280">
        <v>3</v>
      </c>
      <c r="CR8" s="280">
        <v>3</v>
      </c>
      <c r="CS8" s="280">
        <v>5</v>
      </c>
      <c r="CT8" s="280">
        <v>7</v>
      </c>
      <c r="CU8" s="280">
        <v>6</v>
      </c>
      <c r="CV8" s="277">
        <v>24</v>
      </c>
      <c r="CW8" s="282">
        <v>24</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78</v>
      </c>
      <c r="DU8" s="280">
        <v>127</v>
      </c>
      <c r="DV8" s="277">
        <v>205</v>
      </c>
      <c r="DW8" s="279">
        <v>0</v>
      </c>
      <c r="DX8" s="280">
        <v>260</v>
      </c>
      <c r="DY8" s="280">
        <v>345</v>
      </c>
      <c r="DZ8" s="280">
        <v>210</v>
      </c>
      <c r="EA8" s="280">
        <v>188</v>
      </c>
      <c r="EB8" s="280">
        <v>104</v>
      </c>
      <c r="EC8" s="277">
        <v>1107</v>
      </c>
      <c r="ED8" s="282">
        <v>1312</v>
      </c>
      <c r="EE8" s="276">
        <v>34</v>
      </c>
      <c r="EF8" s="280">
        <v>20</v>
      </c>
      <c r="EG8" s="277">
        <v>54</v>
      </c>
      <c r="EH8" s="279">
        <v>0</v>
      </c>
      <c r="EI8" s="280">
        <v>86</v>
      </c>
      <c r="EJ8" s="280">
        <v>64</v>
      </c>
      <c r="EK8" s="280">
        <v>62</v>
      </c>
      <c r="EL8" s="280">
        <v>59</v>
      </c>
      <c r="EM8" s="280">
        <v>37</v>
      </c>
      <c r="EN8" s="277">
        <v>308</v>
      </c>
      <c r="EO8" s="282">
        <v>362</v>
      </c>
      <c r="EP8" s="276">
        <v>110</v>
      </c>
      <c r="EQ8" s="280">
        <v>159</v>
      </c>
      <c r="ER8" s="277">
        <v>269</v>
      </c>
      <c r="ES8" s="279">
        <v>0</v>
      </c>
      <c r="ET8" s="280">
        <v>567</v>
      </c>
      <c r="EU8" s="280">
        <v>479</v>
      </c>
      <c r="EV8" s="280">
        <v>249</v>
      </c>
      <c r="EW8" s="280">
        <v>191</v>
      </c>
      <c r="EX8" s="280">
        <v>108</v>
      </c>
      <c r="EY8" s="277">
        <v>1594</v>
      </c>
      <c r="EZ8" s="282">
        <v>1863</v>
      </c>
    </row>
    <row r="9" spans="2:156" ht="21" customHeight="1" x14ac:dyDescent="0.2">
      <c r="B9" s="261" t="s">
        <v>14</v>
      </c>
      <c r="C9" s="276">
        <v>0</v>
      </c>
      <c r="D9" s="280">
        <v>0</v>
      </c>
      <c r="E9" s="382">
        <v>0</v>
      </c>
      <c r="F9" s="279">
        <v>0</v>
      </c>
      <c r="G9" s="280">
        <v>56</v>
      </c>
      <c r="H9" s="280">
        <v>104</v>
      </c>
      <c r="I9" s="280">
        <v>52</v>
      </c>
      <c r="J9" s="280">
        <v>30</v>
      </c>
      <c r="K9" s="280">
        <v>24</v>
      </c>
      <c r="L9" s="281">
        <v>266</v>
      </c>
      <c r="M9" s="282">
        <v>266</v>
      </c>
      <c r="N9" s="276">
        <v>0</v>
      </c>
      <c r="O9" s="280">
        <v>1</v>
      </c>
      <c r="P9" s="277">
        <v>1</v>
      </c>
      <c r="Q9" s="279">
        <v>0</v>
      </c>
      <c r="R9" s="280">
        <v>0</v>
      </c>
      <c r="S9" s="280">
        <v>1</v>
      </c>
      <c r="T9" s="280">
        <v>4</v>
      </c>
      <c r="U9" s="280">
        <v>4</v>
      </c>
      <c r="V9" s="280">
        <v>5</v>
      </c>
      <c r="W9" s="277">
        <v>14</v>
      </c>
      <c r="X9" s="282">
        <v>15</v>
      </c>
      <c r="Y9" s="276">
        <v>4</v>
      </c>
      <c r="Z9" s="280">
        <v>28</v>
      </c>
      <c r="AA9" s="277">
        <v>32</v>
      </c>
      <c r="AB9" s="279">
        <v>0</v>
      </c>
      <c r="AC9" s="280">
        <v>48</v>
      </c>
      <c r="AD9" s="280">
        <v>96</v>
      </c>
      <c r="AE9" s="280">
        <v>59</v>
      </c>
      <c r="AF9" s="280">
        <v>32</v>
      </c>
      <c r="AG9" s="280">
        <v>27</v>
      </c>
      <c r="AH9" s="277">
        <v>262</v>
      </c>
      <c r="AI9" s="282">
        <v>294</v>
      </c>
      <c r="AJ9" s="276">
        <v>0</v>
      </c>
      <c r="AK9" s="280">
        <v>2</v>
      </c>
      <c r="AL9" s="277">
        <v>2</v>
      </c>
      <c r="AM9" s="279">
        <v>0</v>
      </c>
      <c r="AN9" s="280">
        <v>2</v>
      </c>
      <c r="AO9" s="280">
        <v>1</v>
      </c>
      <c r="AP9" s="280">
        <v>2</v>
      </c>
      <c r="AQ9" s="280">
        <v>5</v>
      </c>
      <c r="AR9" s="280">
        <v>0</v>
      </c>
      <c r="AS9" s="277">
        <v>10</v>
      </c>
      <c r="AT9" s="282">
        <v>12</v>
      </c>
      <c r="AU9" s="276">
        <v>12</v>
      </c>
      <c r="AV9" s="280">
        <v>19</v>
      </c>
      <c r="AW9" s="277">
        <v>31</v>
      </c>
      <c r="AX9" s="279">
        <v>0</v>
      </c>
      <c r="AY9" s="280">
        <v>82</v>
      </c>
      <c r="AZ9" s="280">
        <v>116</v>
      </c>
      <c r="BA9" s="280">
        <v>106</v>
      </c>
      <c r="BB9" s="280">
        <v>85</v>
      </c>
      <c r="BC9" s="280">
        <v>54</v>
      </c>
      <c r="BD9" s="281">
        <v>443</v>
      </c>
      <c r="BE9" s="282">
        <v>474</v>
      </c>
      <c r="BF9" s="276">
        <v>0</v>
      </c>
      <c r="BG9" s="280">
        <v>0</v>
      </c>
      <c r="BH9" s="277">
        <v>0</v>
      </c>
      <c r="BI9" s="279">
        <v>0</v>
      </c>
      <c r="BJ9" s="280">
        <v>122</v>
      </c>
      <c r="BK9" s="280">
        <v>130</v>
      </c>
      <c r="BL9" s="280">
        <v>70</v>
      </c>
      <c r="BM9" s="280">
        <v>40</v>
      </c>
      <c r="BN9" s="280">
        <v>12</v>
      </c>
      <c r="BO9" s="277">
        <v>374</v>
      </c>
      <c r="BP9" s="282">
        <v>374</v>
      </c>
      <c r="BQ9" s="276">
        <v>5</v>
      </c>
      <c r="BR9" s="280">
        <v>6</v>
      </c>
      <c r="BS9" s="277">
        <v>11</v>
      </c>
      <c r="BT9" s="279">
        <v>0</v>
      </c>
      <c r="BU9" s="280">
        <v>11</v>
      </c>
      <c r="BV9" s="280">
        <v>34</v>
      </c>
      <c r="BW9" s="280">
        <v>12</v>
      </c>
      <c r="BX9" s="280">
        <v>11</v>
      </c>
      <c r="BY9" s="280">
        <v>0</v>
      </c>
      <c r="BZ9" s="277">
        <v>68</v>
      </c>
      <c r="CA9" s="282">
        <v>79</v>
      </c>
      <c r="CB9" s="276">
        <v>0</v>
      </c>
      <c r="CC9" s="280">
        <v>1</v>
      </c>
      <c r="CD9" s="277">
        <v>1</v>
      </c>
      <c r="CE9" s="279">
        <v>0</v>
      </c>
      <c r="CF9" s="280">
        <v>12</v>
      </c>
      <c r="CG9" s="280">
        <v>21</v>
      </c>
      <c r="CH9" s="280">
        <v>28</v>
      </c>
      <c r="CI9" s="280">
        <v>18</v>
      </c>
      <c r="CJ9" s="280">
        <v>3</v>
      </c>
      <c r="CK9" s="277">
        <v>82</v>
      </c>
      <c r="CL9" s="282">
        <v>83</v>
      </c>
      <c r="CM9" s="276">
        <v>0</v>
      </c>
      <c r="CN9" s="280">
        <v>0</v>
      </c>
      <c r="CO9" s="277">
        <v>0</v>
      </c>
      <c r="CP9" s="279">
        <v>0</v>
      </c>
      <c r="CQ9" s="280">
        <v>0</v>
      </c>
      <c r="CR9" s="280">
        <v>1</v>
      </c>
      <c r="CS9" s="280">
        <v>0</v>
      </c>
      <c r="CT9" s="280">
        <v>0</v>
      </c>
      <c r="CU9" s="280">
        <v>2</v>
      </c>
      <c r="CV9" s="277">
        <v>3</v>
      </c>
      <c r="CW9" s="282">
        <v>3</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1</v>
      </c>
      <c r="DU9" s="280">
        <v>111</v>
      </c>
      <c r="DV9" s="277">
        <v>142</v>
      </c>
      <c r="DW9" s="279">
        <v>0</v>
      </c>
      <c r="DX9" s="280">
        <v>110</v>
      </c>
      <c r="DY9" s="280">
        <v>260</v>
      </c>
      <c r="DZ9" s="280">
        <v>147</v>
      </c>
      <c r="EA9" s="280">
        <v>89</v>
      </c>
      <c r="EB9" s="280">
        <v>45</v>
      </c>
      <c r="EC9" s="277">
        <v>651</v>
      </c>
      <c r="ED9" s="282">
        <v>793</v>
      </c>
      <c r="EE9" s="276">
        <v>12</v>
      </c>
      <c r="EF9" s="280">
        <v>8</v>
      </c>
      <c r="EG9" s="277">
        <v>20</v>
      </c>
      <c r="EH9" s="279">
        <v>0</v>
      </c>
      <c r="EI9" s="280">
        <v>32</v>
      </c>
      <c r="EJ9" s="280">
        <v>24</v>
      </c>
      <c r="EK9" s="280">
        <v>31</v>
      </c>
      <c r="EL9" s="280">
        <v>25</v>
      </c>
      <c r="EM9" s="280">
        <v>10</v>
      </c>
      <c r="EN9" s="277">
        <v>122</v>
      </c>
      <c r="EO9" s="282">
        <v>142</v>
      </c>
      <c r="EP9" s="276">
        <v>39</v>
      </c>
      <c r="EQ9" s="280">
        <v>127</v>
      </c>
      <c r="ER9" s="277">
        <v>166</v>
      </c>
      <c r="ES9" s="279">
        <v>0</v>
      </c>
      <c r="ET9" s="280">
        <v>274</v>
      </c>
      <c r="EU9" s="280">
        <v>355</v>
      </c>
      <c r="EV9" s="280">
        <v>188</v>
      </c>
      <c r="EW9" s="280">
        <v>97</v>
      </c>
      <c r="EX9" s="280">
        <v>45</v>
      </c>
      <c r="EY9" s="277">
        <v>959</v>
      </c>
      <c r="EZ9" s="282">
        <v>1125</v>
      </c>
    </row>
    <row r="10" spans="2:156" ht="21" customHeight="1" x14ac:dyDescent="0.2">
      <c r="B10" s="261" t="s">
        <v>7</v>
      </c>
      <c r="C10" s="276">
        <v>0</v>
      </c>
      <c r="D10" s="280">
        <v>0</v>
      </c>
      <c r="E10" s="382">
        <v>0</v>
      </c>
      <c r="F10" s="279">
        <v>0</v>
      </c>
      <c r="G10" s="280">
        <v>115</v>
      </c>
      <c r="H10" s="280">
        <v>103</v>
      </c>
      <c r="I10" s="280">
        <v>52</v>
      </c>
      <c r="J10" s="280">
        <v>39</v>
      </c>
      <c r="K10" s="280">
        <v>20</v>
      </c>
      <c r="L10" s="281">
        <v>329</v>
      </c>
      <c r="M10" s="282">
        <v>329</v>
      </c>
      <c r="N10" s="276">
        <v>0</v>
      </c>
      <c r="O10" s="280">
        <v>0</v>
      </c>
      <c r="P10" s="277">
        <v>0</v>
      </c>
      <c r="Q10" s="279">
        <v>0</v>
      </c>
      <c r="R10" s="280">
        <v>3</v>
      </c>
      <c r="S10" s="280">
        <v>3</v>
      </c>
      <c r="T10" s="280">
        <v>8</v>
      </c>
      <c r="U10" s="280">
        <v>16</v>
      </c>
      <c r="V10" s="280">
        <v>13</v>
      </c>
      <c r="W10" s="277">
        <v>43</v>
      </c>
      <c r="X10" s="282">
        <v>43</v>
      </c>
      <c r="Y10" s="276">
        <v>3</v>
      </c>
      <c r="Z10" s="280">
        <v>2</v>
      </c>
      <c r="AA10" s="277">
        <v>5</v>
      </c>
      <c r="AB10" s="279">
        <v>0</v>
      </c>
      <c r="AC10" s="280">
        <v>64</v>
      </c>
      <c r="AD10" s="280">
        <v>55</v>
      </c>
      <c r="AE10" s="280">
        <v>30</v>
      </c>
      <c r="AF10" s="280">
        <v>32</v>
      </c>
      <c r="AG10" s="280">
        <v>20</v>
      </c>
      <c r="AH10" s="277">
        <v>201</v>
      </c>
      <c r="AI10" s="282">
        <v>206</v>
      </c>
      <c r="AJ10" s="276">
        <v>0</v>
      </c>
      <c r="AK10" s="280">
        <v>0</v>
      </c>
      <c r="AL10" s="277">
        <v>0</v>
      </c>
      <c r="AM10" s="279">
        <v>0</v>
      </c>
      <c r="AN10" s="280">
        <v>8</v>
      </c>
      <c r="AO10" s="280">
        <v>3</v>
      </c>
      <c r="AP10" s="280">
        <v>10</v>
      </c>
      <c r="AQ10" s="280">
        <v>5</v>
      </c>
      <c r="AR10" s="280">
        <v>2</v>
      </c>
      <c r="AS10" s="277">
        <v>28</v>
      </c>
      <c r="AT10" s="282">
        <v>28</v>
      </c>
      <c r="AU10" s="276">
        <v>16</v>
      </c>
      <c r="AV10" s="280">
        <v>12</v>
      </c>
      <c r="AW10" s="277">
        <v>28</v>
      </c>
      <c r="AX10" s="279">
        <v>0</v>
      </c>
      <c r="AY10" s="280">
        <v>123</v>
      </c>
      <c r="AZ10" s="280">
        <v>119</v>
      </c>
      <c r="BA10" s="280">
        <v>103</v>
      </c>
      <c r="BB10" s="280">
        <v>74</v>
      </c>
      <c r="BC10" s="280">
        <v>56</v>
      </c>
      <c r="BD10" s="281">
        <v>475</v>
      </c>
      <c r="BE10" s="282">
        <v>503</v>
      </c>
      <c r="BF10" s="276">
        <v>0</v>
      </c>
      <c r="BG10" s="280">
        <v>0</v>
      </c>
      <c r="BH10" s="277">
        <v>0</v>
      </c>
      <c r="BI10" s="279">
        <v>0</v>
      </c>
      <c r="BJ10" s="280">
        <v>154</v>
      </c>
      <c r="BK10" s="280">
        <v>90</v>
      </c>
      <c r="BL10" s="280">
        <v>47</v>
      </c>
      <c r="BM10" s="280">
        <v>22</v>
      </c>
      <c r="BN10" s="280">
        <v>10</v>
      </c>
      <c r="BO10" s="277">
        <v>323</v>
      </c>
      <c r="BP10" s="282">
        <v>323</v>
      </c>
      <c r="BQ10" s="276">
        <v>0</v>
      </c>
      <c r="BR10" s="280">
        <v>3</v>
      </c>
      <c r="BS10" s="277">
        <v>3</v>
      </c>
      <c r="BT10" s="279">
        <v>0</v>
      </c>
      <c r="BU10" s="280">
        <v>19</v>
      </c>
      <c r="BV10" s="280">
        <v>21</v>
      </c>
      <c r="BW10" s="280">
        <v>15</v>
      </c>
      <c r="BX10" s="280">
        <v>6</v>
      </c>
      <c r="BY10" s="280">
        <v>1</v>
      </c>
      <c r="BZ10" s="277">
        <v>62</v>
      </c>
      <c r="CA10" s="282">
        <v>65</v>
      </c>
      <c r="CB10" s="276">
        <v>0</v>
      </c>
      <c r="CC10" s="280">
        <v>1</v>
      </c>
      <c r="CD10" s="277">
        <v>1</v>
      </c>
      <c r="CE10" s="279">
        <v>0</v>
      </c>
      <c r="CF10" s="280">
        <v>20</v>
      </c>
      <c r="CG10" s="280">
        <v>22</v>
      </c>
      <c r="CH10" s="280">
        <v>29</v>
      </c>
      <c r="CI10" s="280">
        <v>12</v>
      </c>
      <c r="CJ10" s="280">
        <v>8</v>
      </c>
      <c r="CK10" s="277">
        <v>91</v>
      </c>
      <c r="CL10" s="282">
        <v>92</v>
      </c>
      <c r="CM10" s="276">
        <v>0</v>
      </c>
      <c r="CN10" s="280">
        <v>0</v>
      </c>
      <c r="CO10" s="277">
        <v>0</v>
      </c>
      <c r="CP10" s="279">
        <v>0</v>
      </c>
      <c r="CQ10" s="280">
        <v>1</v>
      </c>
      <c r="CR10" s="280">
        <v>0</v>
      </c>
      <c r="CS10" s="280">
        <v>1</v>
      </c>
      <c r="CT10" s="280">
        <v>1</v>
      </c>
      <c r="CU10" s="280">
        <v>0</v>
      </c>
      <c r="CV10" s="277">
        <v>3</v>
      </c>
      <c r="CW10" s="282">
        <v>3</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1</v>
      </c>
      <c r="DU10" s="280">
        <v>30</v>
      </c>
      <c r="DV10" s="277">
        <v>61</v>
      </c>
      <c r="DW10" s="279">
        <v>0</v>
      </c>
      <c r="DX10" s="280">
        <v>155</v>
      </c>
      <c r="DY10" s="280">
        <v>212</v>
      </c>
      <c r="DZ10" s="280">
        <v>125</v>
      </c>
      <c r="EA10" s="280">
        <v>76</v>
      </c>
      <c r="EB10" s="280">
        <v>45</v>
      </c>
      <c r="EC10" s="277">
        <v>613</v>
      </c>
      <c r="ED10" s="282">
        <v>674</v>
      </c>
      <c r="EE10" s="276">
        <v>10</v>
      </c>
      <c r="EF10" s="280">
        <v>8</v>
      </c>
      <c r="EG10" s="277">
        <v>18</v>
      </c>
      <c r="EH10" s="279">
        <v>0</v>
      </c>
      <c r="EI10" s="280">
        <v>50</v>
      </c>
      <c r="EJ10" s="280">
        <v>39</v>
      </c>
      <c r="EK10" s="280">
        <v>27</v>
      </c>
      <c r="EL10" s="280">
        <v>23</v>
      </c>
      <c r="EM10" s="280">
        <v>18</v>
      </c>
      <c r="EN10" s="277">
        <v>157</v>
      </c>
      <c r="EO10" s="282">
        <v>175</v>
      </c>
      <c r="EP10" s="276">
        <v>34</v>
      </c>
      <c r="EQ10" s="280">
        <v>34</v>
      </c>
      <c r="ER10" s="277">
        <v>68</v>
      </c>
      <c r="ES10" s="279">
        <v>0</v>
      </c>
      <c r="ET10" s="280">
        <v>386</v>
      </c>
      <c r="EU10" s="280">
        <v>276</v>
      </c>
      <c r="EV10" s="280">
        <v>145</v>
      </c>
      <c r="EW10" s="280">
        <v>81</v>
      </c>
      <c r="EX10" s="280">
        <v>43</v>
      </c>
      <c r="EY10" s="277">
        <v>931</v>
      </c>
      <c r="EZ10" s="282">
        <v>999</v>
      </c>
    </row>
    <row r="11" spans="2:156" ht="21" customHeight="1" x14ac:dyDescent="0.2">
      <c r="B11" s="261" t="s">
        <v>8</v>
      </c>
      <c r="C11" s="276">
        <v>0</v>
      </c>
      <c r="D11" s="280">
        <v>0</v>
      </c>
      <c r="E11" s="382">
        <v>0</v>
      </c>
      <c r="F11" s="279">
        <v>0</v>
      </c>
      <c r="G11" s="280">
        <v>19</v>
      </c>
      <c r="H11" s="280">
        <v>33</v>
      </c>
      <c r="I11" s="280">
        <v>23</v>
      </c>
      <c r="J11" s="280">
        <v>17</v>
      </c>
      <c r="K11" s="280">
        <v>12</v>
      </c>
      <c r="L11" s="281">
        <v>104</v>
      </c>
      <c r="M11" s="282">
        <v>104</v>
      </c>
      <c r="N11" s="276">
        <v>0</v>
      </c>
      <c r="O11" s="280">
        <v>0</v>
      </c>
      <c r="P11" s="277">
        <v>0</v>
      </c>
      <c r="Q11" s="279">
        <v>0</v>
      </c>
      <c r="R11" s="280">
        <v>0</v>
      </c>
      <c r="S11" s="280">
        <v>1</v>
      </c>
      <c r="T11" s="280">
        <v>0</v>
      </c>
      <c r="U11" s="280">
        <v>1</v>
      </c>
      <c r="V11" s="280">
        <v>7</v>
      </c>
      <c r="W11" s="277">
        <v>9</v>
      </c>
      <c r="X11" s="282">
        <v>9</v>
      </c>
      <c r="Y11" s="276">
        <v>4</v>
      </c>
      <c r="Z11" s="280">
        <v>4</v>
      </c>
      <c r="AA11" s="277">
        <v>8</v>
      </c>
      <c r="AB11" s="279">
        <v>0</v>
      </c>
      <c r="AC11" s="280">
        <v>23</v>
      </c>
      <c r="AD11" s="280">
        <v>25</v>
      </c>
      <c r="AE11" s="280">
        <v>27</v>
      </c>
      <c r="AF11" s="280">
        <v>16</v>
      </c>
      <c r="AG11" s="280">
        <v>11</v>
      </c>
      <c r="AH11" s="277">
        <v>102</v>
      </c>
      <c r="AI11" s="282">
        <v>110</v>
      </c>
      <c r="AJ11" s="276">
        <v>0</v>
      </c>
      <c r="AK11" s="280">
        <v>2</v>
      </c>
      <c r="AL11" s="277">
        <v>2</v>
      </c>
      <c r="AM11" s="279">
        <v>0</v>
      </c>
      <c r="AN11" s="280">
        <v>3</v>
      </c>
      <c r="AO11" s="280">
        <v>4</v>
      </c>
      <c r="AP11" s="280">
        <v>5</v>
      </c>
      <c r="AQ11" s="280">
        <v>2</v>
      </c>
      <c r="AR11" s="280">
        <v>0</v>
      </c>
      <c r="AS11" s="277">
        <v>14</v>
      </c>
      <c r="AT11" s="282">
        <v>16</v>
      </c>
      <c r="AU11" s="276">
        <v>7</v>
      </c>
      <c r="AV11" s="280">
        <v>4</v>
      </c>
      <c r="AW11" s="277">
        <v>11</v>
      </c>
      <c r="AX11" s="279">
        <v>0</v>
      </c>
      <c r="AY11" s="280">
        <v>46</v>
      </c>
      <c r="AZ11" s="280">
        <v>34</v>
      </c>
      <c r="BA11" s="280">
        <v>37</v>
      </c>
      <c r="BB11" s="280">
        <v>27</v>
      </c>
      <c r="BC11" s="280">
        <v>28</v>
      </c>
      <c r="BD11" s="281">
        <v>172</v>
      </c>
      <c r="BE11" s="282">
        <v>183</v>
      </c>
      <c r="BF11" s="276">
        <v>0</v>
      </c>
      <c r="BG11" s="280">
        <v>0</v>
      </c>
      <c r="BH11" s="277">
        <v>0</v>
      </c>
      <c r="BI11" s="279">
        <v>0</v>
      </c>
      <c r="BJ11" s="280">
        <v>34</v>
      </c>
      <c r="BK11" s="280">
        <v>35</v>
      </c>
      <c r="BL11" s="280">
        <v>21</v>
      </c>
      <c r="BM11" s="280">
        <v>12</v>
      </c>
      <c r="BN11" s="280">
        <v>7</v>
      </c>
      <c r="BO11" s="277">
        <v>109</v>
      </c>
      <c r="BP11" s="282">
        <v>109</v>
      </c>
      <c r="BQ11" s="276">
        <v>6</v>
      </c>
      <c r="BR11" s="280">
        <v>3</v>
      </c>
      <c r="BS11" s="277">
        <v>9</v>
      </c>
      <c r="BT11" s="279">
        <v>0</v>
      </c>
      <c r="BU11" s="280">
        <v>8</v>
      </c>
      <c r="BV11" s="280">
        <v>9</v>
      </c>
      <c r="BW11" s="280">
        <v>6</v>
      </c>
      <c r="BX11" s="280">
        <v>1</v>
      </c>
      <c r="BY11" s="280">
        <v>1</v>
      </c>
      <c r="BZ11" s="277">
        <v>25</v>
      </c>
      <c r="CA11" s="282">
        <v>34</v>
      </c>
      <c r="CB11" s="276">
        <v>1</v>
      </c>
      <c r="CC11" s="280">
        <v>1</v>
      </c>
      <c r="CD11" s="277">
        <v>2</v>
      </c>
      <c r="CE11" s="279">
        <v>0</v>
      </c>
      <c r="CF11" s="280">
        <v>7</v>
      </c>
      <c r="CG11" s="280">
        <v>4</v>
      </c>
      <c r="CH11" s="280">
        <v>13</v>
      </c>
      <c r="CI11" s="280">
        <v>6</v>
      </c>
      <c r="CJ11" s="280">
        <v>4</v>
      </c>
      <c r="CK11" s="277">
        <v>34</v>
      </c>
      <c r="CL11" s="282">
        <v>36</v>
      </c>
      <c r="CM11" s="276">
        <v>0</v>
      </c>
      <c r="CN11" s="280">
        <v>0</v>
      </c>
      <c r="CO11" s="277">
        <v>0</v>
      </c>
      <c r="CP11" s="279">
        <v>0</v>
      </c>
      <c r="CQ11" s="280">
        <v>0</v>
      </c>
      <c r="CR11" s="280">
        <v>0</v>
      </c>
      <c r="CS11" s="280">
        <v>1</v>
      </c>
      <c r="CT11" s="280">
        <v>0</v>
      </c>
      <c r="CU11" s="280">
        <v>0</v>
      </c>
      <c r="CV11" s="277">
        <v>1</v>
      </c>
      <c r="CW11" s="282">
        <v>1</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22</v>
      </c>
      <c r="DU11" s="280">
        <v>24</v>
      </c>
      <c r="DV11" s="277">
        <v>46</v>
      </c>
      <c r="DW11" s="279">
        <v>0</v>
      </c>
      <c r="DX11" s="280">
        <v>57</v>
      </c>
      <c r="DY11" s="280">
        <v>92</v>
      </c>
      <c r="DZ11" s="280">
        <v>66</v>
      </c>
      <c r="EA11" s="280">
        <v>33</v>
      </c>
      <c r="EB11" s="280">
        <v>23</v>
      </c>
      <c r="EC11" s="277">
        <v>271</v>
      </c>
      <c r="ED11" s="282">
        <v>317</v>
      </c>
      <c r="EE11" s="276">
        <v>7</v>
      </c>
      <c r="EF11" s="280">
        <v>3</v>
      </c>
      <c r="EG11" s="277">
        <v>10</v>
      </c>
      <c r="EH11" s="279">
        <v>0</v>
      </c>
      <c r="EI11" s="280">
        <v>18</v>
      </c>
      <c r="EJ11" s="280">
        <v>9</v>
      </c>
      <c r="EK11" s="280">
        <v>8</v>
      </c>
      <c r="EL11" s="280">
        <v>3</v>
      </c>
      <c r="EM11" s="280">
        <v>8</v>
      </c>
      <c r="EN11" s="277">
        <v>46</v>
      </c>
      <c r="EO11" s="282">
        <v>56</v>
      </c>
      <c r="EP11" s="276">
        <v>28</v>
      </c>
      <c r="EQ11" s="280">
        <v>29</v>
      </c>
      <c r="ER11" s="277">
        <v>57</v>
      </c>
      <c r="ES11" s="279">
        <v>0</v>
      </c>
      <c r="ET11" s="280">
        <v>111</v>
      </c>
      <c r="EU11" s="280">
        <v>109</v>
      </c>
      <c r="EV11" s="280">
        <v>72</v>
      </c>
      <c r="EW11" s="280">
        <v>32</v>
      </c>
      <c r="EX11" s="280">
        <v>24</v>
      </c>
      <c r="EY11" s="277">
        <v>348</v>
      </c>
      <c r="EZ11" s="282">
        <v>405</v>
      </c>
    </row>
    <row r="12" spans="2:156" ht="21" customHeight="1" x14ac:dyDescent="0.2">
      <c r="B12" s="261" t="s">
        <v>9</v>
      </c>
      <c r="C12" s="276">
        <v>0</v>
      </c>
      <c r="D12" s="280">
        <v>0</v>
      </c>
      <c r="E12" s="382">
        <v>0</v>
      </c>
      <c r="F12" s="279">
        <v>0</v>
      </c>
      <c r="G12" s="280">
        <v>55</v>
      </c>
      <c r="H12" s="280">
        <v>50</v>
      </c>
      <c r="I12" s="280">
        <v>36</v>
      </c>
      <c r="J12" s="280">
        <v>28</v>
      </c>
      <c r="K12" s="280">
        <v>20</v>
      </c>
      <c r="L12" s="281">
        <v>189</v>
      </c>
      <c r="M12" s="282">
        <v>189</v>
      </c>
      <c r="N12" s="276">
        <v>0</v>
      </c>
      <c r="O12" s="280">
        <v>0</v>
      </c>
      <c r="P12" s="277">
        <v>0</v>
      </c>
      <c r="Q12" s="279">
        <v>0</v>
      </c>
      <c r="R12" s="280">
        <v>0</v>
      </c>
      <c r="S12" s="280">
        <v>3</v>
      </c>
      <c r="T12" s="280">
        <v>3</v>
      </c>
      <c r="U12" s="280">
        <v>5</v>
      </c>
      <c r="V12" s="280">
        <v>5</v>
      </c>
      <c r="W12" s="277">
        <v>16</v>
      </c>
      <c r="X12" s="282">
        <v>16</v>
      </c>
      <c r="Y12" s="276">
        <v>4</v>
      </c>
      <c r="Z12" s="280">
        <v>9</v>
      </c>
      <c r="AA12" s="277">
        <v>13</v>
      </c>
      <c r="AB12" s="279">
        <v>0</v>
      </c>
      <c r="AC12" s="280">
        <v>51</v>
      </c>
      <c r="AD12" s="280">
        <v>31</v>
      </c>
      <c r="AE12" s="280">
        <v>34</v>
      </c>
      <c r="AF12" s="280">
        <v>31</v>
      </c>
      <c r="AG12" s="280">
        <v>14</v>
      </c>
      <c r="AH12" s="277">
        <v>161</v>
      </c>
      <c r="AI12" s="282">
        <v>174</v>
      </c>
      <c r="AJ12" s="276">
        <v>0</v>
      </c>
      <c r="AK12" s="280">
        <v>0</v>
      </c>
      <c r="AL12" s="277">
        <v>0</v>
      </c>
      <c r="AM12" s="279">
        <v>0</v>
      </c>
      <c r="AN12" s="280">
        <v>2</v>
      </c>
      <c r="AO12" s="280">
        <v>5</v>
      </c>
      <c r="AP12" s="280">
        <v>3</v>
      </c>
      <c r="AQ12" s="280">
        <v>4</v>
      </c>
      <c r="AR12" s="280">
        <v>3</v>
      </c>
      <c r="AS12" s="277">
        <v>17</v>
      </c>
      <c r="AT12" s="282">
        <v>17</v>
      </c>
      <c r="AU12" s="276">
        <v>9</v>
      </c>
      <c r="AV12" s="280">
        <v>8</v>
      </c>
      <c r="AW12" s="277">
        <v>17</v>
      </c>
      <c r="AX12" s="279">
        <v>0</v>
      </c>
      <c r="AY12" s="280">
        <v>62</v>
      </c>
      <c r="AZ12" s="280">
        <v>47</v>
      </c>
      <c r="BA12" s="280">
        <v>58</v>
      </c>
      <c r="BB12" s="280">
        <v>52</v>
      </c>
      <c r="BC12" s="280">
        <v>29</v>
      </c>
      <c r="BD12" s="281">
        <v>248</v>
      </c>
      <c r="BE12" s="282">
        <v>265</v>
      </c>
      <c r="BF12" s="276">
        <v>0</v>
      </c>
      <c r="BG12" s="280">
        <v>0</v>
      </c>
      <c r="BH12" s="277">
        <v>0</v>
      </c>
      <c r="BI12" s="279">
        <v>0</v>
      </c>
      <c r="BJ12" s="280">
        <v>45</v>
      </c>
      <c r="BK12" s="280">
        <v>40</v>
      </c>
      <c r="BL12" s="280">
        <v>23</v>
      </c>
      <c r="BM12" s="280">
        <v>14</v>
      </c>
      <c r="BN12" s="280">
        <v>5</v>
      </c>
      <c r="BO12" s="277">
        <v>127</v>
      </c>
      <c r="BP12" s="282">
        <v>127</v>
      </c>
      <c r="BQ12" s="276">
        <v>3</v>
      </c>
      <c r="BR12" s="280">
        <v>4</v>
      </c>
      <c r="BS12" s="277">
        <v>7</v>
      </c>
      <c r="BT12" s="279">
        <v>0</v>
      </c>
      <c r="BU12" s="280">
        <v>22</v>
      </c>
      <c r="BV12" s="280">
        <v>16</v>
      </c>
      <c r="BW12" s="280">
        <v>15</v>
      </c>
      <c r="BX12" s="280">
        <v>8</v>
      </c>
      <c r="BY12" s="280">
        <v>3</v>
      </c>
      <c r="BZ12" s="277">
        <v>64</v>
      </c>
      <c r="CA12" s="282">
        <v>71</v>
      </c>
      <c r="CB12" s="276">
        <v>0</v>
      </c>
      <c r="CC12" s="280">
        <v>0</v>
      </c>
      <c r="CD12" s="277">
        <v>0</v>
      </c>
      <c r="CE12" s="279">
        <v>0</v>
      </c>
      <c r="CF12" s="280">
        <v>9</v>
      </c>
      <c r="CG12" s="280">
        <v>6</v>
      </c>
      <c r="CH12" s="280">
        <v>10</v>
      </c>
      <c r="CI12" s="280">
        <v>10</v>
      </c>
      <c r="CJ12" s="280">
        <v>1</v>
      </c>
      <c r="CK12" s="277">
        <v>36</v>
      </c>
      <c r="CL12" s="282">
        <v>36</v>
      </c>
      <c r="CM12" s="276">
        <v>0</v>
      </c>
      <c r="CN12" s="280">
        <v>0</v>
      </c>
      <c r="CO12" s="277">
        <v>0</v>
      </c>
      <c r="CP12" s="279">
        <v>0</v>
      </c>
      <c r="CQ12" s="280">
        <v>1</v>
      </c>
      <c r="CR12" s="280">
        <v>3</v>
      </c>
      <c r="CS12" s="280">
        <v>4</v>
      </c>
      <c r="CT12" s="280">
        <v>0</v>
      </c>
      <c r="CU12" s="280">
        <v>1</v>
      </c>
      <c r="CV12" s="277">
        <v>9</v>
      </c>
      <c r="CW12" s="282">
        <v>9</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0</v>
      </c>
      <c r="DU12" s="280">
        <v>35</v>
      </c>
      <c r="DV12" s="277">
        <v>65</v>
      </c>
      <c r="DW12" s="279">
        <v>0</v>
      </c>
      <c r="DX12" s="280">
        <v>90</v>
      </c>
      <c r="DY12" s="280">
        <v>81</v>
      </c>
      <c r="DZ12" s="280">
        <v>72</v>
      </c>
      <c r="EA12" s="280">
        <v>47</v>
      </c>
      <c r="EB12" s="280">
        <v>29</v>
      </c>
      <c r="EC12" s="277">
        <v>319</v>
      </c>
      <c r="ED12" s="282">
        <v>384</v>
      </c>
      <c r="EE12" s="276">
        <v>9</v>
      </c>
      <c r="EF12" s="280">
        <v>2</v>
      </c>
      <c r="EG12" s="277">
        <v>11</v>
      </c>
      <c r="EH12" s="279">
        <v>0</v>
      </c>
      <c r="EI12" s="280">
        <v>19</v>
      </c>
      <c r="EJ12" s="280">
        <v>15</v>
      </c>
      <c r="EK12" s="280">
        <v>13</v>
      </c>
      <c r="EL12" s="280">
        <v>17</v>
      </c>
      <c r="EM12" s="280">
        <v>7</v>
      </c>
      <c r="EN12" s="277">
        <v>71</v>
      </c>
      <c r="EO12" s="282">
        <v>82</v>
      </c>
      <c r="EP12" s="276">
        <v>32</v>
      </c>
      <c r="EQ12" s="280">
        <v>45</v>
      </c>
      <c r="ER12" s="277">
        <v>77</v>
      </c>
      <c r="ES12" s="279">
        <v>0</v>
      </c>
      <c r="ET12" s="280">
        <v>164</v>
      </c>
      <c r="EU12" s="280">
        <v>120</v>
      </c>
      <c r="EV12" s="280">
        <v>87</v>
      </c>
      <c r="EW12" s="280">
        <v>52</v>
      </c>
      <c r="EX12" s="280">
        <v>29</v>
      </c>
      <c r="EY12" s="277">
        <v>452</v>
      </c>
      <c r="EZ12" s="282">
        <v>529</v>
      </c>
    </row>
    <row r="13" spans="2:156" ht="21" customHeight="1" x14ac:dyDescent="0.2">
      <c r="B13" s="261" t="s">
        <v>10</v>
      </c>
      <c r="C13" s="276">
        <v>0</v>
      </c>
      <c r="D13" s="280">
        <v>0</v>
      </c>
      <c r="E13" s="382">
        <v>0</v>
      </c>
      <c r="F13" s="279">
        <v>0</v>
      </c>
      <c r="G13" s="280">
        <v>89</v>
      </c>
      <c r="H13" s="280">
        <v>48</v>
      </c>
      <c r="I13" s="280">
        <v>24</v>
      </c>
      <c r="J13" s="280">
        <v>33</v>
      </c>
      <c r="K13" s="280">
        <v>18</v>
      </c>
      <c r="L13" s="281">
        <v>212</v>
      </c>
      <c r="M13" s="282">
        <v>212</v>
      </c>
      <c r="N13" s="276">
        <v>0</v>
      </c>
      <c r="O13" s="280">
        <v>0</v>
      </c>
      <c r="P13" s="277">
        <v>0</v>
      </c>
      <c r="Q13" s="279">
        <v>0</v>
      </c>
      <c r="R13" s="280">
        <v>0</v>
      </c>
      <c r="S13" s="280">
        <v>2</v>
      </c>
      <c r="T13" s="280">
        <v>3</v>
      </c>
      <c r="U13" s="280">
        <v>4</v>
      </c>
      <c r="V13" s="280">
        <v>11</v>
      </c>
      <c r="W13" s="277">
        <v>20</v>
      </c>
      <c r="X13" s="282">
        <v>20</v>
      </c>
      <c r="Y13" s="276">
        <v>14</v>
      </c>
      <c r="Z13" s="280">
        <v>20</v>
      </c>
      <c r="AA13" s="277">
        <v>34</v>
      </c>
      <c r="AB13" s="279">
        <v>0</v>
      </c>
      <c r="AC13" s="280">
        <v>60</v>
      </c>
      <c r="AD13" s="280">
        <v>35</v>
      </c>
      <c r="AE13" s="280">
        <v>16</v>
      </c>
      <c r="AF13" s="280">
        <v>25</v>
      </c>
      <c r="AG13" s="280">
        <v>14</v>
      </c>
      <c r="AH13" s="277">
        <v>150</v>
      </c>
      <c r="AI13" s="282">
        <v>184</v>
      </c>
      <c r="AJ13" s="276">
        <v>2</v>
      </c>
      <c r="AK13" s="280">
        <v>2</v>
      </c>
      <c r="AL13" s="277">
        <v>4</v>
      </c>
      <c r="AM13" s="279">
        <v>0</v>
      </c>
      <c r="AN13" s="280">
        <v>9</v>
      </c>
      <c r="AO13" s="280">
        <v>6</v>
      </c>
      <c r="AP13" s="280">
        <v>4</v>
      </c>
      <c r="AQ13" s="280">
        <v>5</v>
      </c>
      <c r="AR13" s="280">
        <v>5</v>
      </c>
      <c r="AS13" s="277">
        <v>29</v>
      </c>
      <c r="AT13" s="282">
        <v>33</v>
      </c>
      <c r="AU13" s="276">
        <v>19</v>
      </c>
      <c r="AV13" s="280">
        <v>10</v>
      </c>
      <c r="AW13" s="277">
        <v>29</v>
      </c>
      <c r="AX13" s="279">
        <v>0</v>
      </c>
      <c r="AY13" s="280">
        <v>99</v>
      </c>
      <c r="AZ13" s="280">
        <v>76</v>
      </c>
      <c r="BA13" s="280">
        <v>62</v>
      </c>
      <c r="BB13" s="280">
        <v>67</v>
      </c>
      <c r="BC13" s="280">
        <v>47</v>
      </c>
      <c r="BD13" s="281">
        <v>351</v>
      </c>
      <c r="BE13" s="282">
        <v>380</v>
      </c>
      <c r="BF13" s="276">
        <v>0</v>
      </c>
      <c r="BG13" s="280">
        <v>0</v>
      </c>
      <c r="BH13" s="277">
        <v>0</v>
      </c>
      <c r="BI13" s="279">
        <v>0</v>
      </c>
      <c r="BJ13" s="280">
        <v>122</v>
      </c>
      <c r="BK13" s="280">
        <v>66</v>
      </c>
      <c r="BL13" s="280">
        <v>32</v>
      </c>
      <c r="BM13" s="280">
        <v>23</v>
      </c>
      <c r="BN13" s="280">
        <v>8</v>
      </c>
      <c r="BO13" s="277">
        <v>251</v>
      </c>
      <c r="BP13" s="282">
        <v>251</v>
      </c>
      <c r="BQ13" s="276">
        <v>5</v>
      </c>
      <c r="BR13" s="280">
        <v>5</v>
      </c>
      <c r="BS13" s="277">
        <v>10</v>
      </c>
      <c r="BT13" s="279">
        <v>0</v>
      </c>
      <c r="BU13" s="280">
        <v>23</v>
      </c>
      <c r="BV13" s="280">
        <v>10</v>
      </c>
      <c r="BW13" s="280">
        <v>6</v>
      </c>
      <c r="BX13" s="280">
        <v>5</v>
      </c>
      <c r="BY13" s="280">
        <v>3</v>
      </c>
      <c r="BZ13" s="277">
        <v>47</v>
      </c>
      <c r="CA13" s="282">
        <v>57</v>
      </c>
      <c r="CB13" s="276">
        <v>0</v>
      </c>
      <c r="CC13" s="280">
        <v>2</v>
      </c>
      <c r="CD13" s="277">
        <v>2</v>
      </c>
      <c r="CE13" s="279">
        <v>0</v>
      </c>
      <c r="CF13" s="280">
        <v>16</v>
      </c>
      <c r="CG13" s="280">
        <v>13</v>
      </c>
      <c r="CH13" s="280">
        <v>13</v>
      </c>
      <c r="CI13" s="280">
        <v>16</v>
      </c>
      <c r="CJ13" s="280">
        <v>3</v>
      </c>
      <c r="CK13" s="277">
        <v>61</v>
      </c>
      <c r="CL13" s="282">
        <v>63</v>
      </c>
      <c r="CM13" s="276">
        <v>0</v>
      </c>
      <c r="CN13" s="280">
        <v>0</v>
      </c>
      <c r="CO13" s="277">
        <v>0</v>
      </c>
      <c r="CP13" s="279">
        <v>0</v>
      </c>
      <c r="CQ13" s="280">
        <v>1</v>
      </c>
      <c r="CR13" s="280">
        <v>3</v>
      </c>
      <c r="CS13" s="280">
        <v>4</v>
      </c>
      <c r="CT13" s="280">
        <v>1</v>
      </c>
      <c r="CU13" s="280">
        <v>2</v>
      </c>
      <c r="CV13" s="277">
        <v>11</v>
      </c>
      <c r="CW13" s="282">
        <v>11</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69</v>
      </c>
      <c r="DU13" s="280">
        <v>71</v>
      </c>
      <c r="DV13" s="277">
        <v>140</v>
      </c>
      <c r="DW13" s="279">
        <v>0</v>
      </c>
      <c r="DX13" s="280">
        <v>144</v>
      </c>
      <c r="DY13" s="280">
        <v>115</v>
      </c>
      <c r="DZ13" s="280">
        <v>63</v>
      </c>
      <c r="EA13" s="280">
        <v>65</v>
      </c>
      <c r="EB13" s="280">
        <v>29</v>
      </c>
      <c r="EC13" s="277">
        <v>416</v>
      </c>
      <c r="ED13" s="282">
        <v>556</v>
      </c>
      <c r="EE13" s="276">
        <v>8</v>
      </c>
      <c r="EF13" s="280">
        <v>1</v>
      </c>
      <c r="EG13" s="277">
        <v>9</v>
      </c>
      <c r="EH13" s="279">
        <v>0</v>
      </c>
      <c r="EI13" s="280">
        <v>34</v>
      </c>
      <c r="EJ13" s="280">
        <v>17</v>
      </c>
      <c r="EK13" s="280">
        <v>17</v>
      </c>
      <c r="EL13" s="280">
        <v>19</v>
      </c>
      <c r="EM13" s="280">
        <v>12</v>
      </c>
      <c r="EN13" s="277">
        <v>99</v>
      </c>
      <c r="EO13" s="282">
        <v>108</v>
      </c>
      <c r="EP13" s="276">
        <v>85</v>
      </c>
      <c r="EQ13" s="280">
        <v>89</v>
      </c>
      <c r="ER13" s="277">
        <v>174</v>
      </c>
      <c r="ES13" s="279">
        <v>0</v>
      </c>
      <c r="ET13" s="280">
        <v>282</v>
      </c>
      <c r="EU13" s="280">
        <v>142</v>
      </c>
      <c r="EV13" s="280">
        <v>70</v>
      </c>
      <c r="EW13" s="280">
        <v>62</v>
      </c>
      <c r="EX13" s="280">
        <v>29</v>
      </c>
      <c r="EY13" s="277">
        <v>585</v>
      </c>
      <c r="EZ13" s="282">
        <v>759</v>
      </c>
    </row>
    <row r="14" spans="2:156" ht="21" customHeight="1" x14ac:dyDescent="0.2">
      <c r="B14" s="261" t="s">
        <v>11</v>
      </c>
      <c r="C14" s="276">
        <v>0</v>
      </c>
      <c r="D14" s="280">
        <v>0</v>
      </c>
      <c r="E14" s="382">
        <v>0</v>
      </c>
      <c r="F14" s="279">
        <v>0</v>
      </c>
      <c r="G14" s="280">
        <v>11</v>
      </c>
      <c r="H14" s="280">
        <v>21</v>
      </c>
      <c r="I14" s="280">
        <v>11</v>
      </c>
      <c r="J14" s="280">
        <v>14</v>
      </c>
      <c r="K14" s="280">
        <v>10</v>
      </c>
      <c r="L14" s="281">
        <v>67</v>
      </c>
      <c r="M14" s="282">
        <v>67</v>
      </c>
      <c r="N14" s="276">
        <v>0</v>
      </c>
      <c r="O14" s="280">
        <v>0</v>
      </c>
      <c r="P14" s="277">
        <v>0</v>
      </c>
      <c r="Q14" s="279">
        <v>0</v>
      </c>
      <c r="R14" s="280">
        <v>0</v>
      </c>
      <c r="S14" s="280">
        <v>2</v>
      </c>
      <c r="T14" s="280">
        <v>2</v>
      </c>
      <c r="U14" s="280">
        <v>4</v>
      </c>
      <c r="V14" s="280">
        <v>3</v>
      </c>
      <c r="W14" s="277">
        <v>11</v>
      </c>
      <c r="X14" s="282">
        <v>11</v>
      </c>
      <c r="Y14" s="276">
        <v>7</v>
      </c>
      <c r="Z14" s="280">
        <v>7</v>
      </c>
      <c r="AA14" s="277">
        <v>14</v>
      </c>
      <c r="AB14" s="279">
        <v>0</v>
      </c>
      <c r="AC14" s="280">
        <v>19</v>
      </c>
      <c r="AD14" s="280">
        <v>18</v>
      </c>
      <c r="AE14" s="280">
        <v>11</v>
      </c>
      <c r="AF14" s="280">
        <v>15</v>
      </c>
      <c r="AG14" s="280">
        <v>7</v>
      </c>
      <c r="AH14" s="277">
        <v>70</v>
      </c>
      <c r="AI14" s="282">
        <v>84</v>
      </c>
      <c r="AJ14" s="276">
        <v>0</v>
      </c>
      <c r="AK14" s="280">
        <v>2</v>
      </c>
      <c r="AL14" s="277">
        <v>2</v>
      </c>
      <c r="AM14" s="279">
        <v>0</v>
      </c>
      <c r="AN14" s="280">
        <v>2</v>
      </c>
      <c r="AO14" s="280">
        <v>1</v>
      </c>
      <c r="AP14" s="280">
        <v>2</v>
      </c>
      <c r="AQ14" s="280">
        <v>3</v>
      </c>
      <c r="AR14" s="280">
        <v>1</v>
      </c>
      <c r="AS14" s="277">
        <v>9</v>
      </c>
      <c r="AT14" s="282">
        <v>11</v>
      </c>
      <c r="AU14" s="276">
        <v>5</v>
      </c>
      <c r="AV14" s="280">
        <v>6</v>
      </c>
      <c r="AW14" s="277">
        <v>11</v>
      </c>
      <c r="AX14" s="279">
        <v>0</v>
      </c>
      <c r="AY14" s="280">
        <v>16</v>
      </c>
      <c r="AZ14" s="280">
        <v>28</v>
      </c>
      <c r="BA14" s="280">
        <v>21</v>
      </c>
      <c r="BB14" s="280">
        <v>31</v>
      </c>
      <c r="BC14" s="280">
        <v>17</v>
      </c>
      <c r="BD14" s="281">
        <v>113</v>
      </c>
      <c r="BE14" s="282">
        <v>124</v>
      </c>
      <c r="BF14" s="276">
        <v>0</v>
      </c>
      <c r="BG14" s="280">
        <v>0</v>
      </c>
      <c r="BH14" s="277">
        <v>0</v>
      </c>
      <c r="BI14" s="279">
        <v>0</v>
      </c>
      <c r="BJ14" s="280">
        <v>37</v>
      </c>
      <c r="BK14" s="280">
        <v>23</v>
      </c>
      <c r="BL14" s="280">
        <v>17</v>
      </c>
      <c r="BM14" s="280">
        <v>11</v>
      </c>
      <c r="BN14" s="280">
        <v>3</v>
      </c>
      <c r="BO14" s="277">
        <v>91</v>
      </c>
      <c r="BP14" s="282">
        <v>91</v>
      </c>
      <c r="BQ14" s="276">
        <v>7</v>
      </c>
      <c r="BR14" s="280">
        <v>3</v>
      </c>
      <c r="BS14" s="277">
        <v>10</v>
      </c>
      <c r="BT14" s="279">
        <v>0</v>
      </c>
      <c r="BU14" s="280">
        <v>23</v>
      </c>
      <c r="BV14" s="280">
        <v>15</v>
      </c>
      <c r="BW14" s="280">
        <v>5</v>
      </c>
      <c r="BX14" s="280">
        <v>9</v>
      </c>
      <c r="BY14" s="280">
        <v>1</v>
      </c>
      <c r="BZ14" s="277">
        <v>53</v>
      </c>
      <c r="CA14" s="282">
        <v>63</v>
      </c>
      <c r="CB14" s="276">
        <v>0</v>
      </c>
      <c r="CC14" s="280">
        <v>0</v>
      </c>
      <c r="CD14" s="277">
        <v>0</v>
      </c>
      <c r="CE14" s="279">
        <v>0</v>
      </c>
      <c r="CF14" s="280">
        <v>5</v>
      </c>
      <c r="CG14" s="280">
        <v>8</v>
      </c>
      <c r="CH14" s="280">
        <v>4</v>
      </c>
      <c r="CI14" s="280">
        <v>5</v>
      </c>
      <c r="CJ14" s="280">
        <v>0</v>
      </c>
      <c r="CK14" s="277">
        <v>22</v>
      </c>
      <c r="CL14" s="282">
        <v>22</v>
      </c>
      <c r="CM14" s="276">
        <v>0</v>
      </c>
      <c r="CN14" s="280">
        <v>0</v>
      </c>
      <c r="CO14" s="277">
        <v>0</v>
      </c>
      <c r="CP14" s="279">
        <v>0</v>
      </c>
      <c r="CQ14" s="280">
        <v>0</v>
      </c>
      <c r="CR14" s="280">
        <v>2</v>
      </c>
      <c r="CS14" s="280">
        <v>1</v>
      </c>
      <c r="CT14" s="280">
        <v>1</v>
      </c>
      <c r="CU14" s="280">
        <v>0</v>
      </c>
      <c r="CV14" s="277">
        <v>4</v>
      </c>
      <c r="CW14" s="282">
        <v>4</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8</v>
      </c>
      <c r="DU14" s="280">
        <v>34</v>
      </c>
      <c r="DV14" s="277">
        <v>52</v>
      </c>
      <c r="DW14" s="279">
        <v>0</v>
      </c>
      <c r="DX14" s="280">
        <v>52</v>
      </c>
      <c r="DY14" s="280">
        <v>52</v>
      </c>
      <c r="DZ14" s="280">
        <v>30</v>
      </c>
      <c r="EA14" s="280">
        <v>32</v>
      </c>
      <c r="EB14" s="280">
        <v>15</v>
      </c>
      <c r="EC14" s="277">
        <v>181</v>
      </c>
      <c r="ED14" s="282">
        <v>233</v>
      </c>
      <c r="EE14" s="276">
        <v>1</v>
      </c>
      <c r="EF14" s="280">
        <v>2</v>
      </c>
      <c r="EG14" s="277">
        <v>3</v>
      </c>
      <c r="EH14" s="279">
        <v>0</v>
      </c>
      <c r="EI14" s="280">
        <v>13</v>
      </c>
      <c r="EJ14" s="280">
        <v>12</v>
      </c>
      <c r="EK14" s="280">
        <v>9</v>
      </c>
      <c r="EL14" s="280">
        <v>14</v>
      </c>
      <c r="EM14" s="280">
        <v>6</v>
      </c>
      <c r="EN14" s="277">
        <v>54</v>
      </c>
      <c r="EO14" s="282">
        <v>57</v>
      </c>
      <c r="EP14" s="276">
        <v>30</v>
      </c>
      <c r="EQ14" s="280">
        <v>38</v>
      </c>
      <c r="ER14" s="277">
        <v>68</v>
      </c>
      <c r="ES14" s="279">
        <v>0</v>
      </c>
      <c r="ET14" s="280">
        <v>103</v>
      </c>
      <c r="EU14" s="280">
        <v>70</v>
      </c>
      <c r="EV14" s="280">
        <v>39</v>
      </c>
      <c r="EW14" s="280">
        <v>35</v>
      </c>
      <c r="EX14" s="280">
        <v>16</v>
      </c>
      <c r="EY14" s="277">
        <v>263</v>
      </c>
      <c r="EZ14" s="282">
        <v>331</v>
      </c>
    </row>
    <row r="15" spans="2:156" ht="21" customHeight="1" x14ac:dyDescent="0.2">
      <c r="B15" s="261" t="s">
        <v>12</v>
      </c>
      <c r="C15" s="276">
        <v>0</v>
      </c>
      <c r="D15" s="280">
        <v>0</v>
      </c>
      <c r="E15" s="382">
        <v>0</v>
      </c>
      <c r="F15" s="279">
        <v>0</v>
      </c>
      <c r="G15" s="280">
        <v>37</v>
      </c>
      <c r="H15" s="280">
        <v>30</v>
      </c>
      <c r="I15" s="280">
        <v>22</v>
      </c>
      <c r="J15" s="280">
        <v>25</v>
      </c>
      <c r="K15" s="280">
        <v>13</v>
      </c>
      <c r="L15" s="281">
        <v>127</v>
      </c>
      <c r="M15" s="282">
        <v>127</v>
      </c>
      <c r="N15" s="276">
        <v>0</v>
      </c>
      <c r="O15" s="280">
        <v>0</v>
      </c>
      <c r="P15" s="277">
        <v>0</v>
      </c>
      <c r="Q15" s="279">
        <v>0</v>
      </c>
      <c r="R15" s="280">
        <v>0</v>
      </c>
      <c r="S15" s="280">
        <v>2</v>
      </c>
      <c r="T15" s="280">
        <v>2</v>
      </c>
      <c r="U15" s="280">
        <v>6</v>
      </c>
      <c r="V15" s="280">
        <v>3</v>
      </c>
      <c r="W15" s="277">
        <v>13</v>
      </c>
      <c r="X15" s="282">
        <v>13</v>
      </c>
      <c r="Y15" s="276">
        <v>10</v>
      </c>
      <c r="Z15" s="280">
        <v>21</v>
      </c>
      <c r="AA15" s="277">
        <v>31</v>
      </c>
      <c r="AB15" s="279">
        <v>0</v>
      </c>
      <c r="AC15" s="280">
        <v>20</v>
      </c>
      <c r="AD15" s="280">
        <v>34</v>
      </c>
      <c r="AE15" s="280">
        <v>19</v>
      </c>
      <c r="AF15" s="280">
        <v>21</v>
      </c>
      <c r="AG15" s="280">
        <v>11</v>
      </c>
      <c r="AH15" s="277">
        <v>105</v>
      </c>
      <c r="AI15" s="282">
        <v>136</v>
      </c>
      <c r="AJ15" s="276">
        <v>0</v>
      </c>
      <c r="AK15" s="280">
        <v>1</v>
      </c>
      <c r="AL15" s="277">
        <v>1</v>
      </c>
      <c r="AM15" s="279">
        <v>0</v>
      </c>
      <c r="AN15" s="280">
        <v>0</v>
      </c>
      <c r="AO15" s="280">
        <v>6</v>
      </c>
      <c r="AP15" s="280">
        <v>1</v>
      </c>
      <c r="AQ15" s="280">
        <v>1</v>
      </c>
      <c r="AR15" s="280">
        <v>1</v>
      </c>
      <c r="AS15" s="277">
        <v>9</v>
      </c>
      <c r="AT15" s="282">
        <v>10</v>
      </c>
      <c r="AU15" s="276">
        <v>5</v>
      </c>
      <c r="AV15" s="280">
        <v>9</v>
      </c>
      <c r="AW15" s="277">
        <v>14</v>
      </c>
      <c r="AX15" s="279">
        <v>0</v>
      </c>
      <c r="AY15" s="280">
        <v>18</v>
      </c>
      <c r="AZ15" s="280">
        <v>32</v>
      </c>
      <c r="BA15" s="280">
        <v>27</v>
      </c>
      <c r="BB15" s="280">
        <v>36</v>
      </c>
      <c r="BC15" s="280">
        <v>18</v>
      </c>
      <c r="BD15" s="281">
        <v>131</v>
      </c>
      <c r="BE15" s="282">
        <v>145</v>
      </c>
      <c r="BF15" s="276">
        <v>0</v>
      </c>
      <c r="BG15" s="280">
        <v>0</v>
      </c>
      <c r="BH15" s="277">
        <v>0</v>
      </c>
      <c r="BI15" s="279">
        <v>0</v>
      </c>
      <c r="BJ15" s="280">
        <v>56</v>
      </c>
      <c r="BK15" s="280">
        <v>31</v>
      </c>
      <c r="BL15" s="280">
        <v>21</v>
      </c>
      <c r="BM15" s="280">
        <v>15</v>
      </c>
      <c r="BN15" s="280">
        <v>0</v>
      </c>
      <c r="BO15" s="277">
        <v>123</v>
      </c>
      <c r="BP15" s="282">
        <v>123</v>
      </c>
      <c r="BQ15" s="276">
        <v>10</v>
      </c>
      <c r="BR15" s="280">
        <v>8</v>
      </c>
      <c r="BS15" s="277">
        <v>18</v>
      </c>
      <c r="BT15" s="279">
        <v>0</v>
      </c>
      <c r="BU15" s="280">
        <v>6</v>
      </c>
      <c r="BV15" s="280">
        <v>14</v>
      </c>
      <c r="BW15" s="280">
        <v>15</v>
      </c>
      <c r="BX15" s="280">
        <v>10</v>
      </c>
      <c r="BY15" s="280">
        <v>1</v>
      </c>
      <c r="BZ15" s="277">
        <v>46</v>
      </c>
      <c r="CA15" s="282">
        <v>64</v>
      </c>
      <c r="CB15" s="276">
        <v>2</v>
      </c>
      <c r="CC15" s="280">
        <v>3</v>
      </c>
      <c r="CD15" s="277">
        <v>5</v>
      </c>
      <c r="CE15" s="279">
        <v>0</v>
      </c>
      <c r="CF15" s="280">
        <v>11</v>
      </c>
      <c r="CG15" s="280">
        <v>7</v>
      </c>
      <c r="CH15" s="280">
        <v>7</v>
      </c>
      <c r="CI15" s="280">
        <v>9</v>
      </c>
      <c r="CJ15" s="280">
        <v>2</v>
      </c>
      <c r="CK15" s="277">
        <v>36</v>
      </c>
      <c r="CL15" s="282">
        <v>41</v>
      </c>
      <c r="CM15" s="276">
        <v>0</v>
      </c>
      <c r="CN15" s="280">
        <v>0</v>
      </c>
      <c r="CO15" s="277">
        <v>0</v>
      </c>
      <c r="CP15" s="279">
        <v>0</v>
      </c>
      <c r="CQ15" s="280">
        <v>0</v>
      </c>
      <c r="CR15" s="280">
        <v>1</v>
      </c>
      <c r="CS15" s="280">
        <v>1</v>
      </c>
      <c r="CT15" s="280">
        <v>0</v>
      </c>
      <c r="CU15" s="280">
        <v>0</v>
      </c>
      <c r="CV15" s="277">
        <v>2</v>
      </c>
      <c r="CW15" s="282">
        <v>2</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17</v>
      </c>
      <c r="DU15" s="280">
        <v>56</v>
      </c>
      <c r="DV15" s="277">
        <v>73</v>
      </c>
      <c r="DW15" s="279">
        <v>0</v>
      </c>
      <c r="DX15" s="280">
        <v>38</v>
      </c>
      <c r="DY15" s="280">
        <v>84</v>
      </c>
      <c r="DZ15" s="280">
        <v>51</v>
      </c>
      <c r="EA15" s="280">
        <v>49</v>
      </c>
      <c r="EB15" s="280">
        <v>18</v>
      </c>
      <c r="EC15" s="277">
        <v>240</v>
      </c>
      <c r="ED15" s="282">
        <v>313</v>
      </c>
      <c r="EE15" s="276">
        <v>2</v>
      </c>
      <c r="EF15" s="280">
        <v>5</v>
      </c>
      <c r="EG15" s="277">
        <v>7</v>
      </c>
      <c r="EH15" s="279">
        <v>0</v>
      </c>
      <c r="EI15" s="280">
        <v>6</v>
      </c>
      <c r="EJ15" s="280">
        <v>9</v>
      </c>
      <c r="EK15" s="280">
        <v>10</v>
      </c>
      <c r="EL15" s="280">
        <v>12</v>
      </c>
      <c r="EM15" s="280">
        <v>5</v>
      </c>
      <c r="EN15" s="277">
        <v>42</v>
      </c>
      <c r="EO15" s="282">
        <v>49</v>
      </c>
      <c r="EP15" s="276">
        <v>39</v>
      </c>
      <c r="EQ15" s="280">
        <v>74</v>
      </c>
      <c r="ER15" s="277">
        <v>113</v>
      </c>
      <c r="ES15" s="279">
        <v>0</v>
      </c>
      <c r="ET15" s="280">
        <v>116</v>
      </c>
      <c r="EU15" s="280">
        <v>100</v>
      </c>
      <c r="EV15" s="280">
        <v>59</v>
      </c>
      <c r="EW15" s="280">
        <v>49</v>
      </c>
      <c r="EX15" s="280">
        <v>17</v>
      </c>
      <c r="EY15" s="277">
        <v>341</v>
      </c>
      <c r="EZ15" s="282">
        <v>454</v>
      </c>
    </row>
    <row r="16" spans="2:156" ht="21" customHeight="1" x14ac:dyDescent="0.2">
      <c r="B16" s="261" t="s">
        <v>13</v>
      </c>
      <c r="C16" s="276">
        <v>0</v>
      </c>
      <c r="D16" s="280">
        <v>0</v>
      </c>
      <c r="E16" s="382">
        <v>0</v>
      </c>
      <c r="F16" s="279">
        <v>0</v>
      </c>
      <c r="G16" s="280">
        <v>19</v>
      </c>
      <c r="H16" s="280">
        <v>15</v>
      </c>
      <c r="I16" s="280">
        <v>12</v>
      </c>
      <c r="J16" s="280">
        <v>14</v>
      </c>
      <c r="K16" s="280">
        <v>11</v>
      </c>
      <c r="L16" s="281">
        <v>71</v>
      </c>
      <c r="M16" s="282">
        <v>71</v>
      </c>
      <c r="N16" s="276">
        <v>0</v>
      </c>
      <c r="O16" s="280">
        <v>0</v>
      </c>
      <c r="P16" s="277">
        <v>0</v>
      </c>
      <c r="Q16" s="279">
        <v>0</v>
      </c>
      <c r="R16" s="280">
        <v>0</v>
      </c>
      <c r="S16" s="280">
        <v>0</v>
      </c>
      <c r="T16" s="280">
        <v>0</v>
      </c>
      <c r="U16" s="280">
        <v>4</v>
      </c>
      <c r="V16" s="280">
        <v>6</v>
      </c>
      <c r="W16" s="277">
        <v>10</v>
      </c>
      <c r="X16" s="282">
        <v>10</v>
      </c>
      <c r="Y16" s="276">
        <v>1</v>
      </c>
      <c r="Z16" s="280">
        <v>2</v>
      </c>
      <c r="AA16" s="277">
        <v>3</v>
      </c>
      <c r="AB16" s="279">
        <v>0</v>
      </c>
      <c r="AC16" s="280">
        <v>7</v>
      </c>
      <c r="AD16" s="280">
        <v>12</v>
      </c>
      <c r="AE16" s="280">
        <v>11</v>
      </c>
      <c r="AF16" s="280">
        <v>10</v>
      </c>
      <c r="AG16" s="280">
        <v>11</v>
      </c>
      <c r="AH16" s="277">
        <v>51</v>
      </c>
      <c r="AI16" s="282">
        <v>54</v>
      </c>
      <c r="AJ16" s="276">
        <v>0</v>
      </c>
      <c r="AK16" s="280">
        <v>1</v>
      </c>
      <c r="AL16" s="277">
        <v>1</v>
      </c>
      <c r="AM16" s="279">
        <v>0</v>
      </c>
      <c r="AN16" s="280">
        <v>4</v>
      </c>
      <c r="AO16" s="280">
        <v>0</v>
      </c>
      <c r="AP16" s="280">
        <v>0</v>
      </c>
      <c r="AQ16" s="280">
        <v>2</v>
      </c>
      <c r="AR16" s="280">
        <v>1</v>
      </c>
      <c r="AS16" s="277">
        <v>7</v>
      </c>
      <c r="AT16" s="282">
        <v>8</v>
      </c>
      <c r="AU16" s="276">
        <v>3</v>
      </c>
      <c r="AV16" s="280">
        <v>1</v>
      </c>
      <c r="AW16" s="277">
        <v>4</v>
      </c>
      <c r="AX16" s="279">
        <v>0</v>
      </c>
      <c r="AY16" s="280">
        <v>15</v>
      </c>
      <c r="AZ16" s="280">
        <v>22</v>
      </c>
      <c r="BA16" s="280">
        <v>14</v>
      </c>
      <c r="BB16" s="280">
        <v>19</v>
      </c>
      <c r="BC16" s="280">
        <v>18</v>
      </c>
      <c r="BD16" s="281">
        <v>88</v>
      </c>
      <c r="BE16" s="282">
        <v>92</v>
      </c>
      <c r="BF16" s="276">
        <v>0</v>
      </c>
      <c r="BG16" s="280">
        <v>0</v>
      </c>
      <c r="BH16" s="277">
        <v>0</v>
      </c>
      <c r="BI16" s="279">
        <v>0</v>
      </c>
      <c r="BJ16" s="280">
        <v>20</v>
      </c>
      <c r="BK16" s="280">
        <v>16</v>
      </c>
      <c r="BL16" s="280">
        <v>11</v>
      </c>
      <c r="BM16" s="280">
        <v>7</v>
      </c>
      <c r="BN16" s="280">
        <v>4</v>
      </c>
      <c r="BO16" s="277">
        <v>58</v>
      </c>
      <c r="BP16" s="282">
        <v>58</v>
      </c>
      <c r="BQ16" s="276">
        <v>0</v>
      </c>
      <c r="BR16" s="280">
        <v>1</v>
      </c>
      <c r="BS16" s="277">
        <v>1</v>
      </c>
      <c r="BT16" s="279">
        <v>0</v>
      </c>
      <c r="BU16" s="280">
        <v>1</v>
      </c>
      <c r="BV16" s="280">
        <v>4</v>
      </c>
      <c r="BW16" s="280">
        <v>3</v>
      </c>
      <c r="BX16" s="280">
        <v>4</v>
      </c>
      <c r="BY16" s="280">
        <v>3</v>
      </c>
      <c r="BZ16" s="277">
        <v>15</v>
      </c>
      <c r="CA16" s="282">
        <v>16</v>
      </c>
      <c r="CB16" s="276">
        <v>0</v>
      </c>
      <c r="CC16" s="280">
        <v>0</v>
      </c>
      <c r="CD16" s="277">
        <v>0</v>
      </c>
      <c r="CE16" s="279">
        <v>0</v>
      </c>
      <c r="CF16" s="280">
        <v>1</v>
      </c>
      <c r="CG16" s="280">
        <v>1</v>
      </c>
      <c r="CH16" s="280">
        <v>4</v>
      </c>
      <c r="CI16" s="280">
        <v>4</v>
      </c>
      <c r="CJ16" s="280">
        <v>1</v>
      </c>
      <c r="CK16" s="277">
        <v>11</v>
      </c>
      <c r="CL16" s="282">
        <v>11</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4</v>
      </c>
      <c r="DU16" s="280">
        <v>11</v>
      </c>
      <c r="DV16" s="277">
        <v>15</v>
      </c>
      <c r="DW16" s="279">
        <v>0</v>
      </c>
      <c r="DX16" s="280">
        <v>25</v>
      </c>
      <c r="DY16" s="280">
        <v>31</v>
      </c>
      <c r="DZ16" s="280">
        <v>22</v>
      </c>
      <c r="EA16" s="280">
        <v>26</v>
      </c>
      <c r="EB16" s="280">
        <v>14</v>
      </c>
      <c r="EC16" s="277">
        <v>118</v>
      </c>
      <c r="ED16" s="282">
        <v>133</v>
      </c>
      <c r="EE16" s="276">
        <v>2</v>
      </c>
      <c r="EF16" s="280">
        <v>0</v>
      </c>
      <c r="EG16" s="277">
        <v>2</v>
      </c>
      <c r="EH16" s="279">
        <v>0</v>
      </c>
      <c r="EI16" s="280">
        <v>8</v>
      </c>
      <c r="EJ16" s="280">
        <v>10</v>
      </c>
      <c r="EK16" s="280">
        <v>5</v>
      </c>
      <c r="EL16" s="280">
        <v>5</v>
      </c>
      <c r="EM16" s="280">
        <v>4</v>
      </c>
      <c r="EN16" s="277">
        <v>32</v>
      </c>
      <c r="EO16" s="282">
        <v>34</v>
      </c>
      <c r="EP16" s="276">
        <v>5</v>
      </c>
      <c r="EQ16" s="280">
        <v>13</v>
      </c>
      <c r="ER16" s="277">
        <v>18</v>
      </c>
      <c r="ES16" s="279">
        <v>0</v>
      </c>
      <c r="ET16" s="280">
        <v>58</v>
      </c>
      <c r="EU16" s="280">
        <v>48</v>
      </c>
      <c r="EV16" s="280">
        <v>29</v>
      </c>
      <c r="EW16" s="280">
        <v>27</v>
      </c>
      <c r="EX16" s="280">
        <v>16</v>
      </c>
      <c r="EY16" s="277">
        <v>178</v>
      </c>
      <c r="EZ16" s="282">
        <v>196</v>
      </c>
    </row>
    <row r="17" spans="2:156" ht="21" customHeight="1" x14ac:dyDescent="0.2">
      <c r="B17" s="261" t="s">
        <v>15</v>
      </c>
      <c r="C17" s="276">
        <v>0</v>
      </c>
      <c r="D17" s="280">
        <v>0</v>
      </c>
      <c r="E17" s="382">
        <v>0</v>
      </c>
      <c r="F17" s="279">
        <v>0</v>
      </c>
      <c r="G17" s="280">
        <v>3</v>
      </c>
      <c r="H17" s="280">
        <v>7</v>
      </c>
      <c r="I17" s="280">
        <v>6</v>
      </c>
      <c r="J17" s="280">
        <v>5</v>
      </c>
      <c r="K17" s="280">
        <v>2</v>
      </c>
      <c r="L17" s="281">
        <v>23</v>
      </c>
      <c r="M17" s="282">
        <v>23</v>
      </c>
      <c r="N17" s="276">
        <v>0</v>
      </c>
      <c r="O17" s="280">
        <v>0</v>
      </c>
      <c r="P17" s="277">
        <v>0</v>
      </c>
      <c r="Q17" s="279">
        <v>0</v>
      </c>
      <c r="R17" s="280">
        <v>0</v>
      </c>
      <c r="S17" s="280">
        <v>0</v>
      </c>
      <c r="T17" s="280">
        <v>0</v>
      </c>
      <c r="U17" s="280">
        <v>1</v>
      </c>
      <c r="V17" s="280">
        <v>0</v>
      </c>
      <c r="W17" s="277">
        <v>1</v>
      </c>
      <c r="X17" s="282">
        <v>1</v>
      </c>
      <c r="Y17" s="276">
        <v>0</v>
      </c>
      <c r="Z17" s="280">
        <v>1</v>
      </c>
      <c r="AA17" s="277">
        <v>1</v>
      </c>
      <c r="AB17" s="279">
        <v>0</v>
      </c>
      <c r="AC17" s="280">
        <v>3</v>
      </c>
      <c r="AD17" s="280">
        <v>5</v>
      </c>
      <c r="AE17" s="280">
        <v>5</v>
      </c>
      <c r="AF17" s="280">
        <v>4</v>
      </c>
      <c r="AG17" s="280">
        <v>2</v>
      </c>
      <c r="AH17" s="277">
        <v>19</v>
      </c>
      <c r="AI17" s="282">
        <v>20</v>
      </c>
      <c r="AJ17" s="276">
        <v>0</v>
      </c>
      <c r="AK17" s="280">
        <v>0</v>
      </c>
      <c r="AL17" s="277">
        <v>0</v>
      </c>
      <c r="AM17" s="279">
        <v>0</v>
      </c>
      <c r="AN17" s="280">
        <v>1</v>
      </c>
      <c r="AO17" s="280">
        <v>2</v>
      </c>
      <c r="AP17" s="280">
        <v>0</v>
      </c>
      <c r="AQ17" s="280">
        <v>0</v>
      </c>
      <c r="AR17" s="280">
        <v>1</v>
      </c>
      <c r="AS17" s="277">
        <v>4</v>
      </c>
      <c r="AT17" s="282">
        <v>4</v>
      </c>
      <c r="AU17" s="276">
        <v>0</v>
      </c>
      <c r="AV17" s="280">
        <v>1</v>
      </c>
      <c r="AW17" s="277">
        <v>1</v>
      </c>
      <c r="AX17" s="279">
        <v>0</v>
      </c>
      <c r="AY17" s="280">
        <v>10</v>
      </c>
      <c r="AZ17" s="280">
        <v>5</v>
      </c>
      <c r="BA17" s="280">
        <v>7</v>
      </c>
      <c r="BB17" s="280">
        <v>5</v>
      </c>
      <c r="BC17" s="280">
        <v>2</v>
      </c>
      <c r="BD17" s="281">
        <v>29</v>
      </c>
      <c r="BE17" s="282">
        <v>30</v>
      </c>
      <c r="BF17" s="276">
        <v>0</v>
      </c>
      <c r="BG17" s="280">
        <v>0</v>
      </c>
      <c r="BH17" s="277">
        <v>0</v>
      </c>
      <c r="BI17" s="279">
        <v>0</v>
      </c>
      <c r="BJ17" s="280">
        <v>5</v>
      </c>
      <c r="BK17" s="280">
        <v>5</v>
      </c>
      <c r="BL17" s="280">
        <v>5</v>
      </c>
      <c r="BM17" s="280">
        <v>1</v>
      </c>
      <c r="BN17" s="280">
        <v>2</v>
      </c>
      <c r="BO17" s="277">
        <v>18</v>
      </c>
      <c r="BP17" s="282">
        <v>18</v>
      </c>
      <c r="BQ17" s="276">
        <v>0</v>
      </c>
      <c r="BR17" s="280">
        <v>0</v>
      </c>
      <c r="BS17" s="277">
        <v>0</v>
      </c>
      <c r="BT17" s="279">
        <v>0</v>
      </c>
      <c r="BU17" s="280">
        <v>1</v>
      </c>
      <c r="BV17" s="280">
        <v>3</v>
      </c>
      <c r="BW17" s="280">
        <v>2</v>
      </c>
      <c r="BX17" s="280">
        <v>1</v>
      </c>
      <c r="BY17" s="280">
        <v>0</v>
      </c>
      <c r="BZ17" s="277">
        <v>7</v>
      </c>
      <c r="CA17" s="282">
        <v>7</v>
      </c>
      <c r="CB17" s="276">
        <v>0</v>
      </c>
      <c r="CC17" s="280">
        <v>0</v>
      </c>
      <c r="CD17" s="277">
        <v>0</v>
      </c>
      <c r="CE17" s="279">
        <v>0</v>
      </c>
      <c r="CF17" s="280">
        <v>1</v>
      </c>
      <c r="CG17" s="280">
        <v>2</v>
      </c>
      <c r="CH17" s="280">
        <v>2</v>
      </c>
      <c r="CI17" s="280">
        <v>1</v>
      </c>
      <c r="CJ17" s="280">
        <v>4</v>
      </c>
      <c r="CK17" s="277">
        <v>10</v>
      </c>
      <c r="CL17" s="282">
        <v>1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7</v>
      </c>
      <c r="DV17" s="277">
        <v>8</v>
      </c>
      <c r="DW17" s="279">
        <v>0</v>
      </c>
      <c r="DX17" s="280">
        <v>7</v>
      </c>
      <c r="DY17" s="280">
        <v>17</v>
      </c>
      <c r="DZ17" s="280">
        <v>10</v>
      </c>
      <c r="EA17" s="280">
        <v>10</v>
      </c>
      <c r="EB17" s="280">
        <v>4</v>
      </c>
      <c r="EC17" s="277">
        <v>48</v>
      </c>
      <c r="ED17" s="282">
        <v>56</v>
      </c>
      <c r="EE17" s="276">
        <v>2</v>
      </c>
      <c r="EF17" s="280">
        <v>3</v>
      </c>
      <c r="EG17" s="277">
        <v>5</v>
      </c>
      <c r="EH17" s="279">
        <v>0</v>
      </c>
      <c r="EI17" s="280">
        <v>7</v>
      </c>
      <c r="EJ17" s="280">
        <v>4</v>
      </c>
      <c r="EK17" s="280">
        <v>4</v>
      </c>
      <c r="EL17" s="280">
        <v>2</v>
      </c>
      <c r="EM17" s="280">
        <v>1</v>
      </c>
      <c r="EN17" s="277">
        <v>18</v>
      </c>
      <c r="EO17" s="282">
        <v>23</v>
      </c>
      <c r="EP17" s="276">
        <v>1</v>
      </c>
      <c r="EQ17" s="280">
        <v>8</v>
      </c>
      <c r="ER17" s="277">
        <v>9</v>
      </c>
      <c r="ES17" s="279">
        <v>0</v>
      </c>
      <c r="ET17" s="280">
        <v>21</v>
      </c>
      <c r="EU17" s="280">
        <v>23</v>
      </c>
      <c r="EV17" s="280">
        <v>15</v>
      </c>
      <c r="EW17" s="280">
        <v>11</v>
      </c>
      <c r="EX17" s="280">
        <v>6</v>
      </c>
      <c r="EY17" s="277">
        <v>76</v>
      </c>
      <c r="EZ17" s="282">
        <v>85</v>
      </c>
    </row>
    <row r="18" spans="2:156" ht="21" customHeight="1" x14ac:dyDescent="0.2">
      <c r="B18" s="261" t="s">
        <v>16</v>
      </c>
      <c r="C18" s="276">
        <v>0</v>
      </c>
      <c r="D18" s="280">
        <v>0</v>
      </c>
      <c r="E18" s="382">
        <v>0</v>
      </c>
      <c r="F18" s="279">
        <v>0</v>
      </c>
      <c r="G18" s="280">
        <v>14</v>
      </c>
      <c r="H18" s="280">
        <v>8</v>
      </c>
      <c r="I18" s="280">
        <v>6</v>
      </c>
      <c r="J18" s="280">
        <v>5</v>
      </c>
      <c r="K18" s="280">
        <v>3</v>
      </c>
      <c r="L18" s="281">
        <v>36</v>
      </c>
      <c r="M18" s="282">
        <v>36</v>
      </c>
      <c r="N18" s="276">
        <v>0</v>
      </c>
      <c r="O18" s="280">
        <v>0</v>
      </c>
      <c r="P18" s="277">
        <v>0</v>
      </c>
      <c r="Q18" s="279">
        <v>0</v>
      </c>
      <c r="R18" s="280">
        <v>0</v>
      </c>
      <c r="S18" s="280">
        <v>0</v>
      </c>
      <c r="T18" s="280">
        <v>1</v>
      </c>
      <c r="U18" s="280">
        <v>1</v>
      </c>
      <c r="V18" s="280">
        <v>3</v>
      </c>
      <c r="W18" s="277">
        <v>5</v>
      </c>
      <c r="X18" s="282">
        <v>5</v>
      </c>
      <c r="Y18" s="276">
        <v>4</v>
      </c>
      <c r="Z18" s="280">
        <v>6</v>
      </c>
      <c r="AA18" s="277">
        <v>10</v>
      </c>
      <c r="AB18" s="279">
        <v>0</v>
      </c>
      <c r="AC18" s="280">
        <v>22</v>
      </c>
      <c r="AD18" s="280">
        <v>12</v>
      </c>
      <c r="AE18" s="280">
        <v>7</v>
      </c>
      <c r="AF18" s="280">
        <v>17</v>
      </c>
      <c r="AG18" s="280">
        <v>3</v>
      </c>
      <c r="AH18" s="277">
        <v>61</v>
      </c>
      <c r="AI18" s="282">
        <v>71</v>
      </c>
      <c r="AJ18" s="276">
        <v>0</v>
      </c>
      <c r="AK18" s="280">
        <v>2</v>
      </c>
      <c r="AL18" s="277">
        <v>2</v>
      </c>
      <c r="AM18" s="279">
        <v>0</v>
      </c>
      <c r="AN18" s="280">
        <v>1</v>
      </c>
      <c r="AO18" s="280">
        <v>2</v>
      </c>
      <c r="AP18" s="280">
        <v>0</v>
      </c>
      <c r="AQ18" s="280">
        <v>0</v>
      </c>
      <c r="AR18" s="280">
        <v>0</v>
      </c>
      <c r="AS18" s="277">
        <v>3</v>
      </c>
      <c r="AT18" s="282">
        <v>5</v>
      </c>
      <c r="AU18" s="276">
        <v>4</v>
      </c>
      <c r="AV18" s="280">
        <v>2</v>
      </c>
      <c r="AW18" s="277">
        <v>6</v>
      </c>
      <c r="AX18" s="279">
        <v>0</v>
      </c>
      <c r="AY18" s="280">
        <v>23</v>
      </c>
      <c r="AZ18" s="280">
        <v>15</v>
      </c>
      <c r="BA18" s="280">
        <v>14</v>
      </c>
      <c r="BB18" s="280">
        <v>22</v>
      </c>
      <c r="BC18" s="280">
        <v>10</v>
      </c>
      <c r="BD18" s="281">
        <v>84</v>
      </c>
      <c r="BE18" s="282">
        <v>90</v>
      </c>
      <c r="BF18" s="276">
        <v>0</v>
      </c>
      <c r="BG18" s="280">
        <v>0</v>
      </c>
      <c r="BH18" s="277">
        <v>0</v>
      </c>
      <c r="BI18" s="279">
        <v>0</v>
      </c>
      <c r="BJ18" s="280">
        <v>22</v>
      </c>
      <c r="BK18" s="280">
        <v>22</v>
      </c>
      <c r="BL18" s="280">
        <v>6</v>
      </c>
      <c r="BM18" s="280">
        <v>11</v>
      </c>
      <c r="BN18" s="280">
        <v>1</v>
      </c>
      <c r="BO18" s="277">
        <v>62</v>
      </c>
      <c r="BP18" s="282">
        <v>62</v>
      </c>
      <c r="BQ18" s="276">
        <v>2</v>
      </c>
      <c r="BR18" s="280">
        <v>4</v>
      </c>
      <c r="BS18" s="277">
        <v>6</v>
      </c>
      <c r="BT18" s="279">
        <v>0</v>
      </c>
      <c r="BU18" s="280">
        <v>16</v>
      </c>
      <c r="BV18" s="280">
        <v>28</v>
      </c>
      <c r="BW18" s="280">
        <v>4</v>
      </c>
      <c r="BX18" s="280">
        <v>3</v>
      </c>
      <c r="BY18" s="280">
        <v>0</v>
      </c>
      <c r="BZ18" s="277">
        <v>51</v>
      </c>
      <c r="CA18" s="282">
        <v>57</v>
      </c>
      <c r="CB18" s="276">
        <v>0</v>
      </c>
      <c r="CC18" s="280">
        <v>0</v>
      </c>
      <c r="CD18" s="277">
        <v>0</v>
      </c>
      <c r="CE18" s="279">
        <v>0</v>
      </c>
      <c r="CF18" s="280">
        <v>1</v>
      </c>
      <c r="CG18" s="280">
        <v>4</v>
      </c>
      <c r="CH18" s="280">
        <v>2</v>
      </c>
      <c r="CI18" s="280">
        <v>4</v>
      </c>
      <c r="CJ18" s="280">
        <v>0</v>
      </c>
      <c r="CK18" s="277">
        <v>11</v>
      </c>
      <c r="CL18" s="282">
        <v>11</v>
      </c>
      <c r="CM18" s="276">
        <v>0</v>
      </c>
      <c r="CN18" s="280">
        <v>0</v>
      </c>
      <c r="CO18" s="277">
        <v>0</v>
      </c>
      <c r="CP18" s="279">
        <v>0</v>
      </c>
      <c r="CQ18" s="280">
        <v>1</v>
      </c>
      <c r="CR18" s="280">
        <v>2</v>
      </c>
      <c r="CS18" s="280">
        <v>0</v>
      </c>
      <c r="CT18" s="280">
        <v>1</v>
      </c>
      <c r="CU18" s="280">
        <v>0</v>
      </c>
      <c r="CV18" s="277">
        <v>4</v>
      </c>
      <c r="CW18" s="282">
        <v>4</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1</v>
      </c>
      <c r="DU18" s="280">
        <v>16</v>
      </c>
      <c r="DV18" s="277">
        <v>27</v>
      </c>
      <c r="DW18" s="279">
        <v>0</v>
      </c>
      <c r="DX18" s="280">
        <v>31</v>
      </c>
      <c r="DY18" s="280">
        <v>43</v>
      </c>
      <c r="DZ18" s="280">
        <v>22</v>
      </c>
      <c r="EA18" s="280">
        <v>24</v>
      </c>
      <c r="EB18" s="280">
        <v>6</v>
      </c>
      <c r="EC18" s="277">
        <v>126</v>
      </c>
      <c r="ED18" s="282">
        <v>153</v>
      </c>
      <c r="EE18" s="276">
        <v>3</v>
      </c>
      <c r="EF18" s="280">
        <v>1</v>
      </c>
      <c r="EG18" s="277">
        <v>4</v>
      </c>
      <c r="EH18" s="279">
        <v>0</v>
      </c>
      <c r="EI18" s="280">
        <v>11</v>
      </c>
      <c r="EJ18" s="280">
        <v>11</v>
      </c>
      <c r="EK18" s="280">
        <v>8</v>
      </c>
      <c r="EL18" s="280">
        <v>15</v>
      </c>
      <c r="EM18" s="280">
        <v>4</v>
      </c>
      <c r="EN18" s="277">
        <v>49</v>
      </c>
      <c r="EO18" s="282">
        <v>53</v>
      </c>
      <c r="EP18" s="276">
        <v>16</v>
      </c>
      <c r="EQ18" s="280">
        <v>23</v>
      </c>
      <c r="ER18" s="277">
        <v>39</v>
      </c>
      <c r="ES18" s="279">
        <v>0</v>
      </c>
      <c r="ET18" s="280">
        <v>64</v>
      </c>
      <c r="EU18" s="280">
        <v>67</v>
      </c>
      <c r="EV18" s="280">
        <v>28</v>
      </c>
      <c r="EW18" s="280">
        <v>25</v>
      </c>
      <c r="EX18" s="280">
        <v>6</v>
      </c>
      <c r="EY18" s="277">
        <v>190</v>
      </c>
      <c r="EZ18" s="282">
        <v>229</v>
      </c>
    </row>
    <row r="19" spans="2:156" ht="21" customHeight="1" x14ac:dyDescent="0.2">
      <c r="B19" s="261" t="s">
        <v>17</v>
      </c>
      <c r="C19" s="276">
        <v>0</v>
      </c>
      <c r="D19" s="280">
        <v>0</v>
      </c>
      <c r="E19" s="382">
        <v>0</v>
      </c>
      <c r="F19" s="279">
        <v>0</v>
      </c>
      <c r="G19" s="280">
        <v>11</v>
      </c>
      <c r="H19" s="280">
        <v>19</v>
      </c>
      <c r="I19" s="280">
        <v>12</v>
      </c>
      <c r="J19" s="280">
        <v>4</v>
      </c>
      <c r="K19" s="280">
        <v>8</v>
      </c>
      <c r="L19" s="281">
        <v>54</v>
      </c>
      <c r="M19" s="282">
        <v>54</v>
      </c>
      <c r="N19" s="276">
        <v>0</v>
      </c>
      <c r="O19" s="280">
        <v>0</v>
      </c>
      <c r="P19" s="277">
        <v>0</v>
      </c>
      <c r="Q19" s="279">
        <v>0</v>
      </c>
      <c r="R19" s="280">
        <v>0</v>
      </c>
      <c r="S19" s="280">
        <v>0</v>
      </c>
      <c r="T19" s="280">
        <v>0</v>
      </c>
      <c r="U19" s="280">
        <v>0</v>
      </c>
      <c r="V19" s="280">
        <v>4</v>
      </c>
      <c r="W19" s="277">
        <v>4</v>
      </c>
      <c r="X19" s="282">
        <v>4</v>
      </c>
      <c r="Y19" s="276">
        <v>1</v>
      </c>
      <c r="Z19" s="280">
        <v>4</v>
      </c>
      <c r="AA19" s="277">
        <v>5</v>
      </c>
      <c r="AB19" s="279">
        <v>0</v>
      </c>
      <c r="AC19" s="280">
        <v>8</v>
      </c>
      <c r="AD19" s="280">
        <v>12</v>
      </c>
      <c r="AE19" s="280">
        <v>12</v>
      </c>
      <c r="AF19" s="280">
        <v>6</v>
      </c>
      <c r="AG19" s="280">
        <v>10</v>
      </c>
      <c r="AH19" s="277">
        <v>48</v>
      </c>
      <c r="AI19" s="282">
        <v>53</v>
      </c>
      <c r="AJ19" s="276">
        <v>0</v>
      </c>
      <c r="AK19" s="280">
        <v>2</v>
      </c>
      <c r="AL19" s="277">
        <v>2</v>
      </c>
      <c r="AM19" s="279">
        <v>0</v>
      </c>
      <c r="AN19" s="280">
        <v>0</v>
      </c>
      <c r="AO19" s="280">
        <v>3</v>
      </c>
      <c r="AP19" s="280">
        <v>0</v>
      </c>
      <c r="AQ19" s="280">
        <v>0</v>
      </c>
      <c r="AR19" s="280">
        <v>0</v>
      </c>
      <c r="AS19" s="277">
        <v>3</v>
      </c>
      <c r="AT19" s="282">
        <v>5</v>
      </c>
      <c r="AU19" s="276">
        <v>4</v>
      </c>
      <c r="AV19" s="280">
        <v>5</v>
      </c>
      <c r="AW19" s="277">
        <v>9</v>
      </c>
      <c r="AX19" s="279">
        <v>0</v>
      </c>
      <c r="AY19" s="280">
        <v>10</v>
      </c>
      <c r="AZ19" s="280">
        <v>23</v>
      </c>
      <c r="BA19" s="280">
        <v>25</v>
      </c>
      <c r="BB19" s="280">
        <v>15</v>
      </c>
      <c r="BC19" s="280">
        <v>15</v>
      </c>
      <c r="BD19" s="281">
        <v>88</v>
      </c>
      <c r="BE19" s="282">
        <v>97</v>
      </c>
      <c r="BF19" s="276">
        <v>0</v>
      </c>
      <c r="BG19" s="280">
        <v>0</v>
      </c>
      <c r="BH19" s="277">
        <v>0</v>
      </c>
      <c r="BI19" s="279">
        <v>0</v>
      </c>
      <c r="BJ19" s="280">
        <v>20</v>
      </c>
      <c r="BK19" s="280">
        <v>25</v>
      </c>
      <c r="BL19" s="280">
        <v>12</v>
      </c>
      <c r="BM19" s="280">
        <v>11</v>
      </c>
      <c r="BN19" s="280">
        <v>5</v>
      </c>
      <c r="BO19" s="277">
        <v>73</v>
      </c>
      <c r="BP19" s="282">
        <v>73</v>
      </c>
      <c r="BQ19" s="276">
        <v>4</v>
      </c>
      <c r="BR19" s="280">
        <v>4</v>
      </c>
      <c r="BS19" s="277">
        <v>8</v>
      </c>
      <c r="BT19" s="279">
        <v>0</v>
      </c>
      <c r="BU19" s="280">
        <v>0</v>
      </c>
      <c r="BV19" s="280">
        <v>14</v>
      </c>
      <c r="BW19" s="280">
        <v>3</v>
      </c>
      <c r="BX19" s="280">
        <v>1</v>
      </c>
      <c r="BY19" s="280">
        <v>2</v>
      </c>
      <c r="BZ19" s="277">
        <v>20</v>
      </c>
      <c r="CA19" s="282">
        <v>28</v>
      </c>
      <c r="CB19" s="276">
        <v>0</v>
      </c>
      <c r="CC19" s="280">
        <v>0</v>
      </c>
      <c r="CD19" s="277">
        <v>0</v>
      </c>
      <c r="CE19" s="279">
        <v>0</v>
      </c>
      <c r="CF19" s="280">
        <v>3</v>
      </c>
      <c r="CG19" s="280">
        <v>7</v>
      </c>
      <c r="CH19" s="280">
        <v>4</v>
      </c>
      <c r="CI19" s="280">
        <v>8</v>
      </c>
      <c r="CJ19" s="280">
        <v>1</v>
      </c>
      <c r="CK19" s="277">
        <v>23</v>
      </c>
      <c r="CL19" s="282">
        <v>23</v>
      </c>
      <c r="CM19" s="276">
        <v>0</v>
      </c>
      <c r="CN19" s="280">
        <v>0</v>
      </c>
      <c r="CO19" s="277">
        <v>0</v>
      </c>
      <c r="CP19" s="279">
        <v>0</v>
      </c>
      <c r="CQ19" s="280">
        <v>0</v>
      </c>
      <c r="CR19" s="280">
        <v>2</v>
      </c>
      <c r="CS19" s="280">
        <v>1</v>
      </c>
      <c r="CT19" s="280">
        <v>1</v>
      </c>
      <c r="CU19" s="280">
        <v>0</v>
      </c>
      <c r="CV19" s="277">
        <v>4</v>
      </c>
      <c r="CW19" s="282">
        <v>4</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0</v>
      </c>
      <c r="DU19" s="280">
        <v>23</v>
      </c>
      <c r="DV19" s="277">
        <v>33</v>
      </c>
      <c r="DW19" s="279">
        <v>0</v>
      </c>
      <c r="DX19" s="280">
        <v>24</v>
      </c>
      <c r="DY19" s="280">
        <v>61</v>
      </c>
      <c r="DZ19" s="280">
        <v>39</v>
      </c>
      <c r="EA19" s="280">
        <v>20</v>
      </c>
      <c r="EB19" s="280">
        <v>17</v>
      </c>
      <c r="EC19" s="277">
        <v>161</v>
      </c>
      <c r="ED19" s="282">
        <v>194</v>
      </c>
      <c r="EE19" s="276">
        <v>5</v>
      </c>
      <c r="EF19" s="280">
        <v>2</v>
      </c>
      <c r="EG19" s="277">
        <v>7</v>
      </c>
      <c r="EH19" s="279">
        <v>0</v>
      </c>
      <c r="EI19" s="280">
        <v>7</v>
      </c>
      <c r="EJ19" s="280">
        <v>6</v>
      </c>
      <c r="EK19" s="280">
        <v>7</v>
      </c>
      <c r="EL19" s="280">
        <v>7</v>
      </c>
      <c r="EM19" s="280">
        <v>2</v>
      </c>
      <c r="EN19" s="277">
        <v>29</v>
      </c>
      <c r="EO19" s="282">
        <v>36</v>
      </c>
      <c r="EP19" s="276">
        <v>15</v>
      </c>
      <c r="EQ19" s="280">
        <v>27</v>
      </c>
      <c r="ER19" s="277">
        <v>42</v>
      </c>
      <c r="ES19" s="279">
        <v>0</v>
      </c>
      <c r="ET19" s="280">
        <v>64</v>
      </c>
      <c r="EU19" s="280">
        <v>80</v>
      </c>
      <c r="EV19" s="280">
        <v>41</v>
      </c>
      <c r="EW19" s="280">
        <v>26</v>
      </c>
      <c r="EX19" s="280">
        <v>17</v>
      </c>
      <c r="EY19" s="277">
        <v>228</v>
      </c>
      <c r="EZ19" s="282">
        <v>270</v>
      </c>
    </row>
    <row r="20" spans="2:156" ht="21" customHeight="1" x14ac:dyDescent="0.2">
      <c r="B20" s="261" t="s">
        <v>18</v>
      </c>
      <c r="C20" s="276">
        <v>0</v>
      </c>
      <c r="D20" s="280">
        <v>0</v>
      </c>
      <c r="E20" s="382">
        <v>0</v>
      </c>
      <c r="F20" s="279">
        <v>0</v>
      </c>
      <c r="G20" s="280">
        <v>23</v>
      </c>
      <c r="H20" s="280">
        <v>28</v>
      </c>
      <c r="I20" s="280">
        <v>16</v>
      </c>
      <c r="J20" s="280">
        <v>7</v>
      </c>
      <c r="K20" s="280">
        <v>5</v>
      </c>
      <c r="L20" s="281">
        <v>79</v>
      </c>
      <c r="M20" s="282">
        <v>79</v>
      </c>
      <c r="N20" s="276">
        <v>0</v>
      </c>
      <c r="O20" s="280">
        <v>0</v>
      </c>
      <c r="P20" s="277">
        <v>0</v>
      </c>
      <c r="Q20" s="279">
        <v>0</v>
      </c>
      <c r="R20" s="280">
        <v>0</v>
      </c>
      <c r="S20" s="280">
        <v>0</v>
      </c>
      <c r="T20" s="280">
        <v>1</v>
      </c>
      <c r="U20" s="280">
        <v>2</v>
      </c>
      <c r="V20" s="280">
        <v>3</v>
      </c>
      <c r="W20" s="277">
        <v>6</v>
      </c>
      <c r="X20" s="282">
        <v>6</v>
      </c>
      <c r="Y20" s="276">
        <v>3</v>
      </c>
      <c r="Z20" s="280">
        <v>7</v>
      </c>
      <c r="AA20" s="277">
        <v>10</v>
      </c>
      <c r="AB20" s="279">
        <v>0</v>
      </c>
      <c r="AC20" s="280">
        <v>25</v>
      </c>
      <c r="AD20" s="280">
        <v>21</v>
      </c>
      <c r="AE20" s="280">
        <v>15</v>
      </c>
      <c r="AF20" s="280">
        <v>5</v>
      </c>
      <c r="AG20" s="280">
        <v>4</v>
      </c>
      <c r="AH20" s="277">
        <v>70</v>
      </c>
      <c r="AI20" s="282">
        <v>80</v>
      </c>
      <c r="AJ20" s="276">
        <v>0</v>
      </c>
      <c r="AK20" s="280">
        <v>1</v>
      </c>
      <c r="AL20" s="277">
        <v>1</v>
      </c>
      <c r="AM20" s="279">
        <v>0</v>
      </c>
      <c r="AN20" s="280">
        <v>2</v>
      </c>
      <c r="AO20" s="280">
        <v>3</v>
      </c>
      <c r="AP20" s="280">
        <v>1</v>
      </c>
      <c r="AQ20" s="280">
        <v>1</v>
      </c>
      <c r="AR20" s="280">
        <v>0</v>
      </c>
      <c r="AS20" s="277">
        <v>7</v>
      </c>
      <c r="AT20" s="282">
        <v>8</v>
      </c>
      <c r="AU20" s="276">
        <v>3</v>
      </c>
      <c r="AV20" s="280">
        <v>4</v>
      </c>
      <c r="AW20" s="277">
        <v>7</v>
      </c>
      <c r="AX20" s="279">
        <v>0</v>
      </c>
      <c r="AY20" s="280">
        <v>31</v>
      </c>
      <c r="AZ20" s="280">
        <v>33</v>
      </c>
      <c r="BA20" s="280">
        <v>33</v>
      </c>
      <c r="BB20" s="280">
        <v>22</v>
      </c>
      <c r="BC20" s="280">
        <v>11</v>
      </c>
      <c r="BD20" s="281">
        <v>130</v>
      </c>
      <c r="BE20" s="282">
        <v>137</v>
      </c>
      <c r="BF20" s="276">
        <v>0</v>
      </c>
      <c r="BG20" s="280">
        <v>0</v>
      </c>
      <c r="BH20" s="277">
        <v>0</v>
      </c>
      <c r="BI20" s="279">
        <v>0</v>
      </c>
      <c r="BJ20" s="280">
        <v>41</v>
      </c>
      <c r="BK20" s="280">
        <v>31</v>
      </c>
      <c r="BL20" s="280">
        <v>23</v>
      </c>
      <c r="BM20" s="280">
        <v>12</v>
      </c>
      <c r="BN20" s="280">
        <v>4</v>
      </c>
      <c r="BO20" s="277">
        <v>111</v>
      </c>
      <c r="BP20" s="282">
        <v>111</v>
      </c>
      <c r="BQ20" s="276">
        <v>1</v>
      </c>
      <c r="BR20" s="280">
        <v>9</v>
      </c>
      <c r="BS20" s="277">
        <v>10</v>
      </c>
      <c r="BT20" s="279">
        <v>0</v>
      </c>
      <c r="BU20" s="280">
        <v>14</v>
      </c>
      <c r="BV20" s="280">
        <v>14</v>
      </c>
      <c r="BW20" s="280">
        <v>8</v>
      </c>
      <c r="BX20" s="280">
        <v>1</v>
      </c>
      <c r="BY20" s="280">
        <v>2</v>
      </c>
      <c r="BZ20" s="277">
        <v>39</v>
      </c>
      <c r="CA20" s="282">
        <v>49</v>
      </c>
      <c r="CB20" s="276">
        <v>0</v>
      </c>
      <c r="CC20" s="280">
        <v>1</v>
      </c>
      <c r="CD20" s="277">
        <v>1</v>
      </c>
      <c r="CE20" s="279">
        <v>0</v>
      </c>
      <c r="CF20" s="280">
        <v>0</v>
      </c>
      <c r="CG20" s="280">
        <v>3</v>
      </c>
      <c r="CH20" s="280">
        <v>18</v>
      </c>
      <c r="CI20" s="280">
        <v>4</v>
      </c>
      <c r="CJ20" s="280">
        <v>5</v>
      </c>
      <c r="CK20" s="277">
        <v>30</v>
      </c>
      <c r="CL20" s="282">
        <v>31</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9</v>
      </c>
      <c r="DU20" s="280">
        <v>28</v>
      </c>
      <c r="DV20" s="277">
        <v>37</v>
      </c>
      <c r="DW20" s="279">
        <v>0</v>
      </c>
      <c r="DX20" s="280">
        <v>46</v>
      </c>
      <c r="DY20" s="280">
        <v>54</v>
      </c>
      <c r="DZ20" s="280">
        <v>40</v>
      </c>
      <c r="EA20" s="280">
        <v>25</v>
      </c>
      <c r="EB20" s="280">
        <v>13</v>
      </c>
      <c r="EC20" s="277">
        <v>178</v>
      </c>
      <c r="ED20" s="282">
        <v>215</v>
      </c>
      <c r="EE20" s="276">
        <v>2</v>
      </c>
      <c r="EF20" s="280">
        <v>0</v>
      </c>
      <c r="EG20" s="277">
        <v>2</v>
      </c>
      <c r="EH20" s="279">
        <v>0</v>
      </c>
      <c r="EI20" s="280">
        <v>10</v>
      </c>
      <c r="EJ20" s="280">
        <v>12</v>
      </c>
      <c r="EK20" s="280">
        <v>10</v>
      </c>
      <c r="EL20" s="280">
        <v>9</v>
      </c>
      <c r="EM20" s="280">
        <v>2</v>
      </c>
      <c r="EN20" s="277">
        <v>43</v>
      </c>
      <c r="EO20" s="282">
        <v>45</v>
      </c>
      <c r="EP20" s="276">
        <v>13</v>
      </c>
      <c r="EQ20" s="280">
        <v>36</v>
      </c>
      <c r="ER20" s="277">
        <v>49</v>
      </c>
      <c r="ES20" s="279">
        <v>0</v>
      </c>
      <c r="ET20" s="280">
        <v>105</v>
      </c>
      <c r="EU20" s="280">
        <v>78</v>
      </c>
      <c r="EV20" s="280">
        <v>53</v>
      </c>
      <c r="EW20" s="280">
        <v>23</v>
      </c>
      <c r="EX20" s="280">
        <v>14</v>
      </c>
      <c r="EY20" s="277">
        <v>273</v>
      </c>
      <c r="EZ20" s="282">
        <v>322</v>
      </c>
    </row>
    <row r="21" spans="2:156" ht="21" customHeight="1" x14ac:dyDescent="0.2">
      <c r="B21" s="261" t="s">
        <v>19</v>
      </c>
      <c r="C21" s="276">
        <v>0</v>
      </c>
      <c r="D21" s="280">
        <v>0</v>
      </c>
      <c r="E21" s="382">
        <v>0</v>
      </c>
      <c r="F21" s="279">
        <v>0</v>
      </c>
      <c r="G21" s="280">
        <v>10</v>
      </c>
      <c r="H21" s="280">
        <v>9</v>
      </c>
      <c r="I21" s="280">
        <v>7</v>
      </c>
      <c r="J21" s="280">
        <v>4</v>
      </c>
      <c r="K21" s="280">
        <v>2</v>
      </c>
      <c r="L21" s="281">
        <v>32</v>
      </c>
      <c r="M21" s="282">
        <v>32</v>
      </c>
      <c r="N21" s="276">
        <v>0</v>
      </c>
      <c r="O21" s="280">
        <v>0</v>
      </c>
      <c r="P21" s="277">
        <v>0</v>
      </c>
      <c r="Q21" s="279">
        <v>0</v>
      </c>
      <c r="R21" s="280">
        <v>0</v>
      </c>
      <c r="S21" s="280">
        <v>1</v>
      </c>
      <c r="T21" s="280">
        <v>3</v>
      </c>
      <c r="U21" s="280">
        <v>1</v>
      </c>
      <c r="V21" s="280">
        <v>2</v>
      </c>
      <c r="W21" s="277">
        <v>7</v>
      </c>
      <c r="X21" s="282">
        <v>7</v>
      </c>
      <c r="Y21" s="276">
        <v>2</v>
      </c>
      <c r="Z21" s="280">
        <v>1</v>
      </c>
      <c r="AA21" s="277">
        <v>3</v>
      </c>
      <c r="AB21" s="279">
        <v>0</v>
      </c>
      <c r="AC21" s="280">
        <v>13</v>
      </c>
      <c r="AD21" s="280">
        <v>11</v>
      </c>
      <c r="AE21" s="280">
        <v>8</v>
      </c>
      <c r="AF21" s="280">
        <v>3</v>
      </c>
      <c r="AG21" s="280">
        <v>3</v>
      </c>
      <c r="AH21" s="277">
        <v>38</v>
      </c>
      <c r="AI21" s="282">
        <v>41</v>
      </c>
      <c r="AJ21" s="276">
        <v>0</v>
      </c>
      <c r="AK21" s="280">
        <v>0</v>
      </c>
      <c r="AL21" s="277">
        <v>0</v>
      </c>
      <c r="AM21" s="279">
        <v>0</v>
      </c>
      <c r="AN21" s="280">
        <v>1</v>
      </c>
      <c r="AO21" s="280">
        <v>3</v>
      </c>
      <c r="AP21" s="280">
        <v>0</v>
      </c>
      <c r="AQ21" s="280">
        <v>1</v>
      </c>
      <c r="AR21" s="280">
        <v>0</v>
      </c>
      <c r="AS21" s="277">
        <v>5</v>
      </c>
      <c r="AT21" s="282">
        <v>5</v>
      </c>
      <c r="AU21" s="276">
        <v>5</v>
      </c>
      <c r="AV21" s="280">
        <v>2</v>
      </c>
      <c r="AW21" s="277">
        <v>7</v>
      </c>
      <c r="AX21" s="279">
        <v>0</v>
      </c>
      <c r="AY21" s="280">
        <v>21</v>
      </c>
      <c r="AZ21" s="280">
        <v>13</v>
      </c>
      <c r="BA21" s="280">
        <v>16</v>
      </c>
      <c r="BB21" s="280">
        <v>10</v>
      </c>
      <c r="BC21" s="280">
        <v>7</v>
      </c>
      <c r="BD21" s="281">
        <v>67</v>
      </c>
      <c r="BE21" s="282">
        <v>74</v>
      </c>
      <c r="BF21" s="276">
        <v>0</v>
      </c>
      <c r="BG21" s="280">
        <v>0</v>
      </c>
      <c r="BH21" s="277">
        <v>0</v>
      </c>
      <c r="BI21" s="279">
        <v>0</v>
      </c>
      <c r="BJ21" s="280">
        <v>21</v>
      </c>
      <c r="BK21" s="280">
        <v>14</v>
      </c>
      <c r="BL21" s="280">
        <v>9</v>
      </c>
      <c r="BM21" s="280">
        <v>0</v>
      </c>
      <c r="BN21" s="280">
        <v>0</v>
      </c>
      <c r="BO21" s="277">
        <v>44</v>
      </c>
      <c r="BP21" s="282">
        <v>44</v>
      </c>
      <c r="BQ21" s="276">
        <v>1</v>
      </c>
      <c r="BR21" s="280">
        <v>2</v>
      </c>
      <c r="BS21" s="277">
        <v>3</v>
      </c>
      <c r="BT21" s="279">
        <v>0</v>
      </c>
      <c r="BU21" s="280">
        <v>11</v>
      </c>
      <c r="BV21" s="280">
        <v>5</v>
      </c>
      <c r="BW21" s="280">
        <v>3</v>
      </c>
      <c r="BX21" s="280">
        <v>3</v>
      </c>
      <c r="BY21" s="280">
        <v>0</v>
      </c>
      <c r="BZ21" s="277">
        <v>22</v>
      </c>
      <c r="CA21" s="282">
        <v>25</v>
      </c>
      <c r="CB21" s="276">
        <v>0</v>
      </c>
      <c r="CC21" s="280">
        <v>0</v>
      </c>
      <c r="CD21" s="277">
        <v>0</v>
      </c>
      <c r="CE21" s="279">
        <v>0</v>
      </c>
      <c r="CF21" s="280">
        <v>1</v>
      </c>
      <c r="CG21" s="280">
        <v>4</v>
      </c>
      <c r="CH21" s="280">
        <v>1</v>
      </c>
      <c r="CI21" s="280">
        <v>0</v>
      </c>
      <c r="CJ21" s="280">
        <v>1</v>
      </c>
      <c r="CK21" s="277">
        <v>7</v>
      </c>
      <c r="CL21" s="282">
        <v>7</v>
      </c>
      <c r="CM21" s="276">
        <v>0</v>
      </c>
      <c r="CN21" s="280">
        <v>0</v>
      </c>
      <c r="CO21" s="277">
        <v>0</v>
      </c>
      <c r="CP21" s="279">
        <v>0</v>
      </c>
      <c r="CQ21" s="280">
        <v>0</v>
      </c>
      <c r="CR21" s="280">
        <v>0</v>
      </c>
      <c r="CS21" s="280">
        <v>0</v>
      </c>
      <c r="CT21" s="280">
        <v>0</v>
      </c>
      <c r="CU21" s="280">
        <v>1</v>
      </c>
      <c r="CV21" s="277">
        <v>1</v>
      </c>
      <c r="CW21" s="282">
        <v>1</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4</v>
      </c>
      <c r="DU21" s="280">
        <v>8</v>
      </c>
      <c r="DV21" s="277">
        <v>12</v>
      </c>
      <c r="DW21" s="279">
        <v>0</v>
      </c>
      <c r="DX21" s="280">
        <v>31</v>
      </c>
      <c r="DY21" s="280">
        <v>26</v>
      </c>
      <c r="DZ21" s="280">
        <v>14</v>
      </c>
      <c r="EA21" s="280">
        <v>11</v>
      </c>
      <c r="EB21" s="280">
        <v>8</v>
      </c>
      <c r="EC21" s="277">
        <v>90</v>
      </c>
      <c r="ED21" s="282">
        <v>102</v>
      </c>
      <c r="EE21" s="276">
        <v>1</v>
      </c>
      <c r="EF21" s="280">
        <v>2</v>
      </c>
      <c r="EG21" s="277">
        <v>3</v>
      </c>
      <c r="EH21" s="279">
        <v>0</v>
      </c>
      <c r="EI21" s="280">
        <v>6</v>
      </c>
      <c r="EJ21" s="280">
        <v>5</v>
      </c>
      <c r="EK21" s="280">
        <v>5</v>
      </c>
      <c r="EL21" s="280">
        <v>2</v>
      </c>
      <c r="EM21" s="280">
        <v>0</v>
      </c>
      <c r="EN21" s="277">
        <v>18</v>
      </c>
      <c r="EO21" s="282">
        <v>21</v>
      </c>
      <c r="EP21" s="276">
        <v>7</v>
      </c>
      <c r="EQ21" s="280">
        <v>10</v>
      </c>
      <c r="ER21" s="277">
        <v>17</v>
      </c>
      <c r="ES21" s="279">
        <v>0</v>
      </c>
      <c r="ET21" s="280">
        <v>53</v>
      </c>
      <c r="EU21" s="280">
        <v>39</v>
      </c>
      <c r="EV21" s="280">
        <v>16</v>
      </c>
      <c r="EW21" s="280">
        <v>11</v>
      </c>
      <c r="EX21" s="280">
        <v>6</v>
      </c>
      <c r="EY21" s="277">
        <v>125</v>
      </c>
      <c r="EZ21" s="282">
        <v>142</v>
      </c>
    </row>
    <row r="22" spans="2:156" ht="21" customHeight="1" x14ac:dyDescent="0.2">
      <c r="B22" s="261" t="s">
        <v>20</v>
      </c>
      <c r="C22" s="276">
        <v>0</v>
      </c>
      <c r="D22" s="280">
        <v>0</v>
      </c>
      <c r="E22" s="382">
        <v>0</v>
      </c>
      <c r="F22" s="279">
        <v>0</v>
      </c>
      <c r="G22" s="280">
        <v>23</v>
      </c>
      <c r="H22" s="280">
        <v>20</v>
      </c>
      <c r="I22" s="280">
        <v>10</v>
      </c>
      <c r="J22" s="280">
        <v>5</v>
      </c>
      <c r="K22" s="280">
        <v>8</v>
      </c>
      <c r="L22" s="281">
        <v>66</v>
      </c>
      <c r="M22" s="282">
        <v>66</v>
      </c>
      <c r="N22" s="276">
        <v>0</v>
      </c>
      <c r="O22" s="280">
        <v>0</v>
      </c>
      <c r="P22" s="277">
        <v>0</v>
      </c>
      <c r="Q22" s="279">
        <v>0</v>
      </c>
      <c r="R22" s="280">
        <v>1</v>
      </c>
      <c r="S22" s="280">
        <v>0</v>
      </c>
      <c r="T22" s="280">
        <v>1</v>
      </c>
      <c r="U22" s="280">
        <v>2</v>
      </c>
      <c r="V22" s="280">
        <v>2</v>
      </c>
      <c r="W22" s="277">
        <v>6</v>
      </c>
      <c r="X22" s="282">
        <v>6</v>
      </c>
      <c r="Y22" s="276">
        <v>4</v>
      </c>
      <c r="Z22" s="280">
        <v>2</v>
      </c>
      <c r="AA22" s="277">
        <v>6</v>
      </c>
      <c r="AB22" s="279">
        <v>0</v>
      </c>
      <c r="AC22" s="280">
        <v>22</v>
      </c>
      <c r="AD22" s="280">
        <v>20</v>
      </c>
      <c r="AE22" s="280">
        <v>12</v>
      </c>
      <c r="AF22" s="280">
        <v>6</v>
      </c>
      <c r="AG22" s="280">
        <v>6</v>
      </c>
      <c r="AH22" s="277">
        <v>66</v>
      </c>
      <c r="AI22" s="282">
        <v>72</v>
      </c>
      <c r="AJ22" s="276">
        <v>2</v>
      </c>
      <c r="AK22" s="280">
        <v>2</v>
      </c>
      <c r="AL22" s="277">
        <v>4</v>
      </c>
      <c r="AM22" s="279">
        <v>0</v>
      </c>
      <c r="AN22" s="280">
        <v>7</v>
      </c>
      <c r="AO22" s="280">
        <v>8</v>
      </c>
      <c r="AP22" s="280">
        <v>4</v>
      </c>
      <c r="AQ22" s="280">
        <v>2</v>
      </c>
      <c r="AR22" s="280">
        <v>0</v>
      </c>
      <c r="AS22" s="277">
        <v>21</v>
      </c>
      <c r="AT22" s="282">
        <v>25</v>
      </c>
      <c r="AU22" s="276">
        <v>2</v>
      </c>
      <c r="AV22" s="280">
        <v>4</v>
      </c>
      <c r="AW22" s="277">
        <v>6</v>
      </c>
      <c r="AX22" s="279">
        <v>0</v>
      </c>
      <c r="AY22" s="280">
        <v>19</v>
      </c>
      <c r="AZ22" s="280">
        <v>19</v>
      </c>
      <c r="BA22" s="280">
        <v>25</v>
      </c>
      <c r="BB22" s="280">
        <v>22</v>
      </c>
      <c r="BC22" s="280">
        <v>11</v>
      </c>
      <c r="BD22" s="281">
        <v>96</v>
      </c>
      <c r="BE22" s="282">
        <v>102</v>
      </c>
      <c r="BF22" s="276">
        <v>0</v>
      </c>
      <c r="BG22" s="280">
        <v>0</v>
      </c>
      <c r="BH22" s="277">
        <v>0</v>
      </c>
      <c r="BI22" s="279">
        <v>0</v>
      </c>
      <c r="BJ22" s="280">
        <v>30</v>
      </c>
      <c r="BK22" s="280">
        <v>27</v>
      </c>
      <c r="BL22" s="280">
        <v>10</v>
      </c>
      <c r="BM22" s="280">
        <v>6</v>
      </c>
      <c r="BN22" s="280">
        <v>0</v>
      </c>
      <c r="BO22" s="277">
        <v>73</v>
      </c>
      <c r="BP22" s="282">
        <v>73</v>
      </c>
      <c r="BQ22" s="276">
        <v>2</v>
      </c>
      <c r="BR22" s="280">
        <v>4</v>
      </c>
      <c r="BS22" s="277">
        <v>6</v>
      </c>
      <c r="BT22" s="279">
        <v>0</v>
      </c>
      <c r="BU22" s="280">
        <v>6</v>
      </c>
      <c r="BV22" s="280">
        <v>10</v>
      </c>
      <c r="BW22" s="280">
        <v>6</v>
      </c>
      <c r="BX22" s="280">
        <v>5</v>
      </c>
      <c r="BY22" s="280">
        <v>1</v>
      </c>
      <c r="BZ22" s="277">
        <v>28</v>
      </c>
      <c r="CA22" s="282">
        <v>34</v>
      </c>
      <c r="CB22" s="276">
        <v>1</v>
      </c>
      <c r="CC22" s="280">
        <v>0</v>
      </c>
      <c r="CD22" s="277">
        <v>1</v>
      </c>
      <c r="CE22" s="279">
        <v>0</v>
      </c>
      <c r="CF22" s="280">
        <v>3</v>
      </c>
      <c r="CG22" s="280">
        <v>5</v>
      </c>
      <c r="CH22" s="280">
        <v>4</v>
      </c>
      <c r="CI22" s="280">
        <v>11</v>
      </c>
      <c r="CJ22" s="280">
        <v>0</v>
      </c>
      <c r="CK22" s="277">
        <v>23</v>
      </c>
      <c r="CL22" s="282">
        <v>24</v>
      </c>
      <c r="CM22" s="276">
        <v>0</v>
      </c>
      <c r="CN22" s="280">
        <v>0</v>
      </c>
      <c r="CO22" s="277">
        <v>0</v>
      </c>
      <c r="CP22" s="279">
        <v>0</v>
      </c>
      <c r="CQ22" s="280">
        <v>0</v>
      </c>
      <c r="CR22" s="280">
        <v>0</v>
      </c>
      <c r="CS22" s="280">
        <v>1</v>
      </c>
      <c r="CT22" s="280">
        <v>3</v>
      </c>
      <c r="CU22" s="280">
        <v>0</v>
      </c>
      <c r="CV22" s="277">
        <v>4</v>
      </c>
      <c r="CW22" s="282">
        <v>4</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0</v>
      </c>
      <c r="DU22" s="280">
        <v>21</v>
      </c>
      <c r="DV22" s="277">
        <v>31</v>
      </c>
      <c r="DW22" s="279">
        <v>0</v>
      </c>
      <c r="DX22" s="280">
        <v>41</v>
      </c>
      <c r="DY22" s="280">
        <v>46</v>
      </c>
      <c r="DZ22" s="280">
        <v>27</v>
      </c>
      <c r="EA22" s="280">
        <v>19</v>
      </c>
      <c r="EB22" s="280">
        <v>10</v>
      </c>
      <c r="EC22" s="277">
        <v>143</v>
      </c>
      <c r="ED22" s="282">
        <v>174</v>
      </c>
      <c r="EE22" s="276">
        <v>1</v>
      </c>
      <c r="EF22" s="280">
        <v>2</v>
      </c>
      <c r="EG22" s="277">
        <v>3</v>
      </c>
      <c r="EH22" s="279">
        <v>0</v>
      </c>
      <c r="EI22" s="280">
        <v>6</v>
      </c>
      <c r="EJ22" s="280">
        <v>4</v>
      </c>
      <c r="EK22" s="280">
        <v>7</v>
      </c>
      <c r="EL22" s="280">
        <v>5</v>
      </c>
      <c r="EM22" s="280">
        <v>5</v>
      </c>
      <c r="EN22" s="277">
        <v>27</v>
      </c>
      <c r="EO22" s="282">
        <v>30</v>
      </c>
      <c r="EP22" s="276">
        <v>17</v>
      </c>
      <c r="EQ22" s="280">
        <v>28</v>
      </c>
      <c r="ER22" s="277">
        <v>45</v>
      </c>
      <c r="ES22" s="279">
        <v>0</v>
      </c>
      <c r="ET22" s="280">
        <v>82</v>
      </c>
      <c r="EU22" s="280">
        <v>65</v>
      </c>
      <c r="EV22" s="280">
        <v>34</v>
      </c>
      <c r="EW22" s="280">
        <v>24</v>
      </c>
      <c r="EX22" s="280">
        <v>10</v>
      </c>
      <c r="EY22" s="277">
        <v>215</v>
      </c>
      <c r="EZ22" s="282">
        <v>260</v>
      </c>
    </row>
    <row r="23" spans="2:156" ht="21" customHeight="1" x14ac:dyDescent="0.2">
      <c r="B23" s="261" t="s">
        <v>21</v>
      </c>
      <c r="C23" s="276">
        <v>0</v>
      </c>
      <c r="D23" s="280">
        <v>0</v>
      </c>
      <c r="E23" s="382">
        <v>0</v>
      </c>
      <c r="F23" s="279">
        <v>0</v>
      </c>
      <c r="G23" s="280">
        <v>12</v>
      </c>
      <c r="H23" s="280">
        <v>18</v>
      </c>
      <c r="I23" s="280">
        <v>5</v>
      </c>
      <c r="J23" s="280">
        <v>8</v>
      </c>
      <c r="K23" s="280">
        <v>4</v>
      </c>
      <c r="L23" s="281">
        <v>47</v>
      </c>
      <c r="M23" s="282">
        <v>47</v>
      </c>
      <c r="N23" s="276">
        <v>0</v>
      </c>
      <c r="O23" s="280">
        <v>0</v>
      </c>
      <c r="P23" s="277">
        <v>0</v>
      </c>
      <c r="Q23" s="279">
        <v>0</v>
      </c>
      <c r="R23" s="280">
        <v>0</v>
      </c>
      <c r="S23" s="280">
        <v>0</v>
      </c>
      <c r="T23" s="280">
        <v>0</v>
      </c>
      <c r="U23" s="280">
        <v>1</v>
      </c>
      <c r="V23" s="280">
        <v>4</v>
      </c>
      <c r="W23" s="277">
        <v>5</v>
      </c>
      <c r="X23" s="282">
        <v>5</v>
      </c>
      <c r="Y23" s="276">
        <v>3</v>
      </c>
      <c r="Z23" s="280">
        <v>4</v>
      </c>
      <c r="AA23" s="277">
        <v>7</v>
      </c>
      <c r="AB23" s="279">
        <v>0</v>
      </c>
      <c r="AC23" s="280">
        <v>11</v>
      </c>
      <c r="AD23" s="280">
        <v>24</v>
      </c>
      <c r="AE23" s="280">
        <v>7</v>
      </c>
      <c r="AF23" s="280">
        <v>9</v>
      </c>
      <c r="AG23" s="280">
        <v>7</v>
      </c>
      <c r="AH23" s="277">
        <v>58</v>
      </c>
      <c r="AI23" s="282">
        <v>65</v>
      </c>
      <c r="AJ23" s="276">
        <v>0</v>
      </c>
      <c r="AK23" s="280">
        <v>2</v>
      </c>
      <c r="AL23" s="277">
        <v>2</v>
      </c>
      <c r="AM23" s="279">
        <v>0</v>
      </c>
      <c r="AN23" s="280">
        <v>1</v>
      </c>
      <c r="AO23" s="280">
        <v>3</v>
      </c>
      <c r="AP23" s="280">
        <v>1</v>
      </c>
      <c r="AQ23" s="280">
        <v>1</v>
      </c>
      <c r="AR23" s="280">
        <v>1</v>
      </c>
      <c r="AS23" s="277">
        <v>7</v>
      </c>
      <c r="AT23" s="282">
        <v>9</v>
      </c>
      <c r="AU23" s="276">
        <v>3</v>
      </c>
      <c r="AV23" s="280">
        <v>4</v>
      </c>
      <c r="AW23" s="277">
        <v>7</v>
      </c>
      <c r="AX23" s="279">
        <v>0</v>
      </c>
      <c r="AY23" s="280">
        <v>8</v>
      </c>
      <c r="AZ23" s="280">
        <v>22</v>
      </c>
      <c r="BA23" s="280">
        <v>10</v>
      </c>
      <c r="BB23" s="280">
        <v>17</v>
      </c>
      <c r="BC23" s="280">
        <v>11</v>
      </c>
      <c r="BD23" s="281">
        <v>68</v>
      </c>
      <c r="BE23" s="282">
        <v>75</v>
      </c>
      <c r="BF23" s="276">
        <v>0</v>
      </c>
      <c r="BG23" s="280">
        <v>0</v>
      </c>
      <c r="BH23" s="277">
        <v>0</v>
      </c>
      <c r="BI23" s="279">
        <v>0</v>
      </c>
      <c r="BJ23" s="280">
        <v>19</v>
      </c>
      <c r="BK23" s="280">
        <v>17</v>
      </c>
      <c r="BL23" s="280">
        <v>13</v>
      </c>
      <c r="BM23" s="280">
        <v>4</v>
      </c>
      <c r="BN23" s="280">
        <v>4</v>
      </c>
      <c r="BO23" s="277">
        <v>57</v>
      </c>
      <c r="BP23" s="282">
        <v>57</v>
      </c>
      <c r="BQ23" s="276">
        <v>2</v>
      </c>
      <c r="BR23" s="280">
        <v>0</v>
      </c>
      <c r="BS23" s="277">
        <v>2</v>
      </c>
      <c r="BT23" s="279">
        <v>0</v>
      </c>
      <c r="BU23" s="280">
        <v>6</v>
      </c>
      <c r="BV23" s="280">
        <v>11</v>
      </c>
      <c r="BW23" s="280">
        <v>3</v>
      </c>
      <c r="BX23" s="280">
        <v>0</v>
      </c>
      <c r="BY23" s="280">
        <v>0</v>
      </c>
      <c r="BZ23" s="277">
        <v>20</v>
      </c>
      <c r="CA23" s="282">
        <v>22</v>
      </c>
      <c r="CB23" s="276">
        <v>0</v>
      </c>
      <c r="CC23" s="280">
        <v>0</v>
      </c>
      <c r="CD23" s="277">
        <v>0</v>
      </c>
      <c r="CE23" s="279">
        <v>0</v>
      </c>
      <c r="CF23" s="280">
        <v>1</v>
      </c>
      <c r="CG23" s="280">
        <v>3</v>
      </c>
      <c r="CH23" s="280">
        <v>7</v>
      </c>
      <c r="CI23" s="280">
        <v>6</v>
      </c>
      <c r="CJ23" s="280">
        <v>2</v>
      </c>
      <c r="CK23" s="277">
        <v>19</v>
      </c>
      <c r="CL23" s="282">
        <v>19</v>
      </c>
      <c r="CM23" s="276">
        <v>0</v>
      </c>
      <c r="CN23" s="280">
        <v>0</v>
      </c>
      <c r="CO23" s="277">
        <v>0</v>
      </c>
      <c r="CP23" s="279">
        <v>0</v>
      </c>
      <c r="CQ23" s="280">
        <v>0</v>
      </c>
      <c r="CR23" s="280">
        <v>1</v>
      </c>
      <c r="CS23" s="280">
        <v>0</v>
      </c>
      <c r="CT23" s="280">
        <v>0</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9</v>
      </c>
      <c r="DU23" s="280">
        <v>13</v>
      </c>
      <c r="DV23" s="277">
        <v>22</v>
      </c>
      <c r="DW23" s="279">
        <v>0</v>
      </c>
      <c r="DX23" s="280">
        <v>14</v>
      </c>
      <c r="DY23" s="280">
        <v>47</v>
      </c>
      <c r="DZ23" s="280">
        <v>22</v>
      </c>
      <c r="EA23" s="280">
        <v>15</v>
      </c>
      <c r="EB23" s="280">
        <v>7</v>
      </c>
      <c r="EC23" s="277">
        <v>105</v>
      </c>
      <c r="ED23" s="282">
        <v>127</v>
      </c>
      <c r="EE23" s="276">
        <v>0</v>
      </c>
      <c r="EF23" s="280">
        <v>2</v>
      </c>
      <c r="EG23" s="277">
        <v>2</v>
      </c>
      <c r="EH23" s="279">
        <v>0</v>
      </c>
      <c r="EI23" s="280">
        <v>4</v>
      </c>
      <c r="EJ23" s="280">
        <v>5</v>
      </c>
      <c r="EK23" s="280">
        <v>3</v>
      </c>
      <c r="EL23" s="280">
        <v>5</v>
      </c>
      <c r="EM23" s="280">
        <v>2</v>
      </c>
      <c r="EN23" s="277">
        <v>19</v>
      </c>
      <c r="EO23" s="282">
        <v>21</v>
      </c>
      <c r="EP23" s="276">
        <v>14</v>
      </c>
      <c r="EQ23" s="280">
        <v>17</v>
      </c>
      <c r="ER23" s="277">
        <v>31</v>
      </c>
      <c r="ES23" s="279">
        <v>0</v>
      </c>
      <c r="ET23" s="280">
        <v>48</v>
      </c>
      <c r="EU23" s="280">
        <v>60</v>
      </c>
      <c r="EV23" s="280">
        <v>26</v>
      </c>
      <c r="EW23" s="280">
        <v>18</v>
      </c>
      <c r="EX23" s="280">
        <v>8</v>
      </c>
      <c r="EY23" s="277">
        <v>160</v>
      </c>
      <c r="EZ23" s="282">
        <v>191</v>
      </c>
    </row>
    <row r="24" spans="2:156" ht="21" customHeight="1" x14ac:dyDescent="0.2">
      <c r="B24" s="261" t="s">
        <v>22</v>
      </c>
      <c r="C24" s="276">
        <v>0</v>
      </c>
      <c r="D24" s="280">
        <v>0</v>
      </c>
      <c r="E24" s="382">
        <v>0</v>
      </c>
      <c r="F24" s="279">
        <v>0</v>
      </c>
      <c r="G24" s="280">
        <v>7</v>
      </c>
      <c r="H24" s="280">
        <v>6</v>
      </c>
      <c r="I24" s="280">
        <v>1</v>
      </c>
      <c r="J24" s="280">
        <v>4</v>
      </c>
      <c r="K24" s="280">
        <v>2</v>
      </c>
      <c r="L24" s="281">
        <v>20</v>
      </c>
      <c r="M24" s="282">
        <v>20</v>
      </c>
      <c r="N24" s="276">
        <v>0</v>
      </c>
      <c r="O24" s="280">
        <v>0</v>
      </c>
      <c r="P24" s="277">
        <v>0</v>
      </c>
      <c r="Q24" s="279">
        <v>0</v>
      </c>
      <c r="R24" s="280">
        <v>1</v>
      </c>
      <c r="S24" s="280">
        <v>0</v>
      </c>
      <c r="T24" s="280">
        <v>0</v>
      </c>
      <c r="U24" s="280">
        <v>1</v>
      </c>
      <c r="V24" s="280">
        <v>0</v>
      </c>
      <c r="W24" s="277">
        <v>2</v>
      </c>
      <c r="X24" s="282">
        <v>2</v>
      </c>
      <c r="Y24" s="276">
        <v>0</v>
      </c>
      <c r="Z24" s="280">
        <v>1</v>
      </c>
      <c r="AA24" s="277">
        <v>1</v>
      </c>
      <c r="AB24" s="279">
        <v>0</v>
      </c>
      <c r="AC24" s="280">
        <v>3</v>
      </c>
      <c r="AD24" s="280">
        <v>5</v>
      </c>
      <c r="AE24" s="280">
        <v>4</v>
      </c>
      <c r="AF24" s="280">
        <v>2</v>
      </c>
      <c r="AG24" s="280">
        <v>3</v>
      </c>
      <c r="AH24" s="277">
        <v>17</v>
      </c>
      <c r="AI24" s="282">
        <v>18</v>
      </c>
      <c r="AJ24" s="276">
        <v>0</v>
      </c>
      <c r="AK24" s="280">
        <v>0</v>
      </c>
      <c r="AL24" s="277">
        <v>0</v>
      </c>
      <c r="AM24" s="279">
        <v>0</v>
      </c>
      <c r="AN24" s="280">
        <v>0</v>
      </c>
      <c r="AO24" s="280">
        <v>1</v>
      </c>
      <c r="AP24" s="280">
        <v>0</v>
      </c>
      <c r="AQ24" s="280">
        <v>0</v>
      </c>
      <c r="AR24" s="280">
        <v>0</v>
      </c>
      <c r="AS24" s="277">
        <v>1</v>
      </c>
      <c r="AT24" s="282">
        <v>1</v>
      </c>
      <c r="AU24" s="276">
        <v>2</v>
      </c>
      <c r="AV24" s="280">
        <v>1</v>
      </c>
      <c r="AW24" s="277">
        <v>3</v>
      </c>
      <c r="AX24" s="279">
        <v>0</v>
      </c>
      <c r="AY24" s="280">
        <v>6</v>
      </c>
      <c r="AZ24" s="280">
        <v>7</v>
      </c>
      <c r="BA24" s="280">
        <v>4</v>
      </c>
      <c r="BB24" s="280">
        <v>5</v>
      </c>
      <c r="BC24" s="280">
        <v>3</v>
      </c>
      <c r="BD24" s="281">
        <v>25</v>
      </c>
      <c r="BE24" s="282">
        <v>28</v>
      </c>
      <c r="BF24" s="276">
        <v>0</v>
      </c>
      <c r="BG24" s="280">
        <v>0</v>
      </c>
      <c r="BH24" s="277">
        <v>0</v>
      </c>
      <c r="BI24" s="279">
        <v>0</v>
      </c>
      <c r="BJ24" s="280">
        <v>14</v>
      </c>
      <c r="BK24" s="280">
        <v>5</v>
      </c>
      <c r="BL24" s="280">
        <v>5</v>
      </c>
      <c r="BM24" s="280">
        <v>2</v>
      </c>
      <c r="BN24" s="280">
        <v>2</v>
      </c>
      <c r="BO24" s="277">
        <v>28</v>
      </c>
      <c r="BP24" s="282">
        <v>28</v>
      </c>
      <c r="BQ24" s="276">
        <v>0</v>
      </c>
      <c r="BR24" s="280">
        <v>0</v>
      </c>
      <c r="BS24" s="277">
        <v>0</v>
      </c>
      <c r="BT24" s="279">
        <v>0</v>
      </c>
      <c r="BU24" s="280">
        <v>2</v>
      </c>
      <c r="BV24" s="280">
        <v>3</v>
      </c>
      <c r="BW24" s="280">
        <v>2</v>
      </c>
      <c r="BX24" s="280">
        <v>1</v>
      </c>
      <c r="BY24" s="280">
        <v>2</v>
      </c>
      <c r="BZ24" s="277">
        <v>10</v>
      </c>
      <c r="CA24" s="282">
        <v>10</v>
      </c>
      <c r="CB24" s="276">
        <v>0</v>
      </c>
      <c r="CC24" s="280">
        <v>0</v>
      </c>
      <c r="CD24" s="277">
        <v>0</v>
      </c>
      <c r="CE24" s="279">
        <v>0</v>
      </c>
      <c r="CF24" s="280">
        <v>1</v>
      </c>
      <c r="CG24" s="280">
        <v>1</v>
      </c>
      <c r="CH24" s="280">
        <v>1</v>
      </c>
      <c r="CI24" s="280">
        <v>2</v>
      </c>
      <c r="CJ24" s="280">
        <v>0</v>
      </c>
      <c r="CK24" s="277">
        <v>5</v>
      </c>
      <c r="CL24" s="282">
        <v>5</v>
      </c>
      <c r="CM24" s="276">
        <v>0</v>
      </c>
      <c r="CN24" s="280">
        <v>0</v>
      </c>
      <c r="CO24" s="277">
        <v>0</v>
      </c>
      <c r="CP24" s="279">
        <v>0</v>
      </c>
      <c r="CQ24" s="280">
        <v>0</v>
      </c>
      <c r="CR24" s="280">
        <v>1</v>
      </c>
      <c r="CS24" s="280">
        <v>0</v>
      </c>
      <c r="CT24" s="280">
        <v>0</v>
      </c>
      <c r="CU24" s="280">
        <v>0</v>
      </c>
      <c r="CV24" s="277">
        <v>1</v>
      </c>
      <c r="CW24" s="282">
        <v>1</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2</v>
      </c>
      <c r="DU24" s="280">
        <v>6</v>
      </c>
      <c r="DV24" s="277">
        <v>8</v>
      </c>
      <c r="DW24" s="279">
        <v>0</v>
      </c>
      <c r="DX24" s="280">
        <v>18</v>
      </c>
      <c r="DY24" s="280">
        <v>15</v>
      </c>
      <c r="DZ24" s="280">
        <v>8</v>
      </c>
      <c r="EA24" s="280">
        <v>9</v>
      </c>
      <c r="EB24" s="280">
        <v>6</v>
      </c>
      <c r="EC24" s="277">
        <v>56</v>
      </c>
      <c r="ED24" s="282">
        <v>64</v>
      </c>
      <c r="EE24" s="276">
        <v>1</v>
      </c>
      <c r="EF24" s="280">
        <v>1</v>
      </c>
      <c r="EG24" s="277">
        <v>2</v>
      </c>
      <c r="EH24" s="279">
        <v>0</v>
      </c>
      <c r="EI24" s="280">
        <v>2</v>
      </c>
      <c r="EJ24" s="280">
        <v>3</v>
      </c>
      <c r="EK24" s="280">
        <v>0</v>
      </c>
      <c r="EL24" s="280">
        <v>2</v>
      </c>
      <c r="EM24" s="280">
        <v>0</v>
      </c>
      <c r="EN24" s="277">
        <v>7</v>
      </c>
      <c r="EO24" s="282">
        <v>9</v>
      </c>
      <c r="EP24" s="276">
        <v>2</v>
      </c>
      <c r="EQ24" s="280">
        <v>7</v>
      </c>
      <c r="ER24" s="277">
        <v>9</v>
      </c>
      <c r="ES24" s="279">
        <v>0</v>
      </c>
      <c r="ET24" s="280">
        <v>29</v>
      </c>
      <c r="EU24" s="280">
        <v>21</v>
      </c>
      <c r="EV24" s="280">
        <v>11</v>
      </c>
      <c r="EW24" s="280">
        <v>8</v>
      </c>
      <c r="EX24" s="280">
        <v>6</v>
      </c>
      <c r="EY24" s="277">
        <v>75</v>
      </c>
      <c r="EZ24" s="282">
        <v>84</v>
      </c>
    </row>
    <row r="25" spans="2:156" ht="21" customHeight="1" x14ac:dyDescent="0.2">
      <c r="B25" s="261" t="s">
        <v>23</v>
      </c>
      <c r="C25" s="276">
        <v>0</v>
      </c>
      <c r="D25" s="280">
        <v>0</v>
      </c>
      <c r="E25" s="382">
        <v>0</v>
      </c>
      <c r="F25" s="279">
        <v>0</v>
      </c>
      <c r="G25" s="280">
        <v>3</v>
      </c>
      <c r="H25" s="280">
        <v>9</v>
      </c>
      <c r="I25" s="280">
        <v>6</v>
      </c>
      <c r="J25" s="280">
        <v>3</v>
      </c>
      <c r="K25" s="280">
        <v>1</v>
      </c>
      <c r="L25" s="281">
        <v>22</v>
      </c>
      <c r="M25" s="282">
        <v>22</v>
      </c>
      <c r="N25" s="276">
        <v>0</v>
      </c>
      <c r="O25" s="280">
        <v>0</v>
      </c>
      <c r="P25" s="277">
        <v>0</v>
      </c>
      <c r="Q25" s="279">
        <v>0</v>
      </c>
      <c r="R25" s="280">
        <v>0</v>
      </c>
      <c r="S25" s="280">
        <v>0</v>
      </c>
      <c r="T25" s="280">
        <v>1</v>
      </c>
      <c r="U25" s="280">
        <v>2</v>
      </c>
      <c r="V25" s="280">
        <v>0</v>
      </c>
      <c r="W25" s="277">
        <v>3</v>
      </c>
      <c r="X25" s="282">
        <v>3</v>
      </c>
      <c r="Y25" s="276">
        <v>4</v>
      </c>
      <c r="Z25" s="280">
        <v>4</v>
      </c>
      <c r="AA25" s="277">
        <v>8</v>
      </c>
      <c r="AB25" s="279">
        <v>0</v>
      </c>
      <c r="AC25" s="280">
        <v>4</v>
      </c>
      <c r="AD25" s="280">
        <v>13</v>
      </c>
      <c r="AE25" s="280">
        <v>6</v>
      </c>
      <c r="AF25" s="280">
        <v>3</v>
      </c>
      <c r="AG25" s="280">
        <v>2</v>
      </c>
      <c r="AH25" s="277">
        <v>28</v>
      </c>
      <c r="AI25" s="282">
        <v>36</v>
      </c>
      <c r="AJ25" s="276">
        <v>0</v>
      </c>
      <c r="AK25" s="280">
        <v>1</v>
      </c>
      <c r="AL25" s="277">
        <v>1</v>
      </c>
      <c r="AM25" s="279">
        <v>0</v>
      </c>
      <c r="AN25" s="280">
        <v>0</v>
      </c>
      <c r="AO25" s="280">
        <v>1</v>
      </c>
      <c r="AP25" s="280">
        <v>0</v>
      </c>
      <c r="AQ25" s="280">
        <v>0</v>
      </c>
      <c r="AR25" s="280">
        <v>0</v>
      </c>
      <c r="AS25" s="277">
        <v>1</v>
      </c>
      <c r="AT25" s="282">
        <v>2</v>
      </c>
      <c r="AU25" s="276">
        <v>3</v>
      </c>
      <c r="AV25" s="280">
        <v>0</v>
      </c>
      <c r="AW25" s="277">
        <v>3</v>
      </c>
      <c r="AX25" s="279">
        <v>0</v>
      </c>
      <c r="AY25" s="280">
        <v>13</v>
      </c>
      <c r="AZ25" s="280">
        <v>6</v>
      </c>
      <c r="BA25" s="280">
        <v>9</v>
      </c>
      <c r="BB25" s="280">
        <v>11</v>
      </c>
      <c r="BC25" s="280">
        <v>5</v>
      </c>
      <c r="BD25" s="281">
        <v>44</v>
      </c>
      <c r="BE25" s="282">
        <v>47</v>
      </c>
      <c r="BF25" s="276">
        <v>0</v>
      </c>
      <c r="BG25" s="280">
        <v>0</v>
      </c>
      <c r="BH25" s="277">
        <v>0</v>
      </c>
      <c r="BI25" s="279">
        <v>0</v>
      </c>
      <c r="BJ25" s="280">
        <v>16</v>
      </c>
      <c r="BK25" s="280">
        <v>15</v>
      </c>
      <c r="BL25" s="280">
        <v>7</v>
      </c>
      <c r="BM25" s="280">
        <v>3</v>
      </c>
      <c r="BN25" s="280">
        <v>1</v>
      </c>
      <c r="BO25" s="277">
        <v>42</v>
      </c>
      <c r="BP25" s="282">
        <v>42</v>
      </c>
      <c r="BQ25" s="276">
        <v>0</v>
      </c>
      <c r="BR25" s="280">
        <v>0</v>
      </c>
      <c r="BS25" s="277">
        <v>0</v>
      </c>
      <c r="BT25" s="279">
        <v>0</v>
      </c>
      <c r="BU25" s="280">
        <v>2</v>
      </c>
      <c r="BV25" s="280">
        <v>3</v>
      </c>
      <c r="BW25" s="280">
        <v>3</v>
      </c>
      <c r="BX25" s="280">
        <v>1</v>
      </c>
      <c r="BY25" s="280">
        <v>1</v>
      </c>
      <c r="BZ25" s="277">
        <v>10</v>
      </c>
      <c r="CA25" s="282">
        <v>10</v>
      </c>
      <c r="CB25" s="276">
        <v>0</v>
      </c>
      <c r="CC25" s="280">
        <v>0</v>
      </c>
      <c r="CD25" s="277">
        <v>0</v>
      </c>
      <c r="CE25" s="279">
        <v>0</v>
      </c>
      <c r="CF25" s="280">
        <v>0</v>
      </c>
      <c r="CG25" s="280">
        <v>1</v>
      </c>
      <c r="CH25" s="280">
        <v>4</v>
      </c>
      <c r="CI25" s="280">
        <v>4</v>
      </c>
      <c r="CJ25" s="280">
        <v>1</v>
      </c>
      <c r="CK25" s="277">
        <v>10</v>
      </c>
      <c r="CL25" s="282">
        <v>10</v>
      </c>
      <c r="CM25" s="276">
        <v>1</v>
      </c>
      <c r="CN25" s="280">
        <v>0</v>
      </c>
      <c r="CO25" s="277">
        <v>1</v>
      </c>
      <c r="CP25" s="279">
        <v>0</v>
      </c>
      <c r="CQ25" s="280">
        <v>1</v>
      </c>
      <c r="CR25" s="280">
        <v>0</v>
      </c>
      <c r="CS25" s="280">
        <v>0</v>
      </c>
      <c r="CT25" s="280">
        <v>0</v>
      </c>
      <c r="CU25" s="280">
        <v>1</v>
      </c>
      <c r="CV25" s="277">
        <v>2</v>
      </c>
      <c r="CW25" s="282">
        <v>3</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3</v>
      </c>
      <c r="DU25" s="280">
        <v>10</v>
      </c>
      <c r="DV25" s="277">
        <v>13</v>
      </c>
      <c r="DW25" s="279">
        <v>0</v>
      </c>
      <c r="DX25" s="280">
        <v>8</v>
      </c>
      <c r="DY25" s="280">
        <v>20</v>
      </c>
      <c r="DZ25" s="280">
        <v>11</v>
      </c>
      <c r="EA25" s="280">
        <v>6</v>
      </c>
      <c r="EB25" s="280">
        <v>4</v>
      </c>
      <c r="EC25" s="277">
        <v>49</v>
      </c>
      <c r="ED25" s="282">
        <v>62</v>
      </c>
      <c r="EE25" s="276">
        <v>3</v>
      </c>
      <c r="EF25" s="280">
        <v>0</v>
      </c>
      <c r="EG25" s="277">
        <v>3</v>
      </c>
      <c r="EH25" s="279">
        <v>0</v>
      </c>
      <c r="EI25" s="280">
        <v>7</v>
      </c>
      <c r="EJ25" s="280">
        <v>0</v>
      </c>
      <c r="EK25" s="280">
        <v>0</v>
      </c>
      <c r="EL25" s="280">
        <v>4</v>
      </c>
      <c r="EM25" s="280">
        <v>2</v>
      </c>
      <c r="EN25" s="277">
        <v>13</v>
      </c>
      <c r="EO25" s="282">
        <v>16</v>
      </c>
      <c r="EP25" s="276">
        <v>7</v>
      </c>
      <c r="EQ25" s="280">
        <v>12</v>
      </c>
      <c r="ER25" s="277">
        <v>19</v>
      </c>
      <c r="ES25" s="279">
        <v>0</v>
      </c>
      <c r="ET25" s="280">
        <v>28</v>
      </c>
      <c r="EU25" s="280">
        <v>30</v>
      </c>
      <c r="EV25" s="280">
        <v>15</v>
      </c>
      <c r="EW25" s="280">
        <v>7</v>
      </c>
      <c r="EX25" s="280">
        <v>3</v>
      </c>
      <c r="EY25" s="277">
        <v>83</v>
      </c>
      <c r="EZ25" s="282">
        <v>102</v>
      </c>
    </row>
    <row r="26" spans="2:156" ht="21" customHeight="1" x14ac:dyDescent="0.2">
      <c r="B26" s="261" t="s">
        <v>24</v>
      </c>
      <c r="C26" s="276">
        <v>0</v>
      </c>
      <c r="D26" s="280">
        <v>0</v>
      </c>
      <c r="E26" s="382">
        <v>0</v>
      </c>
      <c r="F26" s="279">
        <v>0</v>
      </c>
      <c r="G26" s="280">
        <v>9</v>
      </c>
      <c r="H26" s="280">
        <v>7</v>
      </c>
      <c r="I26" s="280">
        <v>3</v>
      </c>
      <c r="J26" s="280">
        <v>1</v>
      </c>
      <c r="K26" s="280">
        <v>1</v>
      </c>
      <c r="L26" s="281">
        <v>21</v>
      </c>
      <c r="M26" s="282">
        <v>21</v>
      </c>
      <c r="N26" s="276">
        <v>0</v>
      </c>
      <c r="O26" s="280">
        <v>0</v>
      </c>
      <c r="P26" s="277">
        <v>0</v>
      </c>
      <c r="Q26" s="279">
        <v>0</v>
      </c>
      <c r="R26" s="280">
        <v>0</v>
      </c>
      <c r="S26" s="280">
        <v>0</v>
      </c>
      <c r="T26" s="280">
        <v>2</v>
      </c>
      <c r="U26" s="280">
        <v>1</v>
      </c>
      <c r="V26" s="280">
        <v>1</v>
      </c>
      <c r="W26" s="277">
        <v>4</v>
      </c>
      <c r="X26" s="282">
        <v>4</v>
      </c>
      <c r="Y26" s="276">
        <v>2</v>
      </c>
      <c r="Z26" s="280">
        <v>2</v>
      </c>
      <c r="AA26" s="277">
        <v>4</v>
      </c>
      <c r="AB26" s="279">
        <v>0</v>
      </c>
      <c r="AC26" s="280">
        <v>5</v>
      </c>
      <c r="AD26" s="280">
        <v>5</v>
      </c>
      <c r="AE26" s="280">
        <v>6</v>
      </c>
      <c r="AF26" s="280">
        <v>4</v>
      </c>
      <c r="AG26" s="280">
        <v>1</v>
      </c>
      <c r="AH26" s="277">
        <v>21</v>
      </c>
      <c r="AI26" s="282">
        <v>25</v>
      </c>
      <c r="AJ26" s="276">
        <v>0</v>
      </c>
      <c r="AK26" s="280">
        <v>0</v>
      </c>
      <c r="AL26" s="277">
        <v>0</v>
      </c>
      <c r="AM26" s="279">
        <v>0</v>
      </c>
      <c r="AN26" s="280">
        <v>1</v>
      </c>
      <c r="AO26" s="280">
        <v>2</v>
      </c>
      <c r="AP26" s="280">
        <v>1</v>
      </c>
      <c r="AQ26" s="280">
        <v>0</v>
      </c>
      <c r="AR26" s="280">
        <v>0</v>
      </c>
      <c r="AS26" s="277">
        <v>4</v>
      </c>
      <c r="AT26" s="282">
        <v>4</v>
      </c>
      <c r="AU26" s="276">
        <v>4</v>
      </c>
      <c r="AV26" s="280">
        <v>0</v>
      </c>
      <c r="AW26" s="277">
        <v>4</v>
      </c>
      <c r="AX26" s="279">
        <v>0</v>
      </c>
      <c r="AY26" s="280">
        <v>12</v>
      </c>
      <c r="AZ26" s="280">
        <v>10</v>
      </c>
      <c r="BA26" s="280">
        <v>13</v>
      </c>
      <c r="BB26" s="280">
        <v>7</v>
      </c>
      <c r="BC26" s="280">
        <v>7</v>
      </c>
      <c r="BD26" s="281">
        <v>49</v>
      </c>
      <c r="BE26" s="282">
        <v>53</v>
      </c>
      <c r="BF26" s="276">
        <v>0</v>
      </c>
      <c r="BG26" s="280">
        <v>0</v>
      </c>
      <c r="BH26" s="277">
        <v>0</v>
      </c>
      <c r="BI26" s="279">
        <v>0</v>
      </c>
      <c r="BJ26" s="280">
        <v>13</v>
      </c>
      <c r="BK26" s="280">
        <v>7</v>
      </c>
      <c r="BL26" s="280">
        <v>4</v>
      </c>
      <c r="BM26" s="280">
        <v>1</v>
      </c>
      <c r="BN26" s="280">
        <v>0</v>
      </c>
      <c r="BO26" s="277">
        <v>25</v>
      </c>
      <c r="BP26" s="282">
        <v>25</v>
      </c>
      <c r="BQ26" s="276">
        <v>3</v>
      </c>
      <c r="BR26" s="280">
        <v>1</v>
      </c>
      <c r="BS26" s="277">
        <v>4</v>
      </c>
      <c r="BT26" s="279">
        <v>0</v>
      </c>
      <c r="BU26" s="280">
        <v>0</v>
      </c>
      <c r="BV26" s="280">
        <v>5</v>
      </c>
      <c r="BW26" s="280">
        <v>4</v>
      </c>
      <c r="BX26" s="280">
        <v>1</v>
      </c>
      <c r="BY26" s="280">
        <v>0</v>
      </c>
      <c r="BZ26" s="277">
        <v>10</v>
      </c>
      <c r="CA26" s="282">
        <v>14</v>
      </c>
      <c r="CB26" s="276">
        <v>0</v>
      </c>
      <c r="CC26" s="280">
        <v>0</v>
      </c>
      <c r="CD26" s="277">
        <v>0</v>
      </c>
      <c r="CE26" s="279">
        <v>0</v>
      </c>
      <c r="CF26" s="280">
        <v>0</v>
      </c>
      <c r="CG26" s="280">
        <v>3</v>
      </c>
      <c r="CH26" s="280">
        <v>2</v>
      </c>
      <c r="CI26" s="280">
        <v>0</v>
      </c>
      <c r="CJ26" s="280">
        <v>0</v>
      </c>
      <c r="CK26" s="277">
        <v>5</v>
      </c>
      <c r="CL26" s="282">
        <v>5</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2</v>
      </c>
      <c r="DU26" s="280">
        <v>6</v>
      </c>
      <c r="DV26" s="277">
        <v>18</v>
      </c>
      <c r="DW26" s="279">
        <v>0</v>
      </c>
      <c r="DX26" s="280">
        <v>9</v>
      </c>
      <c r="DY26" s="280">
        <v>20</v>
      </c>
      <c r="DZ26" s="280">
        <v>12</v>
      </c>
      <c r="EA26" s="280">
        <v>4</v>
      </c>
      <c r="EB26" s="280">
        <v>1</v>
      </c>
      <c r="EC26" s="277">
        <v>46</v>
      </c>
      <c r="ED26" s="282">
        <v>64</v>
      </c>
      <c r="EE26" s="276">
        <v>5</v>
      </c>
      <c r="EF26" s="280">
        <v>1</v>
      </c>
      <c r="EG26" s="277">
        <v>6</v>
      </c>
      <c r="EH26" s="279">
        <v>0</v>
      </c>
      <c r="EI26" s="280">
        <v>2</v>
      </c>
      <c r="EJ26" s="280">
        <v>5</v>
      </c>
      <c r="EK26" s="280">
        <v>2</v>
      </c>
      <c r="EL26" s="280">
        <v>5</v>
      </c>
      <c r="EM26" s="280">
        <v>4</v>
      </c>
      <c r="EN26" s="277">
        <v>18</v>
      </c>
      <c r="EO26" s="282">
        <v>24</v>
      </c>
      <c r="EP26" s="276">
        <v>15</v>
      </c>
      <c r="EQ26" s="280">
        <v>7</v>
      </c>
      <c r="ER26" s="277">
        <v>22</v>
      </c>
      <c r="ES26" s="279">
        <v>0</v>
      </c>
      <c r="ET26" s="280">
        <v>26</v>
      </c>
      <c r="EU26" s="280">
        <v>24</v>
      </c>
      <c r="EV26" s="280">
        <v>15</v>
      </c>
      <c r="EW26" s="280">
        <v>5</v>
      </c>
      <c r="EX26" s="280">
        <v>2</v>
      </c>
      <c r="EY26" s="277">
        <v>72</v>
      </c>
      <c r="EZ26" s="282">
        <v>94</v>
      </c>
    </row>
    <row r="27" spans="2:156" ht="21" customHeight="1" x14ac:dyDescent="0.2">
      <c r="B27" s="261" t="s">
        <v>25</v>
      </c>
      <c r="C27" s="276">
        <v>0</v>
      </c>
      <c r="D27" s="280">
        <v>0</v>
      </c>
      <c r="E27" s="382">
        <v>0</v>
      </c>
      <c r="F27" s="279">
        <v>0</v>
      </c>
      <c r="G27" s="280">
        <v>5</v>
      </c>
      <c r="H27" s="280">
        <v>2</v>
      </c>
      <c r="I27" s="280">
        <v>4</v>
      </c>
      <c r="J27" s="280">
        <v>2</v>
      </c>
      <c r="K27" s="280">
        <v>2</v>
      </c>
      <c r="L27" s="281">
        <v>15</v>
      </c>
      <c r="M27" s="282">
        <v>15</v>
      </c>
      <c r="N27" s="276">
        <v>0</v>
      </c>
      <c r="O27" s="280">
        <v>0</v>
      </c>
      <c r="P27" s="277">
        <v>0</v>
      </c>
      <c r="Q27" s="279">
        <v>0</v>
      </c>
      <c r="R27" s="280">
        <v>0</v>
      </c>
      <c r="S27" s="280">
        <v>0</v>
      </c>
      <c r="T27" s="280">
        <v>2</v>
      </c>
      <c r="U27" s="280">
        <v>0</v>
      </c>
      <c r="V27" s="280">
        <v>1</v>
      </c>
      <c r="W27" s="277">
        <v>3</v>
      </c>
      <c r="X27" s="282">
        <v>3</v>
      </c>
      <c r="Y27" s="276">
        <v>0</v>
      </c>
      <c r="Z27" s="280">
        <v>2</v>
      </c>
      <c r="AA27" s="277">
        <v>2</v>
      </c>
      <c r="AB27" s="279">
        <v>0</v>
      </c>
      <c r="AC27" s="280">
        <v>4</v>
      </c>
      <c r="AD27" s="280">
        <v>3</v>
      </c>
      <c r="AE27" s="280">
        <v>2</v>
      </c>
      <c r="AF27" s="280">
        <v>3</v>
      </c>
      <c r="AG27" s="280">
        <v>2</v>
      </c>
      <c r="AH27" s="277">
        <v>14</v>
      </c>
      <c r="AI27" s="282">
        <v>16</v>
      </c>
      <c r="AJ27" s="276">
        <v>0</v>
      </c>
      <c r="AK27" s="280">
        <v>2</v>
      </c>
      <c r="AL27" s="277">
        <v>2</v>
      </c>
      <c r="AM27" s="279">
        <v>0</v>
      </c>
      <c r="AN27" s="280">
        <v>0</v>
      </c>
      <c r="AO27" s="280">
        <v>0</v>
      </c>
      <c r="AP27" s="280">
        <v>1</v>
      </c>
      <c r="AQ27" s="280">
        <v>0</v>
      </c>
      <c r="AR27" s="280">
        <v>0</v>
      </c>
      <c r="AS27" s="277">
        <v>1</v>
      </c>
      <c r="AT27" s="282">
        <v>3</v>
      </c>
      <c r="AU27" s="276">
        <v>0</v>
      </c>
      <c r="AV27" s="280">
        <v>1</v>
      </c>
      <c r="AW27" s="277">
        <v>1</v>
      </c>
      <c r="AX27" s="279">
        <v>0</v>
      </c>
      <c r="AY27" s="280">
        <v>4</v>
      </c>
      <c r="AZ27" s="280">
        <v>2</v>
      </c>
      <c r="BA27" s="280">
        <v>4</v>
      </c>
      <c r="BB27" s="280">
        <v>3</v>
      </c>
      <c r="BC27" s="280">
        <v>5</v>
      </c>
      <c r="BD27" s="281">
        <v>18</v>
      </c>
      <c r="BE27" s="282">
        <v>19</v>
      </c>
      <c r="BF27" s="276">
        <v>0</v>
      </c>
      <c r="BG27" s="280">
        <v>0</v>
      </c>
      <c r="BH27" s="277">
        <v>0</v>
      </c>
      <c r="BI27" s="279">
        <v>0</v>
      </c>
      <c r="BJ27" s="280">
        <v>5</v>
      </c>
      <c r="BK27" s="280">
        <v>1</v>
      </c>
      <c r="BL27" s="280">
        <v>2</v>
      </c>
      <c r="BM27" s="280">
        <v>3</v>
      </c>
      <c r="BN27" s="280">
        <v>0</v>
      </c>
      <c r="BO27" s="277">
        <v>11</v>
      </c>
      <c r="BP27" s="282">
        <v>11</v>
      </c>
      <c r="BQ27" s="276">
        <v>4</v>
      </c>
      <c r="BR27" s="280">
        <v>2</v>
      </c>
      <c r="BS27" s="277">
        <v>6</v>
      </c>
      <c r="BT27" s="279">
        <v>0</v>
      </c>
      <c r="BU27" s="280">
        <v>3</v>
      </c>
      <c r="BV27" s="280">
        <v>5</v>
      </c>
      <c r="BW27" s="280">
        <v>4</v>
      </c>
      <c r="BX27" s="280">
        <v>1</v>
      </c>
      <c r="BY27" s="280">
        <v>0</v>
      </c>
      <c r="BZ27" s="277">
        <v>13</v>
      </c>
      <c r="CA27" s="282">
        <v>19</v>
      </c>
      <c r="CB27" s="276">
        <v>0</v>
      </c>
      <c r="CC27" s="280">
        <v>0</v>
      </c>
      <c r="CD27" s="277">
        <v>0</v>
      </c>
      <c r="CE27" s="279">
        <v>0</v>
      </c>
      <c r="CF27" s="280">
        <v>2</v>
      </c>
      <c r="CG27" s="280">
        <v>0</v>
      </c>
      <c r="CH27" s="280">
        <v>1</v>
      </c>
      <c r="CI27" s="280">
        <v>2</v>
      </c>
      <c r="CJ27" s="280">
        <v>0</v>
      </c>
      <c r="CK27" s="277">
        <v>5</v>
      </c>
      <c r="CL27" s="282">
        <v>5</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5</v>
      </c>
      <c r="DU27" s="280">
        <v>10</v>
      </c>
      <c r="DV27" s="277">
        <v>15</v>
      </c>
      <c r="DW27" s="279">
        <v>0</v>
      </c>
      <c r="DX27" s="280">
        <v>4</v>
      </c>
      <c r="DY27" s="280">
        <v>9</v>
      </c>
      <c r="DZ27" s="280">
        <v>5</v>
      </c>
      <c r="EA27" s="280">
        <v>6</v>
      </c>
      <c r="EB27" s="280">
        <v>4</v>
      </c>
      <c r="EC27" s="277">
        <v>28</v>
      </c>
      <c r="ED27" s="282">
        <v>43</v>
      </c>
      <c r="EE27" s="276">
        <v>0</v>
      </c>
      <c r="EF27" s="280">
        <v>1</v>
      </c>
      <c r="EG27" s="277">
        <v>1</v>
      </c>
      <c r="EH27" s="279">
        <v>0</v>
      </c>
      <c r="EI27" s="280">
        <v>2</v>
      </c>
      <c r="EJ27" s="280">
        <v>1</v>
      </c>
      <c r="EK27" s="280">
        <v>1</v>
      </c>
      <c r="EL27" s="280">
        <v>2</v>
      </c>
      <c r="EM27" s="280">
        <v>1</v>
      </c>
      <c r="EN27" s="277">
        <v>7</v>
      </c>
      <c r="EO27" s="282">
        <v>8</v>
      </c>
      <c r="EP27" s="276">
        <v>7</v>
      </c>
      <c r="EQ27" s="280">
        <v>11</v>
      </c>
      <c r="ER27" s="277">
        <v>18</v>
      </c>
      <c r="ES27" s="279">
        <v>0</v>
      </c>
      <c r="ET27" s="280">
        <v>20</v>
      </c>
      <c r="EU27" s="280">
        <v>11</v>
      </c>
      <c r="EV27" s="280">
        <v>9</v>
      </c>
      <c r="EW27" s="280">
        <v>6</v>
      </c>
      <c r="EX27" s="280">
        <v>4</v>
      </c>
      <c r="EY27" s="277">
        <v>50</v>
      </c>
      <c r="EZ27" s="282">
        <v>68</v>
      </c>
    </row>
    <row r="28" spans="2:156" ht="21" customHeight="1" x14ac:dyDescent="0.2">
      <c r="B28" s="261" t="s">
        <v>26</v>
      </c>
      <c r="C28" s="276">
        <v>0</v>
      </c>
      <c r="D28" s="280">
        <v>0</v>
      </c>
      <c r="E28" s="382">
        <v>0</v>
      </c>
      <c r="F28" s="279">
        <v>0</v>
      </c>
      <c r="G28" s="280">
        <v>8</v>
      </c>
      <c r="H28" s="280">
        <v>8</v>
      </c>
      <c r="I28" s="280">
        <v>8</v>
      </c>
      <c r="J28" s="280">
        <v>1</v>
      </c>
      <c r="K28" s="280">
        <v>1</v>
      </c>
      <c r="L28" s="281">
        <v>26</v>
      </c>
      <c r="M28" s="282">
        <v>26</v>
      </c>
      <c r="N28" s="276">
        <v>0</v>
      </c>
      <c r="O28" s="280">
        <v>0</v>
      </c>
      <c r="P28" s="277">
        <v>0</v>
      </c>
      <c r="Q28" s="279">
        <v>0</v>
      </c>
      <c r="R28" s="280">
        <v>0</v>
      </c>
      <c r="S28" s="280">
        <v>0</v>
      </c>
      <c r="T28" s="280">
        <v>0</v>
      </c>
      <c r="U28" s="280">
        <v>2</v>
      </c>
      <c r="V28" s="280">
        <v>1</v>
      </c>
      <c r="W28" s="277">
        <v>3</v>
      </c>
      <c r="X28" s="282">
        <v>3</v>
      </c>
      <c r="Y28" s="276">
        <v>0</v>
      </c>
      <c r="Z28" s="280">
        <v>1</v>
      </c>
      <c r="AA28" s="277">
        <v>1</v>
      </c>
      <c r="AB28" s="279">
        <v>0</v>
      </c>
      <c r="AC28" s="280">
        <v>4</v>
      </c>
      <c r="AD28" s="280">
        <v>2</v>
      </c>
      <c r="AE28" s="280">
        <v>5</v>
      </c>
      <c r="AF28" s="280">
        <v>1</v>
      </c>
      <c r="AG28" s="280">
        <v>1</v>
      </c>
      <c r="AH28" s="277">
        <v>13</v>
      </c>
      <c r="AI28" s="282">
        <v>14</v>
      </c>
      <c r="AJ28" s="276">
        <v>0</v>
      </c>
      <c r="AK28" s="280">
        <v>0</v>
      </c>
      <c r="AL28" s="277">
        <v>0</v>
      </c>
      <c r="AM28" s="279">
        <v>0</v>
      </c>
      <c r="AN28" s="280">
        <v>1</v>
      </c>
      <c r="AO28" s="280">
        <v>1</v>
      </c>
      <c r="AP28" s="280">
        <v>0</v>
      </c>
      <c r="AQ28" s="280">
        <v>0</v>
      </c>
      <c r="AR28" s="280">
        <v>0</v>
      </c>
      <c r="AS28" s="277">
        <v>2</v>
      </c>
      <c r="AT28" s="282">
        <v>2</v>
      </c>
      <c r="AU28" s="276">
        <v>2</v>
      </c>
      <c r="AV28" s="280">
        <v>0</v>
      </c>
      <c r="AW28" s="277">
        <v>2</v>
      </c>
      <c r="AX28" s="279">
        <v>0</v>
      </c>
      <c r="AY28" s="280">
        <v>3</v>
      </c>
      <c r="AZ28" s="280">
        <v>5</v>
      </c>
      <c r="BA28" s="280">
        <v>7</v>
      </c>
      <c r="BB28" s="280">
        <v>2</v>
      </c>
      <c r="BC28" s="280">
        <v>2</v>
      </c>
      <c r="BD28" s="281">
        <v>19</v>
      </c>
      <c r="BE28" s="282">
        <v>21</v>
      </c>
      <c r="BF28" s="276">
        <v>0</v>
      </c>
      <c r="BG28" s="280">
        <v>0</v>
      </c>
      <c r="BH28" s="277">
        <v>0</v>
      </c>
      <c r="BI28" s="279">
        <v>0</v>
      </c>
      <c r="BJ28" s="280">
        <v>10</v>
      </c>
      <c r="BK28" s="280">
        <v>7</v>
      </c>
      <c r="BL28" s="280">
        <v>3</v>
      </c>
      <c r="BM28" s="280">
        <v>1</v>
      </c>
      <c r="BN28" s="280">
        <v>0</v>
      </c>
      <c r="BO28" s="277">
        <v>21</v>
      </c>
      <c r="BP28" s="282">
        <v>21</v>
      </c>
      <c r="BQ28" s="276">
        <v>1</v>
      </c>
      <c r="BR28" s="280">
        <v>0</v>
      </c>
      <c r="BS28" s="277">
        <v>1</v>
      </c>
      <c r="BT28" s="279">
        <v>0</v>
      </c>
      <c r="BU28" s="280">
        <v>2</v>
      </c>
      <c r="BV28" s="280">
        <v>2</v>
      </c>
      <c r="BW28" s="280">
        <v>1</v>
      </c>
      <c r="BX28" s="280">
        <v>0</v>
      </c>
      <c r="BY28" s="280">
        <v>0</v>
      </c>
      <c r="BZ28" s="277">
        <v>5</v>
      </c>
      <c r="CA28" s="282">
        <v>6</v>
      </c>
      <c r="CB28" s="276">
        <v>0</v>
      </c>
      <c r="CC28" s="280">
        <v>0</v>
      </c>
      <c r="CD28" s="277">
        <v>0</v>
      </c>
      <c r="CE28" s="279">
        <v>0</v>
      </c>
      <c r="CF28" s="280">
        <v>1</v>
      </c>
      <c r="CG28" s="280">
        <v>3</v>
      </c>
      <c r="CH28" s="280">
        <v>1</v>
      </c>
      <c r="CI28" s="280">
        <v>1</v>
      </c>
      <c r="CJ28" s="280">
        <v>0</v>
      </c>
      <c r="CK28" s="277">
        <v>6</v>
      </c>
      <c r="CL28" s="282">
        <v>6</v>
      </c>
      <c r="CM28" s="276">
        <v>0</v>
      </c>
      <c r="CN28" s="280">
        <v>0</v>
      </c>
      <c r="CO28" s="277">
        <v>0</v>
      </c>
      <c r="CP28" s="279">
        <v>0</v>
      </c>
      <c r="CQ28" s="280">
        <v>0</v>
      </c>
      <c r="CR28" s="280">
        <v>0</v>
      </c>
      <c r="CS28" s="280">
        <v>1</v>
      </c>
      <c r="CT28" s="280">
        <v>0</v>
      </c>
      <c r="CU28" s="280">
        <v>0</v>
      </c>
      <c r="CV28" s="277">
        <v>1</v>
      </c>
      <c r="CW28" s="282">
        <v>1</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4</v>
      </c>
      <c r="DU28" s="280">
        <v>5</v>
      </c>
      <c r="DV28" s="277">
        <v>9</v>
      </c>
      <c r="DW28" s="279">
        <v>0</v>
      </c>
      <c r="DX28" s="280">
        <v>14</v>
      </c>
      <c r="DY28" s="280">
        <v>16</v>
      </c>
      <c r="DZ28" s="280">
        <v>11</v>
      </c>
      <c r="EA28" s="280">
        <v>3</v>
      </c>
      <c r="EB28" s="280">
        <v>1</v>
      </c>
      <c r="EC28" s="277">
        <v>45</v>
      </c>
      <c r="ED28" s="282">
        <v>54</v>
      </c>
      <c r="EE28" s="276">
        <v>1</v>
      </c>
      <c r="EF28" s="280">
        <v>0</v>
      </c>
      <c r="EG28" s="277">
        <v>1</v>
      </c>
      <c r="EH28" s="279">
        <v>0</v>
      </c>
      <c r="EI28" s="280">
        <v>2</v>
      </c>
      <c r="EJ28" s="280">
        <v>1</v>
      </c>
      <c r="EK28" s="280">
        <v>0</v>
      </c>
      <c r="EL28" s="280">
        <v>0</v>
      </c>
      <c r="EM28" s="280">
        <v>0</v>
      </c>
      <c r="EN28" s="277">
        <v>3</v>
      </c>
      <c r="EO28" s="282">
        <v>4</v>
      </c>
      <c r="EP28" s="276">
        <v>6</v>
      </c>
      <c r="EQ28" s="280">
        <v>6</v>
      </c>
      <c r="ER28" s="277">
        <v>12</v>
      </c>
      <c r="ES28" s="279">
        <v>0</v>
      </c>
      <c r="ET28" s="280">
        <v>23</v>
      </c>
      <c r="EU28" s="280">
        <v>22</v>
      </c>
      <c r="EV28" s="280">
        <v>13</v>
      </c>
      <c r="EW28" s="280">
        <v>3</v>
      </c>
      <c r="EX28" s="280">
        <v>2</v>
      </c>
      <c r="EY28" s="277">
        <v>63</v>
      </c>
      <c r="EZ28" s="282">
        <v>75</v>
      </c>
    </row>
    <row r="29" spans="2:156" ht="21" customHeight="1" x14ac:dyDescent="0.2">
      <c r="B29" s="261" t="s">
        <v>27</v>
      </c>
      <c r="C29" s="276">
        <v>0</v>
      </c>
      <c r="D29" s="280">
        <v>0</v>
      </c>
      <c r="E29" s="382">
        <v>0</v>
      </c>
      <c r="F29" s="279">
        <v>0</v>
      </c>
      <c r="G29" s="280">
        <v>1</v>
      </c>
      <c r="H29" s="280">
        <v>6</v>
      </c>
      <c r="I29" s="280">
        <v>4</v>
      </c>
      <c r="J29" s="280">
        <v>4</v>
      </c>
      <c r="K29" s="280">
        <v>3</v>
      </c>
      <c r="L29" s="281">
        <v>18</v>
      </c>
      <c r="M29" s="282">
        <v>18</v>
      </c>
      <c r="N29" s="276">
        <v>0</v>
      </c>
      <c r="O29" s="280">
        <v>0</v>
      </c>
      <c r="P29" s="277">
        <v>0</v>
      </c>
      <c r="Q29" s="279">
        <v>0</v>
      </c>
      <c r="R29" s="280">
        <v>0</v>
      </c>
      <c r="S29" s="280">
        <v>0</v>
      </c>
      <c r="T29" s="280">
        <v>1</v>
      </c>
      <c r="U29" s="280">
        <v>1</v>
      </c>
      <c r="V29" s="280">
        <v>1</v>
      </c>
      <c r="W29" s="277">
        <v>3</v>
      </c>
      <c r="X29" s="282">
        <v>3</v>
      </c>
      <c r="Y29" s="276">
        <v>0</v>
      </c>
      <c r="Z29" s="280">
        <v>5</v>
      </c>
      <c r="AA29" s="277">
        <v>5</v>
      </c>
      <c r="AB29" s="279">
        <v>0</v>
      </c>
      <c r="AC29" s="280">
        <v>4</v>
      </c>
      <c r="AD29" s="280">
        <v>4</v>
      </c>
      <c r="AE29" s="280">
        <v>4</v>
      </c>
      <c r="AF29" s="280">
        <v>4</v>
      </c>
      <c r="AG29" s="280">
        <v>3</v>
      </c>
      <c r="AH29" s="277">
        <v>19</v>
      </c>
      <c r="AI29" s="282">
        <v>24</v>
      </c>
      <c r="AJ29" s="276">
        <v>0</v>
      </c>
      <c r="AK29" s="280">
        <v>0</v>
      </c>
      <c r="AL29" s="277">
        <v>0</v>
      </c>
      <c r="AM29" s="279">
        <v>0</v>
      </c>
      <c r="AN29" s="280">
        <v>0</v>
      </c>
      <c r="AO29" s="280">
        <v>1</v>
      </c>
      <c r="AP29" s="280">
        <v>0</v>
      </c>
      <c r="AQ29" s="280">
        <v>0</v>
      </c>
      <c r="AR29" s="280">
        <v>0</v>
      </c>
      <c r="AS29" s="277">
        <v>1</v>
      </c>
      <c r="AT29" s="282">
        <v>1</v>
      </c>
      <c r="AU29" s="276">
        <v>1</v>
      </c>
      <c r="AV29" s="280">
        <v>1</v>
      </c>
      <c r="AW29" s="277">
        <v>2</v>
      </c>
      <c r="AX29" s="279">
        <v>0</v>
      </c>
      <c r="AY29" s="280">
        <v>2</v>
      </c>
      <c r="AZ29" s="280">
        <v>6</v>
      </c>
      <c r="BA29" s="280">
        <v>6</v>
      </c>
      <c r="BB29" s="280">
        <v>5</v>
      </c>
      <c r="BC29" s="280">
        <v>3</v>
      </c>
      <c r="BD29" s="281">
        <v>22</v>
      </c>
      <c r="BE29" s="282">
        <v>24</v>
      </c>
      <c r="BF29" s="276">
        <v>0</v>
      </c>
      <c r="BG29" s="280">
        <v>0</v>
      </c>
      <c r="BH29" s="277">
        <v>0</v>
      </c>
      <c r="BI29" s="279">
        <v>0</v>
      </c>
      <c r="BJ29" s="280">
        <v>8</v>
      </c>
      <c r="BK29" s="280">
        <v>5</v>
      </c>
      <c r="BL29" s="280">
        <v>8</v>
      </c>
      <c r="BM29" s="280">
        <v>5</v>
      </c>
      <c r="BN29" s="280">
        <v>1</v>
      </c>
      <c r="BO29" s="277">
        <v>27</v>
      </c>
      <c r="BP29" s="282">
        <v>27</v>
      </c>
      <c r="BQ29" s="276">
        <v>0</v>
      </c>
      <c r="BR29" s="280">
        <v>2</v>
      </c>
      <c r="BS29" s="277">
        <v>2</v>
      </c>
      <c r="BT29" s="279">
        <v>0</v>
      </c>
      <c r="BU29" s="280">
        <v>0</v>
      </c>
      <c r="BV29" s="280">
        <v>5</v>
      </c>
      <c r="BW29" s="280">
        <v>1</v>
      </c>
      <c r="BX29" s="280">
        <v>0</v>
      </c>
      <c r="BY29" s="280">
        <v>0</v>
      </c>
      <c r="BZ29" s="277">
        <v>6</v>
      </c>
      <c r="CA29" s="282">
        <v>8</v>
      </c>
      <c r="CB29" s="276">
        <v>0</v>
      </c>
      <c r="CC29" s="280">
        <v>1</v>
      </c>
      <c r="CD29" s="277">
        <v>1</v>
      </c>
      <c r="CE29" s="279">
        <v>0</v>
      </c>
      <c r="CF29" s="280">
        <v>1</v>
      </c>
      <c r="CG29" s="280">
        <v>1</v>
      </c>
      <c r="CH29" s="280">
        <v>4</v>
      </c>
      <c r="CI29" s="280">
        <v>0</v>
      </c>
      <c r="CJ29" s="280">
        <v>2</v>
      </c>
      <c r="CK29" s="277">
        <v>8</v>
      </c>
      <c r="CL29" s="282">
        <v>9</v>
      </c>
      <c r="CM29" s="276">
        <v>0</v>
      </c>
      <c r="CN29" s="280">
        <v>0</v>
      </c>
      <c r="CO29" s="277">
        <v>0</v>
      </c>
      <c r="CP29" s="279">
        <v>0</v>
      </c>
      <c r="CQ29" s="280">
        <v>1</v>
      </c>
      <c r="CR29" s="280">
        <v>0</v>
      </c>
      <c r="CS29" s="280">
        <v>1</v>
      </c>
      <c r="CT29" s="280">
        <v>0</v>
      </c>
      <c r="CU29" s="280">
        <v>1</v>
      </c>
      <c r="CV29" s="277">
        <v>3</v>
      </c>
      <c r="CW29" s="282">
        <v>3</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3</v>
      </c>
      <c r="DU29" s="280">
        <v>17</v>
      </c>
      <c r="DV29" s="277">
        <v>20</v>
      </c>
      <c r="DW29" s="279">
        <v>0</v>
      </c>
      <c r="DX29" s="280">
        <v>4</v>
      </c>
      <c r="DY29" s="280">
        <v>13</v>
      </c>
      <c r="DZ29" s="280">
        <v>12</v>
      </c>
      <c r="EA29" s="280">
        <v>7</v>
      </c>
      <c r="EB29" s="280">
        <v>3</v>
      </c>
      <c r="EC29" s="277">
        <v>39</v>
      </c>
      <c r="ED29" s="282">
        <v>59</v>
      </c>
      <c r="EE29" s="276">
        <v>1</v>
      </c>
      <c r="EF29" s="280">
        <v>0</v>
      </c>
      <c r="EG29" s="277">
        <v>1</v>
      </c>
      <c r="EH29" s="279">
        <v>0</v>
      </c>
      <c r="EI29" s="280">
        <v>2</v>
      </c>
      <c r="EJ29" s="280">
        <v>0</v>
      </c>
      <c r="EK29" s="280">
        <v>0</v>
      </c>
      <c r="EL29" s="280">
        <v>3</v>
      </c>
      <c r="EM29" s="280">
        <v>1</v>
      </c>
      <c r="EN29" s="277">
        <v>6</v>
      </c>
      <c r="EO29" s="282">
        <v>7</v>
      </c>
      <c r="EP29" s="276">
        <v>3</v>
      </c>
      <c r="EQ29" s="280">
        <v>21</v>
      </c>
      <c r="ER29" s="277">
        <v>24</v>
      </c>
      <c r="ES29" s="279">
        <v>0</v>
      </c>
      <c r="ET29" s="280">
        <v>13</v>
      </c>
      <c r="EU29" s="280">
        <v>13</v>
      </c>
      <c r="EV29" s="280">
        <v>14</v>
      </c>
      <c r="EW29" s="280">
        <v>9</v>
      </c>
      <c r="EX29" s="280">
        <v>4</v>
      </c>
      <c r="EY29" s="277">
        <v>53</v>
      </c>
      <c r="EZ29" s="282">
        <v>77</v>
      </c>
    </row>
    <row r="30" spans="2:156" ht="21" customHeight="1" x14ac:dyDescent="0.2">
      <c r="B30" s="261" t="s">
        <v>28</v>
      </c>
      <c r="C30" s="276">
        <v>0</v>
      </c>
      <c r="D30" s="280">
        <v>0</v>
      </c>
      <c r="E30" s="382">
        <v>0</v>
      </c>
      <c r="F30" s="279">
        <v>0</v>
      </c>
      <c r="G30" s="280">
        <v>0</v>
      </c>
      <c r="H30" s="280">
        <v>1</v>
      </c>
      <c r="I30" s="280">
        <v>0</v>
      </c>
      <c r="J30" s="280">
        <v>1</v>
      </c>
      <c r="K30" s="280">
        <v>0</v>
      </c>
      <c r="L30" s="281">
        <v>2</v>
      </c>
      <c r="M30" s="282">
        <v>2</v>
      </c>
      <c r="N30" s="276">
        <v>0</v>
      </c>
      <c r="O30" s="280">
        <v>0</v>
      </c>
      <c r="P30" s="277">
        <v>0</v>
      </c>
      <c r="Q30" s="279">
        <v>0</v>
      </c>
      <c r="R30" s="280">
        <v>0</v>
      </c>
      <c r="S30" s="280">
        <v>0</v>
      </c>
      <c r="T30" s="280">
        <v>0</v>
      </c>
      <c r="U30" s="280">
        <v>1</v>
      </c>
      <c r="V30" s="280">
        <v>0</v>
      </c>
      <c r="W30" s="277">
        <v>1</v>
      </c>
      <c r="X30" s="282">
        <v>1</v>
      </c>
      <c r="Y30" s="276">
        <v>0</v>
      </c>
      <c r="Z30" s="280">
        <v>0</v>
      </c>
      <c r="AA30" s="277">
        <v>0</v>
      </c>
      <c r="AB30" s="279">
        <v>0</v>
      </c>
      <c r="AC30" s="280">
        <v>0</v>
      </c>
      <c r="AD30" s="280">
        <v>3</v>
      </c>
      <c r="AE30" s="280">
        <v>0</v>
      </c>
      <c r="AF30" s="280">
        <v>1</v>
      </c>
      <c r="AG30" s="280">
        <v>0</v>
      </c>
      <c r="AH30" s="277">
        <v>4</v>
      </c>
      <c r="AI30" s="282">
        <v>4</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2</v>
      </c>
      <c r="AZ30" s="280">
        <v>2</v>
      </c>
      <c r="BA30" s="280">
        <v>1</v>
      </c>
      <c r="BB30" s="280">
        <v>3</v>
      </c>
      <c r="BC30" s="280">
        <v>1</v>
      </c>
      <c r="BD30" s="281">
        <v>9</v>
      </c>
      <c r="BE30" s="282">
        <v>9</v>
      </c>
      <c r="BF30" s="276">
        <v>0</v>
      </c>
      <c r="BG30" s="280">
        <v>0</v>
      </c>
      <c r="BH30" s="277">
        <v>0</v>
      </c>
      <c r="BI30" s="279">
        <v>0</v>
      </c>
      <c r="BJ30" s="280">
        <v>2</v>
      </c>
      <c r="BK30" s="280">
        <v>1</v>
      </c>
      <c r="BL30" s="280">
        <v>0</v>
      </c>
      <c r="BM30" s="280">
        <v>0</v>
      </c>
      <c r="BN30" s="280">
        <v>0</v>
      </c>
      <c r="BO30" s="277">
        <v>3</v>
      </c>
      <c r="BP30" s="282">
        <v>3</v>
      </c>
      <c r="BQ30" s="276">
        <v>0</v>
      </c>
      <c r="BR30" s="280">
        <v>1</v>
      </c>
      <c r="BS30" s="277">
        <v>1</v>
      </c>
      <c r="BT30" s="279">
        <v>0</v>
      </c>
      <c r="BU30" s="280">
        <v>0</v>
      </c>
      <c r="BV30" s="280">
        <v>0</v>
      </c>
      <c r="BW30" s="280">
        <v>1</v>
      </c>
      <c r="BX30" s="280">
        <v>0</v>
      </c>
      <c r="BY30" s="280">
        <v>0</v>
      </c>
      <c r="BZ30" s="277">
        <v>1</v>
      </c>
      <c r="CA30" s="282">
        <v>2</v>
      </c>
      <c r="CB30" s="276">
        <v>0</v>
      </c>
      <c r="CC30" s="280">
        <v>0</v>
      </c>
      <c r="CD30" s="277">
        <v>0</v>
      </c>
      <c r="CE30" s="279">
        <v>0</v>
      </c>
      <c r="CF30" s="280">
        <v>0</v>
      </c>
      <c r="CG30" s="280">
        <v>0</v>
      </c>
      <c r="CH30" s="280">
        <v>0</v>
      </c>
      <c r="CI30" s="280">
        <v>0</v>
      </c>
      <c r="CJ30" s="280">
        <v>1</v>
      </c>
      <c r="CK30" s="277">
        <v>1</v>
      </c>
      <c r="CL30" s="282">
        <v>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0</v>
      </c>
      <c r="DU30" s="280">
        <v>1</v>
      </c>
      <c r="DV30" s="277">
        <v>1</v>
      </c>
      <c r="DW30" s="279">
        <v>0</v>
      </c>
      <c r="DX30" s="280">
        <v>3</v>
      </c>
      <c r="DY30" s="280">
        <v>5</v>
      </c>
      <c r="DZ30" s="280">
        <v>1</v>
      </c>
      <c r="EA30" s="280">
        <v>1</v>
      </c>
      <c r="EB30" s="280">
        <v>0</v>
      </c>
      <c r="EC30" s="277">
        <v>10</v>
      </c>
      <c r="ED30" s="282">
        <v>11</v>
      </c>
      <c r="EE30" s="276">
        <v>0</v>
      </c>
      <c r="EF30" s="280">
        <v>0</v>
      </c>
      <c r="EG30" s="277">
        <v>0</v>
      </c>
      <c r="EH30" s="279">
        <v>0</v>
      </c>
      <c r="EI30" s="280">
        <v>2</v>
      </c>
      <c r="EJ30" s="280">
        <v>0</v>
      </c>
      <c r="EK30" s="280">
        <v>0</v>
      </c>
      <c r="EL30" s="280">
        <v>1</v>
      </c>
      <c r="EM30" s="280">
        <v>0</v>
      </c>
      <c r="EN30" s="277">
        <v>3</v>
      </c>
      <c r="EO30" s="282">
        <v>3</v>
      </c>
      <c r="EP30" s="276">
        <v>0</v>
      </c>
      <c r="EQ30" s="280">
        <v>1</v>
      </c>
      <c r="ER30" s="277">
        <v>1</v>
      </c>
      <c r="ES30" s="279">
        <v>0</v>
      </c>
      <c r="ET30" s="280">
        <v>7</v>
      </c>
      <c r="EU30" s="280">
        <v>6</v>
      </c>
      <c r="EV30" s="280">
        <v>1</v>
      </c>
      <c r="EW30" s="280">
        <v>2</v>
      </c>
      <c r="EX30" s="280">
        <v>1</v>
      </c>
      <c r="EY30" s="277">
        <v>17</v>
      </c>
      <c r="EZ30" s="282">
        <v>18</v>
      </c>
    </row>
    <row r="31" spans="2:156" ht="21" customHeight="1" x14ac:dyDescent="0.2">
      <c r="B31" s="261" t="s">
        <v>29</v>
      </c>
      <c r="C31" s="276">
        <v>0</v>
      </c>
      <c r="D31" s="280">
        <v>0</v>
      </c>
      <c r="E31" s="382">
        <v>0</v>
      </c>
      <c r="F31" s="279">
        <v>0</v>
      </c>
      <c r="G31" s="280">
        <v>0</v>
      </c>
      <c r="H31" s="280">
        <v>3</v>
      </c>
      <c r="I31" s="280">
        <v>0</v>
      </c>
      <c r="J31" s="280">
        <v>1</v>
      </c>
      <c r="K31" s="280">
        <v>0</v>
      </c>
      <c r="L31" s="281">
        <v>4</v>
      </c>
      <c r="M31" s="282">
        <v>4</v>
      </c>
      <c r="N31" s="276">
        <v>0</v>
      </c>
      <c r="O31" s="280">
        <v>0</v>
      </c>
      <c r="P31" s="277">
        <v>0</v>
      </c>
      <c r="Q31" s="279">
        <v>0</v>
      </c>
      <c r="R31" s="280">
        <v>0</v>
      </c>
      <c r="S31" s="280">
        <v>0</v>
      </c>
      <c r="T31" s="280">
        <v>0</v>
      </c>
      <c r="U31" s="280">
        <v>0</v>
      </c>
      <c r="V31" s="280">
        <v>1</v>
      </c>
      <c r="W31" s="277">
        <v>1</v>
      </c>
      <c r="X31" s="282">
        <v>1</v>
      </c>
      <c r="Y31" s="276">
        <v>0</v>
      </c>
      <c r="Z31" s="280">
        <v>1</v>
      </c>
      <c r="AA31" s="277">
        <v>1</v>
      </c>
      <c r="AB31" s="279">
        <v>0</v>
      </c>
      <c r="AC31" s="280">
        <v>0</v>
      </c>
      <c r="AD31" s="280">
        <v>1</v>
      </c>
      <c r="AE31" s="280">
        <v>0</v>
      </c>
      <c r="AF31" s="280">
        <v>0</v>
      </c>
      <c r="AG31" s="280">
        <v>0</v>
      </c>
      <c r="AH31" s="277">
        <v>1</v>
      </c>
      <c r="AI31" s="282">
        <v>2</v>
      </c>
      <c r="AJ31" s="276">
        <v>0</v>
      </c>
      <c r="AK31" s="280">
        <v>0</v>
      </c>
      <c r="AL31" s="277">
        <v>0</v>
      </c>
      <c r="AM31" s="279">
        <v>0</v>
      </c>
      <c r="AN31" s="280">
        <v>0</v>
      </c>
      <c r="AO31" s="280">
        <v>1</v>
      </c>
      <c r="AP31" s="280">
        <v>0</v>
      </c>
      <c r="AQ31" s="280">
        <v>0</v>
      </c>
      <c r="AR31" s="280">
        <v>0</v>
      </c>
      <c r="AS31" s="277">
        <v>1</v>
      </c>
      <c r="AT31" s="282">
        <v>1</v>
      </c>
      <c r="AU31" s="276">
        <v>1</v>
      </c>
      <c r="AV31" s="280">
        <v>0</v>
      </c>
      <c r="AW31" s="277">
        <v>1</v>
      </c>
      <c r="AX31" s="279">
        <v>0</v>
      </c>
      <c r="AY31" s="280">
        <v>0</v>
      </c>
      <c r="AZ31" s="280">
        <v>3</v>
      </c>
      <c r="BA31" s="280">
        <v>1</v>
      </c>
      <c r="BB31" s="280">
        <v>1</v>
      </c>
      <c r="BC31" s="280">
        <v>1</v>
      </c>
      <c r="BD31" s="281">
        <v>6</v>
      </c>
      <c r="BE31" s="282">
        <v>7</v>
      </c>
      <c r="BF31" s="276">
        <v>0</v>
      </c>
      <c r="BG31" s="280">
        <v>0</v>
      </c>
      <c r="BH31" s="277">
        <v>0</v>
      </c>
      <c r="BI31" s="279">
        <v>0</v>
      </c>
      <c r="BJ31" s="280">
        <v>3</v>
      </c>
      <c r="BK31" s="280">
        <v>5</v>
      </c>
      <c r="BL31" s="280">
        <v>1</v>
      </c>
      <c r="BM31" s="280">
        <v>0</v>
      </c>
      <c r="BN31" s="280">
        <v>0</v>
      </c>
      <c r="BO31" s="277">
        <v>9</v>
      </c>
      <c r="BP31" s="282">
        <v>9</v>
      </c>
      <c r="BQ31" s="276">
        <v>1</v>
      </c>
      <c r="BR31" s="280">
        <v>0</v>
      </c>
      <c r="BS31" s="277">
        <v>1</v>
      </c>
      <c r="BT31" s="279">
        <v>0</v>
      </c>
      <c r="BU31" s="280">
        <v>0</v>
      </c>
      <c r="BV31" s="280">
        <v>0</v>
      </c>
      <c r="BW31" s="280">
        <v>0</v>
      </c>
      <c r="BX31" s="280">
        <v>0</v>
      </c>
      <c r="BY31" s="280">
        <v>0</v>
      </c>
      <c r="BZ31" s="277">
        <v>0</v>
      </c>
      <c r="CA31" s="282">
        <v>1</v>
      </c>
      <c r="CB31" s="276">
        <v>0</v>
      </c>
      <c r="CC31" s="280">
        <v>0</v>
      </c>
      <c r="CD31" s="277">
        <v>0</v>
      </c>
      <c r="CE31" s="279">
        <v>0</v>
      </c>
      <c r="CF31" s="280">
        <v>0</v>
      </c>
      <c r="CG31" s="280">
        <v>0</v>
      </c>
      <c r="CH31" s="280">
        <v>1</v>
      </c>
      <c r="CI31" s="280">
        <v>0</v>
      </c>
      <c r="CJ31" s="280">
        <v>1</v>
      </c>
      <c r="CK31" s="277">
        <v>2</v>
      </c>
      <c r="CL31" s="282">
        <v>2</v>
      </c>
      <c r="CM31" s="276">
        <v>0</v>
      </c>
      <c r="CN31" s="280">
        <v>0</v>
      </c>
      <c r="CO31" s="277">
        <v>0</v>
      </c>
      <c r="CP31" s="279">
        <v>0</v>
      </c>
      <c r="CQ31" s="280">
        <v>0</v>
      </c>
      <c r="CR31" s="280">
        <v>0</v>
      </c>
      <c r="CS31" s="280">
        <v>0</v>
      </c>
      <c r="CT31" s="280">
        <v>0</v>
      </c>
      <c r="CU31" s="280">
        <v>1</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0</v>
      </c>
      <c r="DV31" s="277">
        <v>2</v>
      </c>
      <c r="DW31" s="279">
        <v>0</v>
      </c>
      <c r="DX31" s="280">
        <v>2</v>
      </c>
      <c r="DY31" s="280">
        <v>6</v>
      </c>
      <c r="DZ31" s="280">
        <v>1</v>
      </c>
      <c r="EA31" s="280">
        <v>0</v>
      </c>
      <c r="EB31" s="280">
        <v>1</v>
      </c>
      <c r="EC31" s="277">
        <v>10</v>
      </c>
      <c r="ED31" s="282">
        <v>12</v>
      </c>
      <c r="EE31" s="276">
        <v>1</v>
      </c>
      <c r="EF31" s="280">
        <v>0</v>
      </c>
      <c r="EG31" s="277">
        <v>1</v>
      </c>
      <c r="EH31" s="279">
        <v>0</v>
      </c>
      <c r="EI31" s="280">
        <v>0</v>
      </c>
      <c r="EJ31" s="280">
        <v>2</v>
      </c>
      <c r="EK31" s="280">
        <v>0</v>
      </c>
      <c r="EL31" s="280">
        <v>1</v>
      </c>
      <c r="EM31" s="280">
        <v>0</v>
      </c>
      <c r="EN31" s="277">
        <v>3</v>
      </c>
      <c r="EO31" s="282">
        <v>4</v>
      </c>
      <c r="EP31" s="276">
        <v>3</v>
      </c>
      <c r="EQ31" s="280">
        <v>1</v>
      </c>
      <c r="ER31" s="277">
        <v>4</v>
      </c>
      <c r="ES31" s="279">
        <v>0</v>
      </c>
      <c r="ET31" s="280">
        <v>4</v>
      </c>
      <c r="EU31" s="280">
        <v>7</v>
      </c>
      <c r="EV31" s="280">
        <v>1</v>
      </c>
      <c r="EW31" s="280">
        <v>1</v>
      </c>
      <c r="EX31" s="280">
        <v>1</v>
      </c>
      <c r="EY31" s="277">
        <v>14</v>
      </c>
      <c r="EZ31" s="282">
        <v>18</v>
      </c>
    </row>
    <row r="32" spans="2:156" ht="21" customHeight="1" x14ac:dyDescent="0.2">
      <c r="B32" s="261" t="s">
        <v>30</v>
      </c>
      <c r="C32" s="276">
        <v>0</v>
      </c>
      <c r="D32" s="280">
        <v>0</v>
      </c>
      <c r="E32" s="382">
        <v>0</v>
      </c>
      <c r="F32" s="279">
        <v>0</v>
      </c>
      <c r="G32" s="280">
        <v>1</v>
      </c>
      <c r="H32" s="280">
        <v>0</v>
      </c>
      <c r="I32" s="280">
        <v>1</v>
      </c>
      <c r="J32" s="280">
        <v>1</v>
      </c>
      <c r="K32" s="280">
        <v>1</v>
      </c>
      <c r="L32" s="281">
        <v>4</v>
      </c>
      <c r="M32" s="282">
        <v>4</v>
      </c>
      <c r="N32" s="276">
        <v>0</v>
      </c>
      <c r="O32" s="280">
        <v>0</v>
      </c>
      <c r="P32" s="277">
        <v>0</v>
      </c>
      <c r="Q32" s="279">
        <v>0</v>
      </c>
      <c r="R32" s="280">
        <v>0</v>
      </c>
      <c r="S32" s="280">
        <v>0</v>
      </c>
      <c r="T32" s="280">
        <v>0</v>
      </c>
      <c r="U32" s="280">
        <v>0</v>
      </c>
      <c r="V32" s="280">
        <v>0</v>
      </c>
      <c r="W32" s="277">
        <v>0</v>
      </c>
      <c r="X32" s="282">
        <v>0</v>
      </c>
      <c r="Y32" s="276">
        <v>0</v>
      </c>
      <c r="Z32" s="280">
        <v>1</v>
      </c>
      <c r="AA32" s="277">
        <v>1</v>
      </c>
      <c r="AB32" s="279">
        <v>0</v>
      </c>
      <c r="AC32" s="280">
        <v>2</v>
      </c>
      <c r="AD32" s="280">
        <v>0</v>
      </c>
      <c r="AE32" s="280">
        <v>1</v>
      </c>
      <c r="AF32" s="280">
        <v>1</v>
      </c>
      <c r="AG32" s="280">
        <v>1</v>
      </c>
      <c r="AH32" s="277">
        <v>5</v>
      </c>
      <c r="AI32" s="282">
        <v>6</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0</v>
      </c>
      <c r="BA32" s="280">
        <v>2</v>
      </c>
      <c r="BB32" s="280">
        <v>2</v>
      </c>
      <c r="BC32" s="280">
        <v>0</v>
      </c>
      <c r="BD32" s="281">
        <v>6</v>
      </c>
      <c r="BE32" s="282">
        <v>6</v>
      </c>
      <c r="BF32" s="276">
        <v>0</v>
      </c>
      <c r="BG32" s="280">
        <v>0</v>
      </c>
      <c r="BH32" s="277">
        <v>0</v>
      </c>
      <c r="BI32" s="279">
        <v>0</v>
      </c>
      <c r="BJ32" s="280">
        <v>1</v>
      </c>
      <c r="BK32" s="280">
        <v>0</v>
      </c>
      <c r="BL32" s="280">
        <v>0</v>
      </c>
      <c r="BM32" s="280">
        <v>1</v>
      </c>
      <c r="BN32" s="280">
        <v>0</v>
      </c>
      <c r="BO32" s="277">
        <v>2</v>
      </c>
      <c r="BP32" s="282">
        <v>2</v>
      </c>
      <c r="BQ32" s="276">
        <v>2</v>
      </c>
      <c r="BR32" s="280">
        <v>0</v>
      </c>
      <c r="BS32" s="277">
        <v>2</v>
      </c>
      <c r="BT32" s="279">
        <v>0</v>
      </c>
      <c r="BU32" s="280">
        <v>0</v>
      </c>
      <c r="BV32" s="280">
        <v>0</v>
      </c>
      <c r="BW32" s="280">
        <v>2</v>
      </c>
      <c r="BX32" s="280">
        <v>0</v>
      </c>
      <c r="BY32" s="280">
        <v>0</v>
      </c>
      <c r="BZ32" s="277">
        <v>2</v>
      </c>
      <c r="CA32" s="282">
        <v>4</v>
      </c>
      <c r="CB32" s="276">
        <v>0</v>
      </c>
      <c r="CC32" s="280">
        <v>0</v>
      </c>
      <c r="CD32" s="277">
        <v>0</v>
      </c>
      <c r="CE32" s="279">
        <v>0</v>
      </c>
      <c r="CF32" s="280">
        <v>0</v>
      </c>
      <c r="CG32" s="280">
        <v>0</v>
      </c>
      <c r="CH32" s="280">
        <v>3</v>
      </c>
      <c r="CI32" s="280">
        <v>1</v>
      </c>
      <c r="CJ32" s="280">
        <v>0</v>
      </c>
      <c r="CK32" s="277">
        <v>4</v>
      </c>
      <c r="CL32" s="282">
        <v>4</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2</v>
      </c>
      <c r="DV32" s="277">
        <v>2</v>
      </c>
      <c r="DW32" s="279">
        <v>0</v>
      </c>
      <c r="DX32" s="280">
        <v>2</v>
      </c>
      <c r="DY32" s="280">
        <v>0</v>
      </c>
      <c r="DZ32" s="280">
        <v>4</v>
      </c>
      <c r="EA32" s="280">
        <v>1</v>
      </c>
      <c r="EB32" s="280">
        <v>1</v>
      </c>
      <c r="EC32" s="277">
        <v>8</v>
      </c>
      <c r="ED32" s="282">
        <v>10</v>
      </c>
      <c r="EE32" s="276">
        <v>0</v>
      </c>
      <c r="EF32" s="280">
        <v>0</v>
      </c>
      <c r="EG32" s="277">
        <v>0</v>
      </c>
      <c r="EH32" s="279">
        <v>0</v>
      </c>
      <c r="EI32" s="280">
        <v>1</v>
      </c>
      <c r="EJ32" s="280">
        <v>0</v>
      </c>
      <c r="EK32" s="280">
        <v>0</v>
      </c>
      <c r="EL32" s="280">
        <v>0</v>
      </c>
      <c r="EM32" s="280">
        <v>0</v>
      </c>
      <c r="EN32" s="277">
        <v>1</v>
      </c>
      <c r="EO32" s="282">
        <v>1</v>
      </c>
      <c r="EP32" s="276">
        <v>3</v>
      </c>
      <c r="EQ32" s="280">
        <v>3</v>
      </c>
      <c r="ER32" s="277">
        <v>6</v>
      </c>
      <c r="ES32" s="279">
        <v>0</v>
      </c>
      <c r="ET32" s="280">
        <v>4</v>
      </c>
      <c r="EU32" s="280">
        <v>0</v>
      </c>
      <c r="EV32" s="280">
        <v>4</v>
      </c>
      <c r="EW32" s="280">
        <v>1</v>
      </c>
      <c r="EX32" s="280">
        <v>1</v>
      </c>
      <c r="EY32" s="277">
        <v>10</v>
      </c>
      <c r="EZ32" s="282">
        <v>16</v>
      </c>
    </row>
    <row r="33" spans="2:156" ht="21" customHeight="1" x14ac:dyDescent="0.2">
      <c r="B33" s="261" t="s">
        <v>31</v>
      </c>
      <c r="C33" s="276">
        <v>0</v>
      </c>
      <c r="D33" s="280">
        <v>0</v>
      </c>
      <c r="E33" s="382">
        <v>0</v>
      </c>
      <c r="F33" s="279">
        <v>0</v>
      </c>
      <c r="G33" s="280">
        <v>1</v>
      </c>
      <c r="H33" s="280">
        <v>0</v>
      </c>
      <c r="I33" s="280">
        <v>2</v>
      </c>
      <c r="J33" s="280">
        <v>0</v>
      </c>
      <c r="K33" s="280">
        <v>0</v>
      </c>
      <c r="L33" s="281">
        <v>3</v>
      </c>
      <c r="M33" s="282">
        <v>3</v>
      </c>
      <c r="N33" s="276">
        <v>0</v>
      </c>
      <c r="O33" s="280">
        <v>0</v>
      </c>
      <c r="P33" s="277">
        <v>0</v>
      </c>
      <c r="Q33" s="279">
        <v>0</v>
      </c>
      <c r="R33" s="280">
        <v>0</v>
      </c>
      <c r="S33" s="280">
        <v>1</v>
      </c>
      <c r="T33" s="280">
        <v>1</v>
      </c>
      <c r="U33" s="280">
        <v>0</v>
      </c>
      <c r="V33" s="280">
        <v>0</v>
      </c>
      <c r="W33" s="277">
        <v>2</v>
      </c>
      <c r="X33" s="282">
        <v>2</v>
      </c>
      <c r="Y33" s="276">
        <v>1</v>
      </c>
      <c r="Z33" s="280">
        <v>0</v>
      </c>
      <c r="AA33" s="277">
        <v>1</v>
      </c>
      <c r="AB33" s="279">
        <v>0</v>
      </c>
      <c r="AC33" s="280">
        <v>0</v>
      </c>
      <c r="AD33" s="280">
        <v>1</v>
      </c>
      <c r="AE33" s="280">
        <v>2</v>
      </c>
      <c r="AF33" s="280">
        <v>1</v>
      </c>
      <c r="AG33" s="280">
        <v>0</v>
      </c>
      <c r="AH33" s="277">
        <v>4</v>
      </c>
      <c r="AI33" s="282">
        <v>5</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0</v>
      </c>
      <c r="BA33" s="280">
        <v>1</v>
      </c>
      <c r="BB33" s="280">
        <v>2</v>
      </c>
      <c r="BC33" s="280">
        <v>1</v>
      </c>
      <c r="BD33" s="281">
        <v>4</v>
      </c>
      <c r="BE33" s="282">
        <v>4</v>
      </c>
      <c r="BF33" s="276">
        <v>0</v>
      </c>
      <c r="BG33" s="280">
        <v>0</v>
      </c>
      <c r="BH33" s="277">
        <v>0</v>
      </c>
      <c r="BI33" s="279">
        <v>0</v>
      </c>
      <c r="BJ33" s="280">
        <v>2</v>
      </c>
      <c r="BK33" s="280">
        <v>2</v>
      </c>
      <c r="BL33" s="280">
        <v>1</v>
      </c>
      <c r="BM33" s="280">
        <v>1</v>
      </c>
      <c r="BN33" s="280">
        <v>0</v>
      </c>
      <c r="BO33" s="277">
        <v>6</v>
      </c>
      <c r="BP33" s="282">
        <v>6</v>
      </c>
      <c r="BQ33" s="276">
        <v>0</v>
      </c>
      <c r="BR33" s="280">
        <v>0</v>
      </c>
      <c r="BS33" s="277">
        <v>0</v>
      </c>
      <c r="BT33" s="279">
        <v>0</v>
      </c>
      <c r="BU33" s="280">
        <v>1</v>
      </c>
      <c r="BV33" s="280">
        <v>1</v>
      </c>
      <c r="BW33" s="280">
        <v>3</v>
      </c>
      <c r="BX33" s="280">
        <v>0</v>
      </c>
      <c r="BY33" s="280">
        <v>0</v>
      </c>
      <c r="BZ33" s="277">
        <v>5</v>
      </c>
      <c r="CA33" s="282">
        <v>5</v>
      </c>
      <c r="CB33" s="276">
        <v>0</v>
      </c>
      <c r="CC33" s="280">
        <v>0</v>
      </c>
      <c r="CD33" s="277">
        <v>0</v>
      </c>
      <c r="CE33" s="279">
        <v>0</v>
      </c>
      <c r="CF33" s="280">
        <v>0</v>
      </c>
      <c r="CG33" s="280">
        <v>1</v>
      </c>
      <c r="CH33" s="280">
        <v>2</v>
      </c>
      <c r="CI33" s="280">
        <v>1</v>
      </c>
      <c r="CJ33" s="280">
        <v>0</v>
      </c>
      <c r="CK33" s="277">
        <v>4</v>
      </c>
      <c r="CL33" s="282">
        <v>4</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2</v>
      </c>
      <c r="DV33" s="277">
        <v>4</v>
      </c>
      <c r="DW33" s="279">
        <v>0</v>
      </c>
      <c r="DX33" s="280">
        <v>2</v>
      </c>
      <c r="DY33" s="280">
        <v>5</v>
      </c>
      <c r="DZ33" s="280">
        <v>4</v>
      </c>
      <c r="EA33" s="280">
        <v>2</v>
      </c>
      <c r="EB33" s="280">
        <v>0</v>
      </c>
      <c r="EC33" s="277">
        <v>13</v>
      </c>
      <c r="ED33" s="282">
        <v>17</v>
      </c>
      <c r="EE33" s="276">
        <v>0</v>
      </c>
      <c r="EF33" s="280">
        <v>0</v>
      </c>
      <c r="EG33" s="277">
        <v>0</v>
      </c>
      <c r="EH33" s="279">
        <v>0</v>
      </c>
      <c r="EI33" s="280">
        <v>0</v>
      </c>
      <c r="EJ33" s="280">
        <v>0</v>
      </c>
      <c r="EK33" s="280">
        <v>1</v>
      </c>
      <c r="EL33" s="280">
        <v>1</v>
      </c>
      <c r="EM33" s="280">
        <v>0</v>
      </c>
      <c r="EN33" s="277">
        <v>2</v>
      </c>
      <c r="EO33" s="282">
        <v>2</v>
      </c>
      <c r="EP33" s="276">
        <v>3</v>
      </c>
      <c r="EQ33" s="280">
        <v>2</v>
      </c>
      <c r="ER33" s="277">
        <v>5</v>
      </c>
      <c r="ES33" s="279">
        <v>0</v>
      </c>
      <c r="ET33" s="280">
        <v>5</v>
      </c>
      <c r="EU33" s="280">
        <v>7</v>
      </c>
      <c r="EV33" s="280">
        <v>3</v>
      </c>
      <c r="EW33" s="280">
        <v>2</v>
      </c>
      <c r="EX33" s="280">
        <v>0</v>
      </c>
      <c r="EY33" s="277">
        <v>17</v>
      </c>
      <c r="EZ33" s="282">
        <v>22</v>
      </c>
    </row>
    <row r="34" spans="2:156" ht="21" customHeight="1" x14ac:dyDescent="0.2">
      <c r="B34" s="261" t="s">
        <v>32</v>
      </c>
      <c r="C34" s="276">
        <v>0</v>
      </c>
      <c r="D34" s="280">
        <v>0</v>
      </c>
      <c r="E34" s="382">
        <v>0</v>
      </c>
      <c r="F34" s="279">
        <v>0</v>
      </c>
      <c r="G34" s="280">
        <v>1</v>
      </c>
      <c r="H34" s="280">
        <v>3</v>
      </c>
      <c r="I34" s="280">
        <v>1</v>
      </c>
      <c r="J34" s="280">
        <v>1</v>
      </c>
      <c r="K34" s="280">
        <v>1</v>
      </c>
      <c r="L34" s="281">
        <v>7</v>
      </c>
      <c r="M34" s="282">
        <v>7</v>
      </c>
      <c r="N34" s="276">
        <v>0</v>
      </c>
      <c r="O34" s="280">
        <v>0</v>
      </c>
      <c r="P34" s="277">
        <v>0</v>
      </c>
      <c r="Q34" s="279">
        <v>0</v>
      </c>
      <c r="R34" s="280">
        <v>0</v>
      </c>
      <c r="S34" s="280">
        <v>0</v>
      </c>
      <c r="T34" s="280">
        <v>0</v>
      </c>
      <c r="U34" s="280">
        <v>0</v>
      </c>
      <c r="V34" s="280">
        <v>1</v>
      </c>
      <c r="W34" s="277">
        <v>1</v>
      </c>
      <c r="X34" s="282">
        <v>1</v>
      </c>
      <c r="Y34" s="276">
        <v>0</v>
      </c>
      <c r="Z34" s="280">
        <v>1</v>
      </c>
      <c r="AA34" s="277">
        <v>1</v>
      </c>
      <c r="AB34" s="279">
        <v>0</v>
      </c>
      <c r="AC34" s="280">
        <v>2</v>
      </c>
      <c r="AD34" s="280">
        <v>3</v>
      </c>
      <c r="AE34" s="280">
        <v>1</v>
      </c>
      <c r="AF34" s="280">
        <v>0</v>
      </c>
      <c r="AG34" s="280">
        <v>0</v>
      </c>
      <c r="AH34" s="277">
        <v>6</v>
      </c>
      <c r="AI34" s="282">
        <v>7</v>
      </c>
      <c r="AJ34" s="276">
        <v>0</v>
      </c>
      <c r="AK34" s="280">
        <v>0</v>
      </c>
      <c r="AL34" s="277">
        <v>0</v>
      </c>
      <c r="AM34" s="279">
        <v>0</v>
      </c>
      <c r="AN34" s="280">
        <v>0</v>
      </c>
      <c r="AO34" s="280">
        <v>1</v>
      </c>
      <c r="AP34" s="280">
        <v>0</v>
      </c>
      <c r="AQ34" s="280">
        <v>0</v>
      </c>
      <c r="AR34" s="280">
        <v>0</v>
      </c>
      <c r="AS34" s="277">
        <v>1</v>
      </c>
      <c r="AT34" s="282">
        <v>1</v>
      </c>
      <c r="AU34" s="276">
        <v>0</v>
      </c>
      <c r="AV34" s="280">
        <v>0</v>
      </c>
      <c r="AW34" s="277">
        <v>0</v>
      </c>
      <c r="AX34" s="279">
        <v>0</v>
      </c>
      <c r="AY34" s="280">
        <v>1</v>
      </c>
      <c r="AZ34" s="280">
        <v>2</v>
      </c>
      <c r="BA34" s="280">
        <v>3</v>
      </c>
      <c r="BB34" s="280">
        <v>2</v>
      </c>
      <c r="BC34" s="280">
        <v>2</v>
      </c>
      <c r="BD34" s="281">
        <v>10</v>
      </c>
      <c r="BE34" s="282">
        <v>10</v>
      </c>
      <c r="BF34" s="276">
        <v>0</v>
      </c>
      <c r="BG34" s="280">
        <v>0</v>
      </c>
      <c r="BH34" s="277">
        <v>0</v>
      </c>
      <c r="BI34" s="279">
        <v>0</v>
      </c>
      <c r="BJ34" s="280">
        <v>2</v>
      </c>
      <c r="BK34" s="280">
        <v>5</v>
      </c>
      <c r="BL34" s="280">
        <v>1</v>
      </c>
      <c r="BM34" s="280">
        <v>0</v>
      </c>
      <c r="BN34" s="280">
        <v>1</v>
      </c>
      <c r="BO34" s="277">
        <v>9</v>
      </c>
      <c r="BP34" s="282">
        <v>9</v>
      </c>
      <c r="BQ34" s="276">
        <v>0</v>
      </c>
      <c r="BR34" s="280">
        <v>0</v>
      </c>
      <c r="BS34" s="277">
        <v>0</v>
      </c>
      <c r="BT34" s="279">
        <v>0</v>
      </c>
      <c r="BU34" s="280">
        <v>1</v>
      </c>
      <c r="BV34" s="280">
        <v>2</v>
      </c>
      <c r="BW34" s="280">
        <v>0</v>
      </c>
      <c r="BX34" s="280">
        <v>0</v>
      </c>
      <c r="BY34" s="280">
        <v>1</v>
      </c>
      <c r="BZ34" s="277">
        <v>4</v>
      </c>
      <c r="CA34" s="282">
        <v>4</v>
      </c>
      <c r="CB34" s="276">
        <v>0</v>
      </c>
      <c r="CC34" s="280">
        <v>0</v>
      </c>
      <c r="CD34" s="277">
        <v>0</v>
      </c>
      <c r="CE34" s="279">
        <v>0</v>
      </c>
      <c r="CF34" s="280">
        <v>0</v>
      </c>
      <c r="CG34" s="280">
        <v>0</v>
      </c>
      <c r="CH34" s="280">
        <v>0</v>
      </c>
      <c r="CI34" s="280">
        <v>0</v>
      </c>
      <c r="CJ34" s="280">
        <v>1</v>
      </c>
      <c r="CK34" s="277">
        <v>1</v>
      </c>
      <c r="CL34" s="282">
        <v>1</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0</v>
      </c>
      <c r="DU34" s="280">
        <v>3</v>
      </c>
      <c r="DV34" s="277">
        <v>3</v>
      </c>
      <c r="DW34" s="279">
        <v>0</v>
      </c>
      <c r="DX34" s="280">
        <v>5</v>
      </c>
      <c r="DY34" s="280">
        <v>11</v>
      </c>
      <c r="DZ34" s="280">
        <v>3</v>
      </c>
      <c r="EA34" s="280">
        <v>1</v>
      </c>
      <c r="EB34" s="280">
        <v>2</v>
      </c>
      <c r="EC34" s="277">
        <v>22</v>
      </c>
      <c r="ED34" s="282">
        <v>25</v>
      </c>
      <c r="EE34" s="276">
        <v>0</v>
      </c>
      <c r="EF34" s="280">
        <v>0</v>
      </c>
      <c r="EG34" s="277">
        <v>0</v>
      </c>
      <c r="EH34" s="279">
        <v>0</v>
      </c>
      <c r="EI34" s="280">
        <v>0</v>
      </c>
      <c r="EJ34" s="280">
        <v>1</v>
      </c>
      <c r="EK34" s="280">
        <v>1</v>
      </c>
      <c r="EL34" s="280">
        <v>1</v>
      </c>
      <c r="EM34" s="280">
        <v>2</v>
      </c>
      <c r="EN34" s="277">
        <v>5</v>
      </c>
      <c r="EO34" s="282">
        <v>5</v>
      </c>
      <c r="EP34" s="276">
        <v>0</v>
      </c>
      <c r="EQ34" s="280">
        <v>3</v>
      </c>
      <c r="ER34" s="277">
        <v>3</v>
      </c>
      <c r="ES34" s="279">
        <v>0</v>
      </c>
      <c r="ET34" s="280">
        <v>7</v>
      </c>
      <c r="EU34" s="280">
        <v>13</v>
      </c>
      <c r="EV34" s="280">
        <v>4</v>
      </c>
      <c r="EW34" s="280">
        <v>1</v>
      </c>
      <c r="EX34" s="280">
        <v>2</v>
      </c>
      <c r="EY34" s="277">
        <v>27</v>
      </c>
      <c r="EZ34" s="282">
        <v>30</v>
      </c>
    </row>
    <row r="35" spans="2:156" ht="21" customHeight="1" x14ac:dyDescent="0.2">
      <c r="B35" s="261" t="s">
        <v>33</v>
      </c>
      <c r="C35" s="276">
        <v>0</v>
      </c>
      <c r="D35" s="280">
        <v>0</v>
      </c>
      <c r="E35" s="382">
        <v>0</v>
      </c>
      <c r="F35" s="279">
        <v>0</v>
      </c>
      <c r="G35" s="280">
        <v>1</v>
      </c>
      <c r="H35" s="280">
        <v>1</v>
      </c>
      <c r="I35" s="280">
        <v>0</v>
      </c>
      <c r="J35" s="280">
        <v>0</v>
      </c>
      <c r="K35" s="280">
        <v>1</v>
      </c>
      <c r="L35" s="281">
        <v>3</v>
      </c>
      <c r="M35" s="282">
        <v>3</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1</v>
      </c>
      <c r="AE35" s="280">
        <v>0</v>
      </c>
      <c r="AF35" s="280">
        <v>0</v>
      </c>
      <c r="AG35" s="280">
        <v>1</v>
      </c>
      <c r="AH35" s="277">
        <v>3</v>
      </c>
      <c r="AI35" s="282">
        <v>3</v>
      </c>
      <c r="AJ35" s="276">
        <v>2</v>
      </c>
      <c r="AK35" s="280">
        <v>1</v>
      </c>
      <c r="AL35" s="277">
        <v>3</v>
      </c>
      <c r="AM35" s="279">
        <v>0</v>
      </c>
      <c r="AN35" s="280">
        <v>1</v>
      </c>
      <c r="AO35" s="280">
        <v>0</v>
      </c>
      <c r="AP35" s="280">
        <v>1</v>
      </c>
      <c r="AQ35" s="280">
        <v>0</v>
      </c>
      <c r="AR35" s="280">
        <v>1</v>
      </c>
      <c r="AS35" s="277">
        <v>3</v>
      </c>
      <c r="AT35" s="282">
        <v>6</v>
      </c>
      <c r="AU35" s="276">
        <v>0</v>
      </c>
      <c r="AV35" s="280">
        <v>0</v>
      </c>
      <c r="AW35" s="277">
        <v>0</v>
      </c>
      <c r="AX35" s="279">
        <v>0</v>
      </c>
      <c r="AY35" s="280">
        <v>1</v>
      </c>
      <c r="AZ35" s="280">
        <v>1</v>
      </c>
      <c r="BA35" s="280">
        <v>1</v>
      </c>
      <c r="BB35" s="280">
        <v>1</v>
      </c>
      <c r="BC35" s="280">
        <v>0</v>
      </c>
      <c r="BD35" s="281">
        <v>4</v>
      </c>
      <c r="BE35" s="282">
        <v>4</v>
      </c>
      <c r="BF35" s="276">
        <v>0</v>
      </c>
      <c r="BG35" s="280">
        <v>0</v>
      </c>
      <c r="BH35" s="277">
        <v>0</v>
      </c>
      <c r="BI35" s="279">
        <v>0</v>
      </c>
      <c r="BJ35" s="280">
        <v>1</v>
      </c>
      <c r="BK35" s="280">
        <v>0</v>
      </c>
      <c r="BL35" s="280">
        <v>0</v>
      </c>
      <c r="BM35" s="280">
        <v>0</v>
      </c>
      <c r="BN35" s="280">
        <v>0</v>
      </c>
      <c r="BO35" s="277">
        <v>1</v>
      </c>
      <c r="BP35" s="282">
        <v>1</v>
      </c>
      <c r="BQ35" s="276">
        <v>0</v>
      </c>
      <c r="BR35" s="280">
        <v>0</v>
      </c>
      <c r="BS35" s="277">
        <v>0</v>
      </c>
      <c r="BT35" s="279">
        <v>0</v>
      </c>
      <c r="BU35" s="280">
        <v>2</v>
      </c>
      <c r="BV35" s="280">
        <v>1</v>
      </c>
      <c r="BW35" s="280">
        <v>0</v>
      </c>
      <c r="BX35" s="280">
        <v>0</v>
      </c>
      <c r="BY35" s="280">
        <v>0</v>
      </c>
      <c r="BZ35" s="277">
        <v>3</v>
      </c>
      <c r="CA35" s="282">
        <v>3</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0</v>
      </c>
      <c r="DV35" s="277">
        <v>1</v>
      </c>
      <c r="DW35" s="279">
        <v>0</v>
      </c>
      <c r="DX35" s="280">
        <v>5</v>
      </c>
      <c r="DY35" s="280">
        <v>1</v>
      </c>
      <c r="DZ35" s="280">
        <v>1</v>
      </c>
      <c r="EA35" s="280">
        <v>0</v>
      </c>
      <c r="EB35" s="280">
        <v>0</v>
      </c>
      <c r="EC35" s="277">
        <v>7</v>
      </c>
      <c r="ED35" s="282">
        <v>8</v>
      </c>
      <c r="EE35" s="276">
        <v>0</v>
      </c>
      <c r="EF35" s="280">
        <v>0</v>
      </c>
      <c r="EG35" s="277">
        <v>0</v>
      </c>
      <c r="EH35" s="279">
        <v>0</v>
      </c>
      <c r="EI35" s="280">
        <v>0</v>
      </c>
      <c r="EJ35" s="280">
        <v>1</v>
      </c>
      <c r="EK35" s="280">
        <v>0</v>
      </c>
      <c r="EL35" s="280">
        <v>1</v>
      </c>
      <c r="EM35" s="280">
        <v>0</v>
      </c>
      <c r="EN35" s="277">
        <v>2</v>
      </c>
      <c r="EO35" s="282">
        <v>2</v>
      </c>
      <c r="EP35" s="276">
        <v>2</v>
      </c>
      <c r="EQ35" s="280">
        <v>1</v>
      </c>
      <c r="ER35" s="277">
        <v>3</v>
      </c>
      <c r="ES35" s="279">
        <v>0</v>
      </c>
      <c r="ET35" s="280">
        <v>6</v>
      </c>
      <c r="EU35" s="280">
        <v>2</v>
      </c>
      <c r="EV35" s="280">
        <v>1</v>
      </c>
      <c r="EW35" s="280">
        <v>0</v>
      </c>
      <c r="EX35" s="280">
        <v>1</v>
      </c>
      <c r="EY35" s="277">
        <v>10</v>
      </c>
      <c r="EZ35" s="282">
        <v>13</v>
      </c>
    </row>
    <row r="36" spans="2:156" ht="21" customHeight="1" x14ac:dyDescent="0.2">
      <c r="B36" s="261" t="s">
        <v>34</v>
      </c>
      <c r="C36" s="276">
        <v>0</v>
      </c>
      <c r="D36" s="280">
        <v>0</v>
      </c>
      <c r="E36" s="382">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v>
      </c>
      <c r="AD36" s="280">
        <v>0</v>
      </c>
      <c r="AE36" s="280">
        <v>0</v>
      </c>
      <c r="AF36" s="280">
        <v>0</v>
      </c>
      <c r="AG36" s="280">
        <v>0</v>
      </c>
      <c r="AH36" s="277">
        <v>1</v>
      </c>
      <c r="AI36" s="282">
        <v>1</v>
      </c>
      <c r="AJ36" s="276">
        <v>0</v>
      </c>
      <c r="AK36" s="280">
        <v>0</v>
      </c>
      <c r="AL36" s="277">
        <v>0</v>
      </c>
      <c r="AM36" s="279">
        <v>0</v>
      </c>
      <c r="AN36" s="280">
        <v>0</v>
      </c>
      <c r="AO36" s="280">
        <v>2</v>
      </c>
      <c r="AP36" s="280">
        <v>0</v>
      </c>
      <c r="AQ36" s="280">
        <v>0</v>
      </c>
      <c r="AR36" s="280">
        <v>0</v>
      </c>
      <c r="AS36" s="277">
        <v>2</v>
      </c>
      <c r="AT36" s="282">
        <v>2</v>
      </c>
      <c r="AU36" s="276">
        <v>0</v>
      </c>
      <c r="AV36" s="280">
        <v>0</v>
      </c>
      <c r="AW36" s="277">
        <v>0</v>
      </c>
      <c r="AX36" s="279">
        <v>0</v>
      </c>
      <c r="AY36" s="280">
        <v>0</v>
      </c>
      <c r="AZ36" s="280">
        <v>2</v>
      </c>
      <c r="BA36" s="280">
        <v>0</v>
      </c>
      <c r="BB36" s="280">
        <v>0</v>
      </c>
      <c r="BC36" s="280">
        <v>3</v>
      </c>
      <c r="BD36" s="281">
        <v>5</v>
      </c>
      <c r="BE36" s="282">
        <v>5</v>
      </c>
      <c r="BF36" s="276">
        <v>0</v>
      </c>
      <c r="BG36" s="280">
        <v>0</v>
      </c>
      <c r="BH36" s="277">
        <v>0</v>
      </c>
      <c r="BI36" s="279">
        <v>0</v>
      </c>
      <c r="BJ36" s="280">
        <v>0</v>
      </c>
      <c r="BK36" s="280">
        <v>2</v>
      </c>
      <c r="BL36" s="280">
        <v>0</v>
      </c>
      <c r="BM36" s="280">
        <v>1</v>
      </c>
      <c r="BN36" s="280">
        <v>0</v>
      </c>
      <c r="BO36" s="277">
        <v>3</v>
      </c>
      <c r="BP36" s="282">
        <v>3</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1</v>
      </c>
      <c r="DV36" s="277">
        <v>1</v>
      </c>
      <c r="DW36" s="279">
        <v>0</v>
      </c>
      <c r="DX36" s="280">
        <v>1</v>
      </c>
      <c r="DY36" s="280">
        <v>4</v>
      </c>
      <c r="DZ36" s="280">
        <v>0</v>
      </c>
      <c r="EA36" s="280">
        <v>1</v>
      </c>
      <c r="EB36" s="280">
        <v>1</v>
      </c>
      <c r="EC36" s="277">
        <v>7</v>
      </c>
      <c r="ED36" s="282">
        <v>8</v>
      </c>
      <c r="EE36" s="276">
        <v>0</v>
      </c>
      <c r="EF36" s="280">
        <v>0</v>
      </c>
      <c r="EG36" s="277">
        <v>0</v>
      </c>
      <c r="EH36" s="279">
        <v>0</v>
      </c>
      <c r="EI36" s="280">
        <v>0</v>
      </c>
      <c r="EJ36" s="280">
        <v>1</v>
      </c>
      <c r="EK36" s="280">
        <v>0</v>
      </c>
      <c r="EL36" s="280">
        <v>0</v>
      </c>
      <c r="EM36" s="280">
        <v>2</v>
      </c>
      <c r="EN36" s="277">
        <v>3</v>
      </c>
      <c r="EO36" s="282">
        <v>3</v>
      </c>
      <c r="EP36" s="276">
        <v>0</v>
      </c>
      <c r="EQ36" s="280">
        <v>1</v>
      </c>
      <c r="ER36" s="277">
        <v>1</v>
      </c>
      <c r="ES36" s="279">
        <v>0</v>
      </c>
      <c r="ET36" s="280">
        <v>2</v>
      </c>
      <c r="EU36" s="280">
        <v>6</v>
      </c>
      <c r="EV36" s="280">
        <v>1</v>
      </c>
      <c r="EW36" s="280">
        <v>1</v>
      </c>
      <c r="EX36" s="280">
        <v>0</v>
      </c>
      <c r="EY36" s="277">
        <v>10</v>
      </c>
      <c r="EZ36" s="282">
        <v>11</v>
      </c>
    </row>
    <row r="37" spans="2:156" ht="21" customHeight="1" x14ac:dyDescent="0.2">
      <c r="B37" s="261" t="s">
        <v>35</v>
      </c>
      <c r="C37" s="276">
        <v>0</v>
      </c>
      <c r="D37" s="280">
        <v>0</v>
      </c>
      <c r="E37" s="382">
        <v>0</v>
      </c>
      <c r="F37" s="279">
        <v>0</v>
      </c>
      <c r="G37" s="280">
        <v>6</v>
      </c>
      <c r="H37" s="280">
        <v>2</v>
      </c>
      <c r="I37" s="280">
        <v>0</v>
      </c>
      <c r="J37" s="280">
        <v>0</v>
      </c>
      <c r="K37" s="280">
        <v>1</v>
      </c>
      <c r="L37" s="281">
        <v>9</v>
      </c>
      <c r="M37" s="282">
        <v>9</v>
      </c>
      <c r="N37" s="276">
        <v>0</v>
      </c>
      <c r="O37" s="280">
        <v>0</v>
      </c>
      <c r="P37" s="277">
        <v>0</v>
      </c>
      <c r="Q37" s="279">
        <v>0</v>
      </c>
      <c r="R37" s="280">
        <v>0</v>
      </c>
      <c r="S37" s="280">
        <v>0</v>
      </c>
      <c r="T37" s="280">
        <v>0</v>
      </c>
      <c r="U37" s="280">
        <v>0</v>
      </c>
      <c r="V37" s="280">
        <v>2</v>
      </c>
      <c r="W37" s="277">
        <v>2</v>
      </c>
      <c r="X37" s="282">
        <v>2</v>
      </c>
      <c r="Y37" s="276">
        <v>0</v>
      </c>
      <c r="Z37" s="280">
        <v>0</v>
      </c>
      <c r="AA37" s="277">
        <v>0</v>
      </c>
      <c r="AB37" s="279">
        <v>0</v>
      </c>
      <c r="AC37" s="280">
        <v>2</v>
      </c>
      <c r="AD37" s="280">
        <v>1</v>
      </c>
      <c r="AE37" s="280">
        <v>1</v>
      </c>
      <c r="AF37" s="280">
        <v>1</v>
      </c>
      <c r="AG37" s="280">
        <v>1</v>
      </c>
      <c r="AH37" s="277">
        <v>6</v>
      </c>
      <c r="AI37" s="282">
        <v>6</v>
      </c>
      <c r="AJ37" s="276">
        <v>1</v>
      </c>
      <c r="AK37" s="280">
        <v>0</v>
      </c>
      <c r="AL37" s="277">
        <v>1</v>
      </c>
      <c r="AM37" s="279">
        <v>0</v>
      </c>
      <c r="AN37" s="280">
        <v>2</v>
      </c>
      <c r="AO37" s="280">
        <v>0</v>
      </c>
      <c r="AP37" s="280">
        <v>1</v>
      </c>
      <c r="AQ37" s="280">
        <v>0</v>
      </c>
      <c r="AR37" s="280">
        <v>1</v>
      </c>
      <c r="AS37" s="277">
        <v>4</v>
      </c>
      <c r="AT37" s="282">
        <v>5</v>
      </c>
      <c r="AU37" s="276">
        <v>2</v>
      </c>
      <c r="AV37" s="280">
        <v>1</v>
      </c>
      <c r="AW37" s="277">
        <v>3</v>
      </c>
      <c r="AX37" s="279">
        <v>0</v>
      </c>
      <c r="AY37" s="280">
        <v>10</v>
      </c>
      <c r="AZ37" s="280">
        <v>2</v>
      </c>
      <c r="BA37" s="280">
        <v>1</v>
      </c>
      <c r="BB37" s="280">
        <v>5</v>
      </c>
      <c r="BC37" s="280">
        <v>3</v>
      </c>
      <c r="BD37" s="281">
        <v>21</v>
      </c>
      <c r="BE37" s="282">
        <v>24</v>
      </c>
      <c r="BF37" s="276">
        <v>0</v>
      </c>
      <c r="BG37" s="280">
        <v>0</v>
      </c>
      <c r="BH37" s="277">
        <v>0</v>
      </c>
      <c r="BI37" s="279">
        <v>0</v>
      </c>
      <c r="BJ37" s="280">
        <v>9</v>
      </c>
      <c r="BK37" s="280">
        <v>4</v>
      </c>
      <c r="BL37" s="280">
        <v>2</v>
      </c>
      <c r="BM37" s="280">
        <v>0</v>
      </c>
      <c r="BN37" s="280">
        <v>0</v>
      </c>
      <c r="BO37" s="277">
        <v>15</v>
      </c>
      <c r="BP37" s="282">
        <v>15</v>
      </c>
      <c r="BQ37" s="276">
        <v>1</v>
      </c>
      <c r="BR37" s="280">
        <v>1</v>
      </c>
      <c r="BS37" s="277">
        <v>2</v>
      </c>
      <c r="BT37" s="279">
        <v>0</v>
      </c>
      <c r="BU37" s="280">
        <v>2</v>
      </c>
      <c r="BV37" s="280">
        <v>1</v>
      </c>
      <c r="BW37" s="280">
        <v>0</v>
      </c>
      <c r="BX37" s="280">
        <v>0</v>
      </c>
      <c r="BY37" s="280">
        <v>0</v>
      </c>
      <c r="BZ37" s="277">
        <v>3</v>
      </c>
      <c r="CA37" s="282">
        <v>5</v>
      </c>
      <c r="CB37" s="276">
        <v>0</v>
      </c>
      <c r="CC37" s="280">
        <v>0</v>
      </c>
      <c r="CD37" s="277">
        <v>0</v>
      </c>
      <c r="CE37" s="279">
        <v>0</v>
      </c>
      <c r="CF37" s="280">
        <v>0</v>
      </c>
      <c r="CG37" s="280">
        <v>1</v>
      </c>
      <c r="CH37" s="280">
        <v>0</v>
      </c>
      <c r="CI37" s="280">
        <v>0</v>
      </c>
      <c r="CJ37" s="280">
        <v>0</v>
      </c>
      <c r="CK37" s="277">
        <v>1</v>
      </c>
      <c r="CL37" s="282">
        <v>1</v>
      </c>
      <c r="CM37" s="276">
        <v>0</v>
      </c>
      <c r="CN37" s="280">
        <v>0</v>
      </c>
      <c r="CO37" s="277">
        <v>0</v>
      </c>
      <c r="CP37" s="279">
        <v>0</v>
      </c>
      <c r="CQ37" s="280">
        <v>1</v>
      </c>
      <c r="CR37" s="280">
        <v>0</v>
      </c>
      <c r="CS37" s="280">
        <v>0</v>
      </c>
      <c r="CT37" s="280">
        <v>0</v>
      </c>
      <c r="CU37" s="280">
        <v>0</v>
      </c>
      <c r="CV37" s="277">
        <v>1</v>
      </c>
      <c r="CW37" s="282">
        <v>1</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0</v>
      </c>
      <c r="DU37" s="280">
        <v>0</v>
      </c>
      <c r="DV37" s="277">
        <v>0</v>
      </c>
      <c r="DW37" s="279">
        <v>0</v>
      </c>
      <c r="DX37" s="280">
        <v>10</v>
      </c>
      <c r="DY37" s="280">
        <v>7</v>
      </c>
      <c r="DZ37" s="280">
        <v>3</v>
      </c>
      <c r="EA37" s="280">
        <v>1</v>
      </c>
      <c r="EB37" s="280">
        <v>2</v>
      </c>
      <c r="EC37" s="277">
        <v>23</v>
      </c>
      <c r="ED37" s="282">
        <v>23</v>
      </c>
      <c r="EE37" s="276">
        <v>3</v>
      </c>
      <c r="EF37" s="280">
        <v>1</v>
      </c>
      <c r="EG37" s="277">
        <v>4</v>
      </c>
      <c r="EH37" s="279">
        <v>0</v>
      </c>
      <c r="EI37" s="280">
        <v>5</v>
      </c>
      <c r="EJ37" s="280">
        <v>0</v>
      </c>
      <c r="EK37" s="280">
        <v>0</v>
      </c>
      <c r="EL37" s="280">
        <v>4</v>
      </c>
      <c r="EM37" s="280">
        <v>1</v>
      </c>
      <c r="EN37" s="277">
        <v>10</v>
      </c>
      <c r="EO37" s="282">
        <v>14</v>
      </c>
      <c r="EP37" s="276">
        <v>2</v>
      </c>
      <c r="EQ37" s="280">
        <v>1</v>
      </c>
      <c r="ER37" s="277">
        <v>3</v>
      </c>
      <c r="ES37" s="279">
        <v>0</v>
      </c>
      <c r="ET37" s="280">
        <v>17</v>
      </c>
      <c r="EU37" s="280">
        <v>7</v>
      </c>
      <c r="EV37" s="280">
        <v>3</v>
      </c>
      <c r="EW37" s="280">
        <v>1</v>
      </c>
      <c r="EX37" s="280">
        <v>2</v>
      </c>
      <c r="EY37" s="277">
        <v>30</v>
      </c>
      <c r="EZ37" s="282">
        <v>33</v>
      </c>
    </row>
    <row r="38" spans="2:156" ht="21" customHeight="1" x14ac:dyDescent="0.2">
      <c r="B38" s="261" t="s">
        <v>36</v>
      </c>
      <c r="C38" s="276">
        <v>0</v>
      </c>
      <c r="D38" s="280">
        <v>0</v>
      </c>
      <c r="E38" s="382">
        <v>0</v>
      </c>
      <c r="F38" s="279">
        <v>0</v>
      </c>
      <c r="G38" s="280">
        <v>1</v>
      </c>
      <c r="H38" s="280">
        <v>1</v>
      </c>
      <c r="I38" s="280">
        <v>1</v>
      </c>
      <c r="J38" s="280">
        <v>1</v>
      </c>
      <c r="K38" s="280">
        <v>2</v>
      </c>
      <c r="L38" s="281">
        <v>6</v>
      </c>
      <c r="M38" s="282">
        <v>6</v>
      </c>
      <c r="N38" s="276">
        <v>0</v>
      </c>
      <c r="O38" s="280">
        <v>0</v>
      </c>
      <c r="P38" s="277">
        <v>0</v>
      </c>
      <c r="Q38" s="279">
        <v>0</v>
      </c>
      <c r="R38" s="280">
        <v>0</v>
      </c>
      <c r="S38" s="280">
        <v>0</v>
      </c>
      <c r="T38" s="280">
        <v>0</v>
      </c>
      <c r="U38" s="280">
        <v>1</v>
      </c>
      <c r="V38" s="280">
        <v>0</v>
      </c>
      <c r="W38" s="277">
        <v>1</v>
      </c>
      <c r="X38" s="282">
        <v>1</v>
      </c>
      <c r="Y38" s="276">
        <v>0</v>
      </c>
      <c r="Z38" s="280">
        <v>0</v>
      </c>
      <c r="AA38" s="277">
        <v>0</v>
      </c>
      <c r="AB38" s="279">
        <v>0</v>
      </c>
      <c r="AC38" s="280">
        <v>3</v>
      </c>
      <c r="AD38" s="280">
        <v>0</v>
      </c>
      <c r="AE38" s="280">
        <v>0</v>
      </c>
      <c r="AF38" s="280">
        <v>0</v>
      </c>
      <c r="AG38" s="280">
        <v>1</v>
      </c>
      <c r="AH38" s="277">
        <v>4</v>
      </c>
      <c r="AI38" s="282">
        <v>4</v>
      </c>
      <c r="AJ38" s="276">
        <v>0</v>
      </c>
      <c r="AK38" s="280">
        <v>1</v>
      </c>
      <c r="AL38" s="277">
        <v>1</v>
      </c>
      <c r="AM38" s="279">
        <v>0</v>
      </c>
      <c r="AN38" s="280">
        <v>0</v>
      </c>
      <c r="AO38" s="280">
        <v>1</v>
      </c>
      <c r="AP38" s="280">
        <v>0</v>
      </c>
      <c r="AQ38" s="280">
        <v>0</v>
      </c>
      <c r="AR38" s="280">
        <v>0</v>
      </c>
      <c r="AS38" s="277">
        <v>1</v>
      </c>
      <c r="AT38" s="282">
        <v>2</v>
      </c>
      <c r="AU38" s="276">
        <v>0</v>
      </c>
      <c r="AV38" s="280">
        <v>0</v>
      </c>
      <c r="AW38" s="277">
        <v>0</v>
      </c>
      <c r="AX38" s="279">
        <v>0</v>
      </c>
      <c r="AY38" s="280">
        <v>1</v>
      </c>
      <c r="AZ38" s="280">
        <v>2</v>
      </c>
      <c r="BA38" s="280">
        <v>2</v>
      </c>
      <c r="BB38" s="280">
        <v>2</v>
      </c>
      <c r="BC38" s="280">
        <v>3</v>
      </c>
      <c r="BD38" s="281">
        <v>10</v>
      </c>
      <c r="BE38" s="282">
        <v>10</v>
      </c>
      <c r="BF38" s="276">
        <v>0</v>
      </c>
      <c r="BG38" s="280">
        <v>0</v>
      </c>
      <c r="BH38" s="277">
        <v>0</v>
      </c>
      <c r="BI38" s="279">
        <v>0</v>
      </c>
      <c r="BJ38" s="280">
        <v>2</v>
      </c>
      <c r="BK38" s="280">
        <v>1</v>
      </c>
      <c r="BL38" s="280">
        <v>1</v>
      </c>
      <c r="BM38" s="280">
        <v>0</v>
      </c>
      <c r="BN38" s="280">
        <v>1</v>
      </c>
      <c r="BO38" s="277">
        <v>5</v>
      </c>
      <c r="BP38" s="282">
        <v>5</v>
      </c>
      <c r="BQ38" s="276">
        <v>0</v>
      </c>
      <c r="BR38" s="280">
        <v>1</v>
      </c>
      <c r="BS38" s="277">
        <v>1</v>
      </c>
      <c r="BT38" s="279">
        <v>0</v>
      </c>
      <c r="BU38" s="280">
        <v>1</v>
      </c>
      <c r="BV38" s="280">
        <v>0</v>
      </c>
      <c r="BW38" s="280">
        <v>1</v>
      </c>
      <c r="BX38" s="280">
        <v>1</v>
      </c>
      <c r="BY38" s="280">
        <v>0</v>
      </c>
      <c r="BZ38" s="277">
        <v>3</v>
      </c>
      <c r="CA38" s="282">
        <v>4</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4</v>
      </c>
      <c r="DV38" s="277">
        <v>4</v>
      </c>
      <c r="DW38" s="279">
        <v>0</v>
      </c>
      <c r="DX38" s="280">
        <v>5</v>
      </c>
      <c r="DY38" s="280">
        <v>4</v>
      </c>
      <c r="DZ38" s="280">
        <v>0</v>
      </c>
      <c r="EA38" s="280">
        <v>3</v>
      </c>
      <c r="EB38" s="280">
        <v>0</v>
      </c>
      <c r="EC38" s="277">
        <v>12</v>
      </c>
      <c r="ED38" s="282">
        <v>16</v>
      </c>
      <c r="EE38" s="276">
        <v>0</v>
      </c>
      <c r="EF38" s="280">
        <v>0</v>
      </c>
      <c r="EG38" s="277">
        <v>0</v>
      </c>
      <c r="EH38" s="279">
        <v>0</v>
      </c>
      <c r="EI38" s="280">
        <v>1</v>
      </c>
      <c r="EJ38" s="280">
        <v>1</v>
      </c>
      <c r="EK38" s="280">
        <v>1</v>
      </c>
      <c r="EL38" s="280">
        <v>0</v>
      </c>
      <c r="EM38" s="280">
        <v>1</v>
      </c>
      <c r="EN38" s="277">
        <v>4</v>
      </c>
      <c r="EO38" s="282">
        <v>4</v>
      </c>
      <c r="EP38" s="276">
        <v>0</v>
      </c>
      <c r="EQ38" s="280">
        <v>5</v>
      </c>
      <c r="ER38" s="277">
        <v>5</v>
      </c>
      <c r="ES38" s="279">
        <v>0</v>
      </c>
      <c r="ET38" s="280">
        <v>10</v>
      </c>
      <c r="EU38" s="280">
        <v>5</v>
      </c>
      <c r="EV38" s="280">
        <v>2</v>
      </c>
      <c r="EW38" s="280">
        <v>3</v>
      </c>
      <c r="EX38" s="280">
        <v>3</v>
      </c>
      <c r="EY38" s="277">
        <v>23</v>
      </c>
      <c r="EZ38" s="282">
        <v>28</v>
      </c>
    </row>
    <row r="39" spans="2:156" ht="21" customHeight="1" thickBot="1" x14ac:dyDescent="0.25">
      <c r="B39" s="262" t="s">
        <v>37</v>
      </c>
      <c r="C39" s="283">
        <v>0</v>
      </c>
      <c r="D39" s="287">
        <v>0</v>
      </c>
      <c r="E39" s="383">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v>
      </c>
      <c r="AD39" s="287">
        <v>0</v>
      </c>
      <c r="AE39" s="287">
        <v>0</v>
      </c>
      <c r="AF39" s="287">
        <v>0</v>
      </c>
      <c r="AG39" s="287">
        <v>0</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0</v>
      </c>
      <c r="BD39" s="288">
        <v>1</v>
      </c>
      <c r="BE39" s="289">
        <v>1</v>
      </c>
      <c r="BF39" s="283">
        <v>0</v>
      </c>
      <c r="BG39" s="287">
        <v>0</v>
      </c>
      <c r="BH39" s="284">
        <v>0</v>
      </c>
      <c r="BI39" s="286">
        <v>0</v>
      </c>
      <c r="BJ39" s="287">
        <v>0</v>
      </c>
      <c r="BK39" s="287">
        <v>1</v>
      </c>
      <c r="BL39" s="287">
        <v>0</v>
      </c>
      <c r="BM39" s="287">
        <v>0</v>
      </c>
      <c r="BN39" s="287">
        <v>0</v>
      </c>
      <c r="BO39" s="284">
        <v>1</v>
      </c>
      <c r="BP39" s="289">
        <v>1</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1</v>
      </c>
      <c r="DV39" s="284">
        <v>1</v>
      </c>
      <c r="DW39" s="286">
        <v>0</v>
      </c>
      <c r="DX39" s="287">
        <v>0</v>
      </c>
      <c r="DY39" s="287">
        <v>1</v>
      </c>
      <c r="DZ39" s="287">
        <v>0</v>
      </c>
      <c r="EA39" s="287">
        <v>0</v>
      </c>
      <c r="EB39" s="287">
        <v>0</v>
      </c>
      <c r="EC39" s="284">
        <v>1</v>
      </c>
      <c r="ED39" s="289">
        <v>2</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1</v>
      </c>
      <c r="EU39" s="287">
        <v>1</v>
      </c>
      <c r="EV39" s="287">
        <v>0</v>
      </c>
      <c r="EW39" s="287">
        <v>0</v>
      </c>
      <c r="EX39" s="287">
        <v>0</v>
      </c>
      <c r="EY39" s="284">
        <v>2</v>
      </c>
      <c r="EZ39" s="289">
        <v>3</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5">
        <f>第１表!F2</f>
        <v>5</v>
      </c>
      <c r="J1" s="525"/>
      <c r="K1" s="248">
        <f>第１表!G2</f>
        <v>7</v>
      </c>
      <c r="L1" s="529">
        <f>IF(K1&lt;3,K1+12-2,K1-2)</f>
        <v>5</v>
      </c>
      <c r="M1" s="529"/>
    </row>
    <row r="2" spans="2:156" ht="24" customHeight="1" thickBot="1" x14ac:dyDescent="0.25">
      <c r="B2" s="290" t="s">
        <v>153</v>
      </c>
      <c r="G2" s="247"/>
      <c r="H2" s="248"/>
      <c r="J2" s="347"/>
      <c r="K2" s="347"/>
    </row>
    <row r="3" spans="2:156" ht="21" customHeight="1" thickBot="1" x14ac:dyDescent="0.25">
      <c r="B3" s="542"/>
      <c r="C3" s="533" t="s">
        <v>70</v>
      </c>
      <c r="D3" s="534"/>
      <c r="E3" s="534"/>
      <c r="F3" s="534"/>
      <c r="G3" s="534"/>
      <c r="H3" s="534"/>
      <c r="I3" s="534"/>
      <c r="J3" s="534"/>
      <c r="K3" s="534"/>
      <c r="L3" s="534"/>
      <c r="M3" s="535"/>
      <c r="N3" s="533" t="s">
        <v>71</v>
      </c>
      <c r="O3" s="534"/>
      <c r="P3" s="534"/>
      <c r="Q3" s="534"/>
      <c r="R3" s="534"/>
      <c r="S3" s="534"/>
      <c r="T3" s="534"/>
      <c r="U3" s="534"/>
      <c r="V3" s="534"/>
      <c r="W3" s="534"/>
      <c r="X3" s="535"/>
      <c r="Y3" s="533" t="s">
        <v>72</v>
      </c>
      <c r="Z3" s="534"/>
      <c r="AA3" s="534"/>
      <c r="AB3" s="534"/>
      <c r="AC3" s="534"/>
      <c r="AD3" s="534"/>
      <c r="AE3" s="534"/>
      <c r="AF3" s="534"/>
      <c r="AG3" s="534"/>
      <c r="AH3" s="534"/>
      <c r="AI3" s="535"/>
      <c r="AJ3" s="533" t="s">
        <v>73</v>
      </c>
      <c r="AK3" s="534"/>
      <c r="AL3" s="534"/>
      <c r="AM3" s="534"/>
      <c r="AN3" s="534"/>
      <c r="AO3" s="534"/>
      <c r="AP3" s="534"/>
      <c r="AQ3" s="534"/>
      <c r="AR3" s="534"/>
      <c r="AS3" s="534"/>
      <c r="AT3" s="535"/>
      <c r="AU3" s="533" t="s">
        <v>74</v>
      </c>
      <c r="AV3" s="534"/>
      <c r="AW3" s="534"/>
      <c r="AX3" s="534"/>
      <c r="AY3" s="534"/>
      <c r="AZ3" s="534"/>
      <c r="BA3" s="534"/>
      <c r="BB3" s="534"/>
      <c r="BC3" s="534"/>
      <c r="BD3" s="534"/>
      <c r="BE3" s="535"/>
      <c r="BF3" s="533" t="s">
        <v>75</v>
      </c>
      <c r="BG3" s="534"/>
      <c r="BH3" s="534"/>
      <c r="BI3" s="534"/>
      <c r="BJ3" s="534"/>
      <c r="BK3" s="534"/>
      <c r="BL3" s="534"/>
      <c r="BM3" s="534"/>
      <c r="BN3" s="534"/>
      <c r="BO3" s="534"/>
      <c r="BP3" s="535"/>
      <c r="BQ3" s="533" t="s">
        <v>76</v>
      </c>
      <c r="BR3" s="534"/>
      <c r="BS3" s="534"/>
      <c r="BT3" s="534"/>
      <c r="BU3" s="534"/>
      <c r="BV3" s="534"/>
      <c r="BW3" s="534"/>
      <c r="BX3" s="534"/>
      <c r="BY3" s="534"/>
      <c r="BZ3" s="534"/>
      <c r="CA3" s="535"/>
      <c r="CB3" s="533" t="s">
        <v>77</v>
      </c>
      <c r="CC3" s="534"/>
      <c r="CD3" s="534"/>
      <c r="CE3" s="534"/>
      <c r="CF3" s="534"/>
      <c r="CG3" s="534"/>
      <c r="CH3" s="534"/>
      <c r="CI3" s="534"/>
      <c r="CJ3" s="534"/>
      <c r="CK3" s="534"/>
      <c r="CL3" s="535"/>
      <c r="CM3" s="533" t="s">
        <v>78</v>
      </c>
      <c r="CN3" s="534"/>
      <c r="CO3" s="534"/>
      <c r="CP3" s="534"/>
      <c r="CQ3" s="534"/>
      <c r="CR3" s="534"/>
      <c r="CS3" s="534"/>
      <c r="CT3" s="534"/>
      <c r="CU3" s="534"/>
      <c r="CV3" s="534"/>
      <c r="CW3" s="535"/>
      <c r="CX3" s="533" t="s">
        <v>79</v>
      </c>
      <c r="CY3" s="534"/>
      <c r="CZ3" s="534"/>
      <c r="DA3" s="534"/>
      <c r="DB3" s="534"/>
      <c r="DC3" s="534"/>
      <c r="DD3" s="534"/>
      <c r="DE3" s="534"/>
      <c r="DF3" s="534"/>
      <c r="DG3" s="534"/>
      <c r="DH3" s="535"/>
      <c r="DI3" s="533" t="s">
        <v>151</v>
      </c>
      <c r="DJ3" s="534"/>
      <c r="DK3" s="534"/>
      <c r="DL3" s="534"/>
      <c r="DM3" s="534"/>
      <c r="DN3" s="534"/>
      <c r="DO3" s="534"/>
      <c r="DP3" s="534"/>
      <c r="DQ3" s="534"/>
      <c r="DR3" s="534"/>
      <c r="DS3" s="535"/>
      <c r="DT3" s="533" t="s">
        <v>80</v>
      </c>
      <c r="DU3" s="534"/>
      <c r="DV3" s="534"/>
      <c r="DW3" s="534"/>
      <c r="DX3" s="534"/>
      <c r="DY3" s="534"/>
      <c r="DZ3" s="534"/>
      <c r="EA3" s="534"/>
      <c r="EB3" s="534"/>
      <c r="EC3" s="534"/>
      <c r="ED3" s="535"/>
      <c r="EE3" s="533" t="s">
        <v>68</v>
      </c>
      <c r="EF3" s="534"/>
      <c r="EG3" s="534"/>
      <c r="EH3" s="534"/>
      <c r="EI3" s="534"/>
      <c r="EJ3" s="534"/>
      <c r="EK3" s="534"/>
      <c r="EL3" s="534"/>
      <c r="EM3" s="534"/>
      <c r="EN3" s="534"/>
      <c r="EO3" s="535"/>
      <c r="EP3" s="530" t="s">
        <v>69</v>
      </c>
      <c r="EQ3" s="531"/>
      <c r="ER3" s="531"/>
      <c r="ES3" s="531"/>
      <c r="ET3" s="531"/>
      <c r="EU3" s="531"/>
      <c r="EV3" s="531"/>
      <c r="EW3" s="531"/>
      <c r="EX3" s="531"/>
      <c r="EY3" s="531"/>
      <c r="EZ3" s="532"/>
    </row>
    <row r="4" spans="2:156" ht="21"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38"/>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c r="DI4" s="541" t="s">
        <v>61</v>
      </c>
      <c r="DJ4" s="537"/>
      <c r="DK4" s="538"/>
      <c r="DL4" s="536" t="s">
        <v>62</v>
      </c>
      <c r="DM4" s="537"/>
      <c r="DN4" s="537"/>
      <c r="DO4" s="537"/>
      <c r="DP4" s="537"/>
      <c r="DQ4" s="537"/>
      <c r="DR4" s="538"/>
      <c r="DS4" s="539" t="s">
        <v>52</v>
      </c>
      <c r="DT4" s="541" t="s">
        <v>61</v>
      </c>
      <c r="DU4" s="537"/>
      <c r="DV4" s="538"/>
      <c r="DW4" s="536" t="s">
        <v>62</v>
      </c>
      <c r="DX4" s="537"/>
      <c r="DY4" s="537"/>
      <c r="DZ4" s="537"/>
      <c r="EA4" s="537"/>
      <c r="EB4" s="537"/>
      <c r="EC4" s="538"/>
      <c r="ED4" s="539" t="s">
        <v>52</v>
      </c>
      <c r="EE4" s="541" t="s">
        <v>61</v>
      </c>
      <c r="EF4" s="537"/>
      <c r="EG4" s="538"/>
      <c r="EH4" s="536" t="s">
        <v>62</v>
      </c>
      <c r="EI4" s="537"/>
      <c r="EJ4" s="537"/>
      <c r="EK4" s="537"/>
      <c r="EL4" s="537"/>
      <c r="EM4" s="537"/>
      <c r="EN4" s="538"/>
      <c r="EO4" s="539" t="s">
        <v>52</v>
      </c>
      <c r="EP4" s="541" t="s">
        <v>61</v>
      </c>
      <c r="EQ4" s="537"/>
      <c r="ER4" s="538"/>
      <c r="ES4" s="536" t="s">
        <v>62</v>
      </c>
      <c r="ET4" s="537"/>
      <c r="EU4" s="537"/>
      <c r="EV4" s="537"/>
      <c r="EW4" s="537"/>
      <c r="EX4" s="537"/>
      <c r="EY4" s="538"/>
      <c r="EZ4" s="539" t="s">
        <v>52</v>
      </c>
    </row>
    <row r="5" spans="2:156" ht="30" customHeight="1" thickBot="1" x14ac:dyDescent="0.25">
      <c r="B5" s="544"/>
      <c r="C5" s="348" t="s">
        <v>43</v>
      </c>
      <c r="D5" s="259" t="s">
        <v>161</v>
      </c>
      <c r="E5" s="380" t="s">
        <v>45</v>
      </c>
      <c r="F5" s="267" t="s">
        <v>83</v>
      </c>
      <c r="G5" s="259" t="s">
        <v>47</v>
      </c>
      <c r="H5" s="259" t="s">
        <v>48</v>
      </c>
      <c r="I5" s="259" t="s">
        <v>49</v>
      </c>
      <c r="J5" s="259" t="s">
        <v>50</v>
      </c>
      <c r="K5" s="259" t="s">
        <v>51</v>
      </c>
      <c r="L5" s="268" t="s">
        <v>45</v>
      </c>
      <c r="M5" s="540"/>
      <c r="N5" s="348" t="s">
        <v>43</v>
      </c>
      <c r="O5" s="259" t="s">
        <v>44</v>
      </c>
      <c r="P5" s="265" t="s">
        <v>45</v>
      </c>
      <c r="Q5" s="267" t="s">
        <v>83</v>
      </c>
      <c r="R5" s="259" t="s">
        <v>47</v>
      </c>
      <c r="S5" s="259" t="s">
        <v>48</v>
      </c>
      <c r="T5" s="259" t="s">
        <v>49</v>
      </c>
      <c r="U5" s="259" t="s">
        <v>50</v>
      </c>
      <c r="V5" s="259" t="s">
        <v>51</v>
      </c>
      <c r="W5" s="265" t="s">
        <v>45</v>
      </c>
      <c r="X5" s="540"/>
      <c r="Y5" s="348" t="s">
        <v>43</v>
      </c>
      <c r="Z5" s="259" t="s">
        <v>44</v>
      </c>
      <c r="AA5" s="265" t="s">
        <v>45</v>
      </c>
      <c r="AB5" s="267" t="s">
        <v>83</v>
      </c>
      <c r="AC5" s="259" t="s">
        <v>47</v>
      </c>
      <c r="AD5" s="259" t="s">
        <v>48</v>
      </c>
      <c r="AE5" s="259" t="s">
        <v>49</v>
      </c>
      <c r="AF5" s="259" t="s">
        <v>50</v>
      </c>
      <c r="AG5" s="259" t="s">
        <v>51</v>
      </c>
      <c r="AH5" s="265" t="s">
        <v>45</v>
      </c>
      <c r="AI5" s="540"/>
      <c r="AJ5" s="348" t="s">
        <v>43</v>
      </c>
      <c r="AK5" s="259" t="s">
        <v>44</v>
      </c>
      <c r="AL5" s="265" t="s">
        <v>45</v>
      </c>
      <c r="AM5" s="267" t="s">
        <v>83</v>
      </c>
      <c r="AN5" s="259" t="s">
        <v>47</v>
      </c>
      <c r="AO5" s="259" t="s">
        <v>48</v>
      </c>
      <c r="AP5" s="259" t="s">
        <v>49</v>
      </c>
      <c r="AQ5" s="259" t="s">
        <v>50</v>
      </c>
      <c r="AR5" s="259" t="s">
        <v>51</v>
      </c>
      <c r="AS5" s="265" t="s">
        <v>45</v>
      </c>
      <c r="AT5" s="540"/>
      <c r="AU5" s="348" t="s">
        <v>43</v>
      </c>
      <c r="AV5" s="259" t="s">
        <v>44</v>
      </c>
      <c r="AW5" s="265" t="s">
        <v>45</v>
      </c>
      <c r="AX5" s="267" t="s">
        <v>83</v>
      </c>
      <c r="AY5" s="259" t="s">
        <v>47</v>
      </c>
      <c r="AZ5" s="259" t="s">
        <v>48</v>
      </c>
      <c r="BA5" s="259" t="s">
        <v>49</v>
      </c>
      <c r="BB5" s="259" t="s">
        <v>50</v>
      </c>
      <c r="BC5" s="259" t="s">
        <v>51</v>
      </c>
      <c r="BD5" s="268" t="s">
        <v>45</v>
      </c>
      <c r="BE5" s="540"/>
      <c r="BF5" s="348" t="s">
        <v>43</v>
      </c>
      <c r="BG5" s="259" t="s">
        <v>44</v>
      </c>
      <c r="BH5" s="265" t="s">
        <v>45</v>
      </c>
      <c r="BI5" s="267" t="s">
        <v>83</v>
      </c>
      <c r="BJ5" s="259" t="s">
        <v>47</v>
      </c>
      <c r="BK5" s="259" t="s">
        <v>48</v>
      </c>
      <c r="BL5" s="259" t="s">
        <v>49</v>
      </c>
      <c r="BM5" s="259" t="s">
        <v>50</v>
      </c>
      <c r="BN5" s="259" t="s">
        <v>51</v>
      </c>
      <c r="BO5" s="265" t="s">
        <v>45</v>
      </c>
      <c r="BP5" s="540"/>
      <c r="BQ5" s="348" t="s">
        <v>43</v>
      </c>
      <c r="BR5" s="259" t="s">
        <v>44</v>
      </c>
      <c r="BS5" s="265" t="s">
        <v>45</v>
      </c>
      <c r="BT5" s="267" t="s">
        <v>83</v>
      </c>
      <c r="BU5" s="259" t="s">
        <v>47</v>
      </c>
      <c r="BV5" s="259" t="s">
        <v>48</v>
      </c>
      <c r="BW5" s="259" t="s">
        <v>49</v>
      </c>
      <c r="BX5" s="259" t="s">
        <v>50</v>
      </c>
      <c r="BY5" s="259" t="s">
        <v>51</v>
      </c>
      <c r="BZ5" s="265" t="s">
        <v>45</v>
      </c>
      <c r="CA5" s="540"/>
      <c r="CB5" s="348" t="s">
        <v>43</v>
      </c>
      <c r="CC5" s="259" t="s">
        <v>44</v>
      </c>
      <c r="CD5" s="265" t="s">
        <v>45</v>
      </c>
      <c r="CE5" s="267" t="s">
        <v>83</v>
      </c>
      <c r="CF5" s="259" t="s">
        <v>47</v>
      </c>
      <c r="CG5" s="259" t="s">
        <v>48</v>
      </c>
      <c r="CH5" s="259" t="s">
        <v>49</v>
      </c>
      <c r="CI5" s="259" t="s">
        <v>50</v>
      </c>
      <c r="CJ5" s="259" t="s">
        <v>51</v>
      </c>
      <c r="CK5" s="265" t="s">
        <v>45</v>
      </c>
      <c r="CL5" s="540"/>
      <c r="CM5" s="348" t="s">
        <v>43</v>
      </c>
      <c r="CN5" s="259" t="s">
        <v>44</v>
      </c>
      <c r="CO5" s="265" t="s">
        <v>45</v>
      </c>
      <c r="CP5" s="267" t="s">
        <v>83</v>
      </c>
      <c r="CQ5" s="259" t="s">
        <v>47</v>
      </c>
      <c r="CR5" s="259" t="s">
        <v>48</v>
      </c>
      <c r="CS5" s="259" t="s">
        <v>49</v>
      </c>
      <c r="CT5" s="259" t="s">
        <v>50</v>
      </c>
      <c r="CU5" s="259" t="s">
        <v>51</v>
      </c>
      <c r="CV5" s="265" t="s">
        <v>45</v>
      </c>
      <c r="CW5" s="540"/>
      <c r="CX5" s="348" t="s">
        <v>43</v>
      </c>
      <c r="CY5" s="259" t="s">
        <v>44</v>
      </c>
      <c r="CZ5" s="265" t="s">
        <v>45</v>
      </c>
      <c r="DA5" s="267" t="s">
        <v>83</v>
      </c>
      <c r="DB5" s="259" t="s">
        <v>47</v>
      </c>
      <c r="DC5" s="259" t="s">
        <v>48</v>
      </c>
      <c r="DD5" s="259" t="s">
        <v>49</v>
      </c>
      <c r="DE5" s="259" t="s">
        <v>50</v>
      </c>
      <c r="DF5" s="259" t="s">
        <v>51</v>
      </c>
      <c r="DG5" s="265" t="s">
        <v>45</v>
      </c>
      <c r="DH5" s="540"/>
      <c r="DI5" s="348" t="s">
        <v>43</v>
      </c>
      <c r="DJ5" s="259" t="s">
        <v>44</v>
      </c>
      <c r="DK5" s="265" t="s">
        <v>45</v>
      </c>
      <c r="DL5" s="267" t="s">
        <v>83</v>
      </c>
      <c r="DM5" s="259" t="s">
        <v>47</v>
      </c>
      <c r="DN5" s="259" t="s">
        <v>48</v>
      </c>
      <c r="DO5" s="259" t="s">
        <v>49</v>
      </c>
      <c r="DP5" s="259" t="s">
        <v>50</v>
      </c>
      <c r="DQ5" s="259" t="s">
        <v>51</v>
      </c>
      <c r="DR5" s="265" t="s">
        <v>45</v>
      </c>
      <c r="DS5" s="540"/>
      <c r="DT5" s="348" t="s">
        <v>43</v>
      </c>
      <c r="DU5" s="259" t="s">
        <v>44</v>
      </c>
      <c r="DV5" s="265" t="s">
        <v>45</v>
      </c>
      <c r="DW5" s="267" t="s">
        <v>83</v>
      </c>
      <c r="DX5" s="259" t="s">
        <v>47</v>
      </c>
      <c r="DY5" s="259" t="s">
        <v>48</v>
      </c>
      <c r="DZ5" s="259" t="s">
        <v>49</v>
      </c>
      <c r="EA5" s="259" t="s">
        <v>50</v>
      </c>
      <c r="EB5" s="259" t="s">
        <v>51</v>
      </c>
      <c r="EC5" s="265" t="s">
        <v>45</v>
      </c>
      <c r="ED5" s="540"/>
      <c r="EE5" s="348" t="s">
        <v>43</v>
      </c>
      <c r="EF5" s="259" t="s">
        <v>44</v>
      </c>
      <c r="EG5" s="265" t="s">
        <v>45</v>
      </c>
      <c r="EH5" s="267" t="s">
        <v>83</v>
      </c>
      <c r="EI5" s="259" t="s">
        <v>47</v>
      </c>
      <c r="EJ5" s="259" t="s">
        <v>48</v>
      </c>
      <c r="EK5" s="259" t="s">
        <v>49</v>
      </c>
      <c r="EL5" s="259" t="s">
        <v>50</v>
      </c>
      <c r="EM5" s="259" t="s">
        <v>51</v>
      </c>
      <c r="EN5" s="265" t="s">
        <v>45</v>
      </c>
      <c r="EO5" s="540"/>
      <c r="EP5" s="348" t="s">
        <v>43</v>
      </c>
      <c r="EQ5" s="259" t="s">
        <v>44</v>
      </c>
      <c r="ER5" s="265" t="s">
        <v>45</v>
      </c>
      <c r="ES5" s="267" t="s">
        <v>83</v>
      </c>
      <c r="ET5" s="259" t="s">
        <v>47</v>
      </c>
      <c r="EU5" s="259" t="s">
        <v>48</v>
      </c>
      <c r="EV5" s="259" t="s">
        <v>49</v>
      </c>
      <c r="EW5" s="259" t="s">
        <v>50</v>
      </c>
      <c r="EX5" s="259" t="s">
        <v>51</v>
      </c>
      <c r="EY5" s="265" t="s">
        <v>45</v>
      </c>
      <c r="EZ5" s="540"/>
    </row>
    <row r="6" spans="2:156" ht="21" customHeight="1" x14ac:dyDescent="0.2">
      <c r="B6" s="260" t="s">
        <v>4</v>
      </c>
      <c r="C6" s="269">
        <v>1</v>
      </c>
      <c r="D6" s="273">
        <v>0</v>
      </c>
      <c r="E6" s="381">
        <v>1</v>
      </c>
      <c r="F6" s="272">
        <v>0</v>
      </c>
      <c r="G6" s="273">
        <v>1188</v>
      </c>
      <c r="H6" s="273">
        <v>1297</v>
      </c>
      <c r="I6" s="273">
        <v>687</v>
      </c>
      <c r="J6" s="273">
        <v>605</v>
      </c>
      <c r="K6" s="273">
        <v>447</v>
      </c>
      <c r="L6" s="274">
        <v>4224</v>
      </c>
      <c r="M6" s="275">
        <v>4225</v>
      </c>
      <c r="N6" s="269">
        <v>0</v>
      </c>
      <c r="O6" s="273">
        <v>2</v>
      </c>
      <c r="P6" s="270">
        <v>2</v>
      </c>
      <c r="Q6" s="272">
        <v>0</v>
      </c>
      <c r="R6" s="273">
        <v>9</v>
      </c>
      <c r="S6" s="273">
        <v>36</v>
      </c>
      <c r="T6" s="273">
        <v>50</v>
      </c>
      <c r="U6" s="273">
        <v>151</v>
      </c>
      <c r="V6" s="273">
        <v>226</v>
      </c>
      <c r="W6" s="270">
        <v>472</v>
      </c>
      <c r="X6" s="275">
        <v>474</v>
      </c>
      <c r="Y6" s="269">
        <v>217</v>
      </c>
      <c r="Z6" s="273">
        <v>444</v>
      </c>
      <c r="AA6" s="270">
        <v>661</v>
      </c>
      <c r="AB6" s="272">
        <v>0</v>
      </c>
      <c r="AC6" s="273">
        <v>944</v>
      </c>
      <c r="AD6" s="273">
        <v>1218</v>
      </c>
      <c r="AE6" s="273">
        <v>729</v>
      </c>
      <c r="AF6" s="273">
        <v>621</v>
      </c>
      <c r="AG6" s="273">
        <v>439</v>
      </c>
      <c r="AH6" s="270">
        <v>3951</v>
      </c>
      <c r="AI6" s="275">
        <v>4612</v>
      </c>
      <c r="AJ6" s="269">
        <v>14</v>
      </c>
      <c r="AK6" s="273">
        <v>53</v>
      </c>
      <c r="AL6" s="270">
        <v>67</v>
      </c>
      <c r="AM6" s="272">
        <v>0</v>
      </c>
      <c r="AN6" s="273">
        <v>103</v>
      </c>
      <c r="AO6" s="273">
        <v>160</v>
      </c>
      <c r="AP6" s="273">
        <v>96</v>
      </c>
      <c r="AQ6" s="273">
        <v>87</v>
      </c>
      <c r="AR6" s="273">
        <v>49</v>
      </c>
      <c r="AS6" s="270">
        <v>495</v>
      </c>
      <c r="AT6" s="275">
        <v>562</v>
      </c>
      <c r="AU6" s="269">
        <v>296</v>
      </c>
      <c r="AV6" s="273">
        <v>350</v>
      </c>
      <c r="AW6" s="270">
        <v>646</v>
      </c>
      <c r="AX6" s="272">
        <v>0</v>
      </c>
      <c r="AY6" s="273">
        <v>1269</v>
      </c>
      <c r="AZ6" s="273">
        <v>1579</v>
      </c>
      <c r="BA6" s="273">
        <v>1359</v>
      </c>
      <c r="BB6" s="273">
        <v>1497</v>
      </c>
      <c r="BC6" s="273">
        <v>1037</v>
      </c>
      <c r="BD6" s="274">
        <v>6741</v>
      </c>
      <c r="BE6" s="275">
        <v>7387</v>
      </c>
      <c r="BF6" s="269">
        <v>0</v>
      </c>
      <c r="BG6" s="273">
        <v>0</v>
      </c>
      <c r="BH6" s="270">
        <v>0</v>
      </c>
      <c r="BI6" s="272">
        <v>0</v>
      </c>
      <c r="BJ6" s="273">
        <v>1409</v>
      </c>
      <c r="BK6" s="273">
        <v>1191</v>
      </c>
      <c r="BL6" s="273">
        <v>616</v>
      </c>
      <c r="BM6" s="273">
        <v>342</v>
      </c>
      <c r="BN6" s="273">
        <v>151</v>
      </c>
      <c r="BO6" s="270">
        <v>3709</v>
      </c>
      <c r="BP6" s="275">
        <v>3709</v>
      </c>
      <c r="BQ6" s="269">
        <v>103</v>
      </c>
      <c r="BR6" s="273">
        <v>160</v>
      </c>
      <c r="BS6" s="270">
        <v>263</v>
      </c>
      <c r="BT6" s="272">
        <v>0</v>
      </c>
      <c r="BU6" s="273">
        <v>341</v>
      </c>
      <c r="BV6" s="273">
        <v>475</v>
      </c>
      <c r="BW6" s="273">
        <v>273</v>
      </c>
      <c r="BX6" s="273">
        <v>203</v>
      </c>
      <c r="BY6" s="273">
        <v>79</v>
      </c>
      <c r="BZ6" s="270">
        <v>1371</v>
      </c>
      <c r="CA6" s="275">
        <v>1634</v>
      </c>
      <c r="CB6" s="269">
        <v>5</v>
      </c>
      <c r="CC6" s="273">
        <v>16</v>
      </c>
      <c r="CD6" s="270">
        <v>21</v>
      </c>
      <c r="CE6" s="272">
        <v>0</v>
      </c>
      <c r="CF6" s="273">
        <v>138</v>
      </c>
      <c r="CG6" s="273">
        <v>240</v>
      </c>
      <c r="CH6" s="273">
        <v>262</v>
      </c>
      <c r="CI6" s="273">
        <v>195</v>
      </c>
      <c r="CJ6" s="273">
        <v>94</v>
      </c>
      <c r="CK6" s="270">
        <v>929</v>
      </c>
      <c r="CL6" s="275">
        <v>950</v>
      </c>
      <c r="CM6" s="269">
        <v>0</v>
      </c>
      <c r="CN6" s="273">
        <v>3</v>
      </c>
      <c r="CO6" s="270">
        <v>3</v>
      </c>
      <c r="CP6" s="272">
        <v>0</v>
      </c>
      <c r="CQ6" s="273">
        <v>25</v>
      </c>
      <c r="CR6" s="273">
        <v>45</v>
      </c>
      <c r="CS6" s="273">
        <v>58</v>
      </c>
      <c r="CT6" s="273">
        <v>43</v>
      </c>
      <c r="CU6" s="273">
        <v>28</v>
      </c>
      <c r="CV6" s="270">
        <v>199</v>
      </c>
      <c r="CW6" s="275">
        <v>202</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20</v>
      </c>
      <c r="DU6" s="273">
        <v>1247</v>
      </c>
      <c r="DV6" s="270">
        <v>1867</v>
      </c>
      <c r="DW6" s="272">
        <v>0</v>
      </c>
      <c r="DX6" s="273">
        <v>1633</v>
      </c>
      <c r="DY6" s="273">
        <v>2809</v>
      </c>
      <c r="DZ6" s="273">
        <v>1657</v>
      </c>
      <c r="EA6" s="273">
        <v>1307</v>
      </c>
      <c r="EB6" s="273">
        <v>790</v>
      </c>
      <c r="EC6" s="270">
        <v>8196</v>
      </c>
      <c r="ED6" s="275">
        <v>10063</v>
      </c>
      <c r="EE6" s="269">
        <v>201</v>
      </c>
      <c r="EF6" s="273">
        <v>148</v>
      </c>
      <c r="EG6" s="270">
        <v>349</v>
      </c>
      <c r="EH6" s="272">
        <v>0</v>
      </c>
      <c r="EI6" s="273">
        <v>627</v>
      </c>
      <c r="EJ6" s="273">
        <v>656</v>
      </c>
      <c r="EK6" s="273">
        <v>549</v>
      </c>
      <c r="EL6" s="273">
        <v>707</v>
      </c>
      <c r="EM6" s="273">
        <v>372</v>
      </c>
      <c r="EN6" s="270">
        <v>2911</v>
      </c>
      <c r="EO6" s="275">
        <v>3260</v>
      </c>
      <c r="EP6" s="269">
        <v>885</v>
      </c>
      <c r="EQ6" s="273">
        <v>1610</v>
      </c>
      <c r="ER6" s="270">
        <v>2495</v>
      </c>
      <c r="ES6" s="272">
        <v>0</v>
      </c>
      <c r="ET6" s="273">
        <v>3857</v>
      </c>
      <c r="EU6" s="273">
        <v>3974</v>
      </c>
      <c r="EV6" s="273">
        <v>2038</v>
      </c>
      <c r="EW6" s="273">
        <v>1423</v>
      </c>
      <c r="EX6" s="273">
        <v>828</v>
      </c>
      <c r="EY6" s="270">
        <v>12120</v>
      </c>
      <c r="EZ6" s="275">
        <v>14615</v>
      </c>
    </row>
    <row r="7" spans="2:156" ht="21" customHeight="1" x14ac:dyDescent="0.2">
      <c r="B7" s="261" t="s">
        <v>5</v>
      </c>
      <c r="C7" s="276">
        <v>1</v>
      </c>
      <c r="D7" s="280">
        <v>0</v>
      </c>
      <c r="E7" s="382">
        <v>1</v>
      </c>
      <c r="F7" s="279">
        <v>0</v>
      </c>
      <c r="G7" s="280">
        <v>453</v>
      </c>
      <c r="H7" s="280">
        <v>714</v>
      </c>
      <c r="I7" s="280">
        <v>306</v>
      </c>
      <c r="J7" s="280">
        <v>267</v>
      </c>
      <c r="K7" s="280">
        <v>186</v>
      </c>
      <c r="L7" s="281">
        <v>1926</v>
      </c>
      <c r="M7" s="282">
        <v>1927</v>
      </c>
      <c r="N7" s="276">
        <v>0</v>
      </c>
      <c r="O7" s="280">
        <v>2</v>
      </c>
      <c r="P7" s="277">
        <v>2</v>
      </c>
      <c r="Q7" s="279">
        <v>0</v>
      </c>
      <c r="R7" s="280">
        <v>2</v>
      </c>
      <c r="S7" s="280">
        <v>15</v>
      </c>
      <c r="T7" s="280">
        <v>29</v>
      </c>
      <c r="U7" s="280">
        <v>57</v>
      </c>
      <c r="V7" s="280">
        <v>100</v>
      </c>
      <c r="W7" s="277">
        <v>203</v>
      </c>
      <c r="X7" s="282">
        <v>205</v>
      </c>
      <c r="Y7" s="276">
        <v>118</v>
      </c>
      <c r="Z7" s="280">
        <v>231</v>
      </c>
      <c r="AA7" s="277">
        <v>349</v>
      </c>
      <c r="AB7" s="279">
        <v>0</v>
      </c>
      <c r="AC7" s="280">
        <v>342</v>
      </c>
      <c r="AD7" s="280">
        <v>661</v>
      </c>
      <c r="AE7" s="280">
        <v>348</v>
      </c>
      <c r="AF7" s="280">
        <v>290</v>
      </c>
      <c r="AG7" s="280">
        <v>193</v>
      </c>
      <c r="AH7" s="277">
        <v>1834</v>
      </c>
      <c r="AI7" s="282">
        <v>2183</v>
      </c>
      <c r="AJ7" s="276">
        <v>6</v>
      </c>
      <c r="AK7" s="280">
        <v>35</v>
      </c>
      <c r="AL7" s="277">
        <v>41</v>
      </c>
      <c r="AM7" s="279">
        <v>0</v>
      </c>
      <c r="AN7" s="280">
        <v>34</v>
      </c>
      <c r="AO7" s="280">
        <v>75</v>
      </c>
      <c r="AP7" s="280">
        <v>36</v>
      </c>
      <c r="AQ7" s="280">
        <v>42</v>
      </c>
      <c r="AR7" s="280">
        <v>21</v>
      </c>
      <c r="AS7" s="277">
        <v>208</v>
      </c>
      <c r="AT7" s="282">
        <v>249</v>
      </c>
      <c r="AU7" s="276">
        <v>130</v>
      </c>
      <c r="AV7" s="280">
        <v>191</v>
      </c>
      <c r="AW7" s="277">
        <v>321</v>
      </c>
      <c r="AX7" s="279">
        <v>0</v>
      </c>
      <c r="AY7" s="280">
        <v>500</v>
      </c>
      <c r="AZ7" s="280">
        <v>789</v>
      </c>
      <c r="BA7" s="280">
        <v>609</v>
      </c>
      <c r="BB7" s="280">
        <v>672</v>
      </c>
      <c r="BC7" s="280">
        <v>442</v>
      </c>
      <c r="BD7" s="281">
        <v>3012</v>
      </c>
      <c r="BE7" s="282">
        <v>3333</v>
      </c>
      <c r="BF7" s="276">
        <v>0</v>
      </c>
      <c r="BG7" s="280">
        <v>0</v>
      </c>
      <c r="BH7" s="277">
        <v>0</v>
      </c>
      <c r="BI7" s="279">
        <v>0</v>
      </c>
      <c r="BJ7" s="280">
        <v>485</v>
      </c>
      <c r="BK7" s="280">
        <v>495</v>
      </c>
      <c r="BL7" s="280">
        <v>246</v>
      </c>
      <c r="BM7" s="280">
        <v>130</v>
      </c>
      <c r="BN7" s="280">
        <v>59</v>
      </c>
      <c r="BO7" s="277">
        <v>1415</v>
      </c>
      <c r="BP7" s="282">
        <v>1415</v>
      </c>
      <c r="BQ7" s="276">
        <v>51</v>
      </c>
      <c r="BR7" s="280">
        <v>83</v>
      </c>
      <c r="BS7" s="277">
        <v>134</v>
      </c>
      <c r="BT7" s="279">
        <v>0</v>
      </c>
      <c r="BU7" s="280">
        <v>117</v>
      </c>
      <c r="BV7" s="280">
        <v>236</v>
      </c>
      <c r="BW7" s="280">
        <v>129</v>
      </c>
      <c r="BX7" s="280">
        <v>89</v>
      </c>
      <c r="BY7" s="280">
        <v>42</v>
      </c>
      <c r="BZ7" s="277">
        <v>613</v>
      </c>
      <c r="CA7" s="282">
        <v>747</v>
      </c>
      <c r="CB7" s="276">
        <v>3</v>
      </c>
      <c r="CC7" s="280">
        <v>4</v>
      </c>
      <c r="CD7" s="277">
        <v>7</v>
      </c>
      <c r="CE7" s="279">
        <v>0</v>
      </c>
      <c r="CF7" s="280">
        <v>45</v>
      </c>
      <c r="CG7" s="280">
        <v>98</v>
      </c>
      <c r="CH7" s="280">
        <v>107</v>
      </c>
      <c r="CI7" s="280">
        <v>75</v>
      </c>
      <c r="CJ7" s="280">
        <v>37</v>
      </c>
      <c r="CK7" s="277">
        <v>362</v>
      </c>
      <c r="CL7" s="282">
        <v>369</v>
      </c>
      <c r="CM7" s="276">
        <v>0</v>
      </c>
      <c r="CN7" s="280">
        <v>3</v>
      </c>
      <c r="CO7" s="277">
        <v>3</v>
      </c>
      <c r="CP7" s="279">
        <v>0</v>
      </c>
      <c r="CQ7" s="280">
        <v>9</v>
      </c>
      <c r="CR7" s="280">
        <v>25</v>
      </c>
      <c r="CS7" s="280">
        <v>39</v>
      </c>
      <c r="CT7" s="280">
        <v>28</v>
      </c>
      <c r="CU7" s="280">
        <v>15</v>
      </c>
      <c r="CV7" s="277">
        <v>116</v>
      </c>
      <c r="CW7" s="282">
        <v>119</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32</v>
      </c>
      <c r="DU7" s="280">
        <v>581</v>
      </c>
      <c r="DV7" s="277">
        <v>813</v>
      </c>
      <c r="DW7" s="279">
        <v>0</v>
      </c>
      <c r="DX7" s="280">
        <v>490</v>
      </c>
      <c r="DY7" s="280">
        <v>1346</v>
      </c>
      <c r="DZ7" s="280">
        <v>705</v>
      </c>
      <c r="EA7" s="280">
        <v>571</v>
      </c>
      <c r="EB7" s="280">
        <v>334</v>
      </c>
      <c r="EC7" s="277">
        <v>3446</v>
      </c>
      <c r="ED7" s="282">
        <v>4259</v>
      </c>
      <c r="EE7" s="276">
        <v>87</v>
      </c>
      <c r="EF7" s="280">
        <v>75</v>
      </c>
      <c r="EG7" s="277">
        <v>162</v>
      </c>
      <c r="EH7" s="279">
        <v>0</v>
      </c>
      <c r="EI7" s="280">
        <v>265</v>
      </c>
      <c r="EJ7" s="280">
        <v>344</v>
      </c>
      <c r="EK7" s="280">
        <v>271</v>
      </c>
      <c r="EL7" s="280">
        <v>327</v>
      </c>
      <c r="EM7" s="280">
        <v>167</v>
      </c>
      <c r="EN7" s="277">
        <v>1374</v>
      </c>
      <c r="EO7" s="282">
        <v>1536</v>
      </c>
      <c r="EP7" s="276">
        <v>370</v>
      </c>
      <c r="EQ7" s="280">
        <v>783</v>
      </c>
      <c r="ER7" s="277">
        <v>1153</v>
      </c>
      <c r="ES7" s="279">
        <v>0</v>
      </c>
      <c r="ET7" s="280">
        <v>1388</v>
      </c>
      <c r="EU7" s="280">
        <v>1911</v>
      </c>
      <c r="EV7" s="280">
        <v>891</v>
      </c>
      <c r="EW7" s="280">
        <v>620</v>
      </c>
      <c r="EX7" s="280">
        <v>357</v>
      </c>
      <c r="EY7" s="277">
        <v>5167</v>
      </c>
      <c r="EZ7" s="282">
        <v>6320</v>
      </c>
    </row>
    <row r="8" spans="2:156" ht="21" customHeight="1" x14ac:dyDescent="0.2">
      <c r="B8" s="261" t="s">
        <v>6</v>
      </c>
      <c r="C8" s="276">
        <v>0</v>
      </c>
      <c r="D8" s="280">
        <v>0</v>
      </c>
      <c r="E8" s="382">
        <v>0</v>
      </c>
      <c r="F8" s="279">
        <v>0</v>
      </c>
      <c r="G8" s="280">
        <v>237</v>
      </c>
      <c r="H8" s="280">
        <v>173</v>
      </c>
      <c r="I8" s="280">
        <v>107</v>
      </c>
      <c r="J8" s="280">
        <v>104</v>
      </c>
      <c r="K8" s="280">
        <v>73</v>
      </c>
      <c r="L8" s="281">
        <v>694</v>
      </c>
      <c r="M8" s="282">
        <v>694</v>
      </c>
      <c r="N8" s="276">
        <v>0</v>
      </c>
      <c r="O8" s="280">
        <v>0</v>
      </c>
      <c r="P8" s="277">
        <v>0</v>
      </c>
      <c r="Q8" s="279">
        <v>0</v>
      </c>
      <c r="R8" s="280">
        <v>1</v>
      </c>
      <c r="S8" s="280">
        <v>7</v>
      </c>
      <c r="T8" s="280">
        <v>5</v>
      </c>
      <c r="U8" s="280">
        <v>26</v>
      </c>
      <c r="V8" s="280">
        <v>34</v>
      </c>
      <c r="W8" s="277">
        <v>73</v>
      </c>
      <c r="X8" s="282">
        <v>73</v>
      </c>
      <c r="Y8" s="276">
        <v>25</v>
      </c>
      <c r="Z8" s="280">
        <v>69</v>
      </c>
      <c r="AA8" s="277">
        <v>94</v>
      </c>
      <c r="AB8" s="279">
        <v>0</v>
      </c>
      <c r="AC8" s="280">
        <v>212</v>
      </c>
      <c r="AD8" s="280">
        <v>182</v>
      </c>
      <c r="AE8" s="280">
        <v>135</v>
      </c>
      <c r="AF8" s="280">
        <v>109</v>
      </c>
      <c r="AG8" s="280">
        <v>75</v>
      </c>
      <c r="AH8" s="277">
        <v>713</v>
      </c>
      <c r="AI8" s="282">
        <v>807</v>
      </c>
      <c r="AJ8" s="276">
        <v>2</v>
      </c>
      <c r="AK8" s="280">
        <v>1</v>
      </c>
      <c r="AL8" s="277">
        <v>3</v>
      </c>
      <c r="AM8" s="279">
        <v>0</v>
      </c>
      <c r="AN8" s="280">
        <v>14</v>
      </c>
      <c r="AO8" s="280">
        <v>18</v>
      </c>
      <c r="AP8" s="280">
        <v>19</v>
      </c>
      <c r="AQ8" s="280">
        <v>13</v>
      </c>
      <c r="AR8" s="280">
        <v>8</v>
      </c>
      <c r="AS8" s="277">
        <v>72</v>
      </c>
      <c r="AT8" s="282">
        <v>75</v>
      </c>
      <c r="AU8" s="276">
        <v>45</v>
      </c>
      <c r="AV8" s="280">
        <v>59</v>
      </c>
      <c r="AW8" s="277">
        <v>104</v>
      </c>
      <c r="AX8" s="279">
        <v>0</v>
      </c>
      <c r="AY8" s="280">
        <v>257</v>
      </c>
      <c r="AZ8" s="280">
        <v>261</v>
      </c>
      <c r="BA8" s="280">
        <v>245</v>
      </c>
      <c r="BB8" s="280">
        <v>258</v>
      </c>
      <c r="BC8" s="280">
        <v>195</v>
      </c>
      <c r="BD8" s="281">
        <v>1216</v>
      </c>
      <c r="BE8" s="282">
        <v>1320</v>
      </c>
      <c r="BF8" s="276">
        <v>0</v>
      </c>
      <c r="BG8" s="280">
        <v>0</v>
      </c>
      <c r="BH8" s="277">
        <v>0</v>
      </c>
      <c r="BI8" s="279">
        <v>0</v>
      </c>
      <c r="BJ8" s="280">
        <v>274</v>
      </c>
      <c r="BK8" s="280">
        <v>181</v>
      </c>
      <c r="BL8" s="280">
        <v>95</v>
      </c>
      <c r="BM8" s="280">
        <v>53</v>
      </c>
      <c r="BN8" s="280">
        <v>26</v>
      </c>
      <c r="BO8" s="277">
        <v>629</v>
      </c>
      <c r="BP8" s="282">
        <v>629</v>
      </c>
      <c r="BQ8" s="276">
        <v>8</v>
      </c>
      <c r="BR8" s="280">
        <v>14</v>
      </c>
      <c r="BS8" s="277">
        <v>22</v>
      </c>
      <c r="BT8" s="279">
        <v>0</v>
      </c>
      <c r="BU8" s="280">
        <v>53</v>
      </c>
      <c r="BV8" s="280">
        <v>54</v>
      </c>
      <c r="BW8" s="280">
        <v>37</v>
      </c>
      <c r="BX8" s="280">
        <v>33</v>
      </c>
      <c r="BY8" s="280">
        <v>8</v>
      </c>
      <c r="BZ8" s="277">
        <v>185</v>
      </c>
      <c r="CA8" s="282">
        <v>207</v>
      </c>
      <c r="CB8" s="276">
        <v>1</v>
      </c>
      <c r="CC8" s="280">
        <v>2</v>
      </c>
      <c r="CD8" s="277">
        <v>3</v>
      </c>
      <c r="CE8" s="279">
        <v>0</v>
      </c>
      <c r="CF8" s="280">
        <v>23</v>
      </c>
      <c r="CG8" s="280">
        <v>28</v>
      </c>
      <c r="CH8" s="280">
        <v>47</v>
      </c>
      <c r="CI8" s="280">
        <v>28</v>
      </c>
      <c r="CJ8" s="280">
        <v>13</v>
      </c>
      <c r="CK8" s="277">
        <v>139</v>
      </c>
      <c r="CL8" s="282">
        <v>142</v>
      </c>
      <c r="CM8" s="276">
        <v>0</v>
      </c>
      <c r="CN8" s="280">
        <v>0</v>
      </c>
      <c r="CO8" s="277">
        <v>0</v>
      </c>
      <c r="CP8" s="279">
        <v>0</v>
      </c>
      <c r="CQ8" s="280">
        <v>7</v>
      </c>
      <c r="CR8" s="280">
        <v>8</v>
      </c>
      <c r="CS8" s="280">
        <v>6</v>
      </c>
      <c r="CT8" s="280">
        <v>7</v>
      </c>
      <c r="CU8" s="280">
        <v>5</v>
      </c>
      <c r="CV8" s="277">
        <v>33</v>
      </c>
      <c r="CW8" s="282">
        <v>33</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06</v>
      </c>
      <c r="DU8" s="280">
        <v>181</v>
      </c>
      <c r="DV8" s="277">
        <v>287</v>
      </c>
      <c r="DW8" s="279">
        <v>0</v>
      </c>
      <c r="DX8" s="280">
        <v>337</v>
      </c>
      <c r="DY8" s="280">
        <v>401</v>
      </c>
      <c r="DZ8" s="280">
        <v>288</v>
      </c>
      <c r="EA8" s="280">
        <v>215</v>
      </c>
      <c r="EB8" s="280">
        <v>131</v>
      </c>
      <c r="EC8" s="277">
        <v>1372</v>
      </c>
      <c r="ED8" s="282">
        <v>1659</v>
      </c>
      <c r="EE8" s="276">
        <v>33</v>
      </c>
      <c r="EF8" s="280">
        <v>22</v>
      </c>
      <c r="EG8" s="277">
        <v>55</v>
      </c>
      <c r="EH8" s="279">
        <v>0</v>
      </c>
      <c r="EI8" s="280">
        <v>109</v>
      </c>
      <c r="EJ8" s="280">
        <v>94</v>
      </c>
      <c r="EK8" s="280">
        <v>86</v>
      </c>
      <c r="EL8" s="280">
        <v>104</v>
      </c>
      <c r="EM8" s="280">
        <v>68</v>
      </c>
      <c r="EN8" s="277">
        <v>461</v>
      </c>
      <c r="EO8" s="282">
        <v>516</v>
      </c>
      <c r="EP8" s="276">
        <v>132</v>
      </c>
      <c r="EQ8" s="280">
        <v>227</v>
      </c>
      <c r="ER8" s="277">
        <v>359</v>
      </c>
      <c r="ES8" s="279">
        <v>0</v>
      </c>
      <c r="ET8" s="280">
        <v>746</v>
      </c>
      <c r="EU8" s="280">
        <v>564</v>
      </c>
      <c r="EV8" s="280">
        <v>339</v>
      </c>
      <c r="EW8" s="280">
        <v>242</v>
      </c>
      <c r="EX8" s="280">
        <v>142</v>
      </c>
      <c r="EY8" s="277">
        <v>2033</v>
      </c>
      <c r="EZ8" s="282">
        <v>2392</v>
      </c>
    </row>
    <row r="9" spans="2:156" ht="21" customHeight="1" x14ac:dyDescent="0.2">
      <c r="B9" s="261" t="s">
        <v>14</v>
      </c>
      <c r="C9" s="276">
        <v>0</v>
      </c>
      <c r="D9" s="280">
        <v>0</v>
      </c>
      <c r="E9" s="382">
        <v>0</v>
      </c>
      <c r="F9" s="279">
        <v>0</v>
      </c>
      <c r="G9" s="280">
        <v>55</v>
      </c>
      <c r="H9" s="280">
        <v>68</v>
      </c>
      <c r="I9" s="280">
        <v>48</v>
      </c>
      <c r="J9" s="280">
        <v>34</v>
      </c>
      <c r="K9" s="280">
        <v>26</v>
      </c>
      <c r="L9" s="281">
        <v>231</v>
      </c>
      <c r="M9" s="282">
        <v>231</v>
      </c>
      <c r="N9" s="276">
        <v>0</v>
      </c>
      <c r="O9" s="280">
        <v>0</v>
      </c>
      <c r="P9" s="277">
        <v>0</v>
      </c>
      <c r="Q9" s="279">
        <v>0</v>
      </c>
      <c r="R9" s="280">
        <v>0</v>
      </c>
      <c r="S9" s="280">
        <v>4</v>
      </c>
      <c r="T9" s="280">
        <v>3</v>
      </c>
      <c r="U9" s="280">
        <v>16</v>
      </c>
      <c r="V9" s="280">
        <v>12</v>
      </c>
      <c r="W9" s="277">
        <v>35</v>
      </c>
      <c r="X9" s="282">
        <v>35</v>
      </c>
      <c r="Y9" s="276">
        <v>5</v>
      </c>
      <c r="Z9" s="280">
        <v>22</v>
      </c>
      <c r="AA9" s="277">
        <v>27</v>
      </c>
      <c r="AB9" s="279">
        <v>0</v>
      </c>
      <c r="AC9" s="280">
        <v>32</v>
      </c>
      <c r="AD9" s="280">
        <v>73</v>
      </c>
      <c r="AE9" s="280">
        <v>46</v>
      </c>
      <c r="AF9" s="280">
        <v>38</v>
      </c>
      <c r="AG9" s="280">
        <v>32</v>
      </c>
      <c r="AH9" s="277">
        <v>221</v>
      </c>
      <c r="AI9" s="282">
        <v>248</v>
      </c>
      <c r="AJ9" s="276">
        <v>0</v>
      </c>
      <c r="AK9" s="280">
        <v>3</v>
      </c>
      <c r="AL9" s="277">
        <v>3</v>
      </c>
      <c r="AM9" s="279">
        <v>0</v>
      </c>
      <c r="AN9" s="280">
        <v>2</v>
      </c>
      <c r="AO9" s="280">
        <v>7</v>
      </c>
      <c r="AP9" s="280">
        <v>5</v>
      </c>
      <c r="AQ9" s="280">
        <v>2</v>
      </c>
      <c r="AR9" s="280">
        <v>1</v>
      </c>
      <c r="AS9" s="277">
        <v>17</v>
      </c>
      <c r="AT9" s="282">
        <v>20</v>
      </c>
      <c r="AU9" s="276">
        <v>12</v>
      </c>
      <c r="AV9" s="280">
        <v>22</v>
      </c>
      <c r="AW9" s="277">
        <v>34</v>
      </c>
      <c r="AX9" s="279">
        <v>0</v>
      </c>
      <c r="AY9" s="280">
        <v>65</v>
      </c>
      <c r="AZ9" s="280">
        <v>89</v>
      </c>
      <c r="BA9" s="280">
        <v>89</v>
      </c>
      <c r="BB9" s="280">
        <v>78</v>
      </c>
      <c r="BC9" s="280">
        <v>60</v>
      </c>
      <c r="BD9" s="281">
        <v>381</v>
      </c>
      <c r="BE9" s="282">
        <v>415</v>
      </c>
      <c r="BF9" s="276">
        <v>0</v>
      </c>
      <c r="BG9" s="280">
        <v>0</v>
      </c>
      <c r="BH9" s="277">
        <v>0</v>
      </c>
      <c r="BI9" s="279">
        <v>0</v>
      </c>
      <c r="BJ9" s="280">
        <v>94</v>
      </c>
      <c r="BK9" s="280">
        <v>94</v>
      </c>
      <c r="BL9" s="280">
        <v>67</v>
      </c>
      <c r="BM9" s="280">
        <v>27</v>
      </c>
      <c r="BN9" s="280">
        <v>15</v>
      </c>
      <c r="BO9" s="277">
        <v>297</v>
      </c>
      <c r="BP9" s="282">
        <v>297</v>
      </c>
      <c r="BQ9" s="276">
        <v>3</v>
      </c>
      <c r="BR9" s="280">
        <v>5</v>
      </c>
      <c r="BS9" s="277">
        <v>8</v>
      </c>
      <c r="BT9" s="279">
        <v>0</v>
      </c>
      <c r="BU9" s="280">
        <v>7</v>
      </c>
      <c r="BV9" s="280">
        <v>17</v>
      </c>
      <c r="BW9" s="280">
        <v>13</v>
      </c>
      <c r="BX9" s="280">
        <v>10</v>
      </c>
      <c r="BY9" s="280">
        <v>0</v>
      </c>
      <c r="BZ9" s="277">
        <v>47</v>
      </c>
      <c r="CA9" s="282">
        <v>55</v>
      </c>
      <c r="CB9" s="276">
        <v>0</v>
      </c>
      <c r="CC9" s="280">
        <v>1</v>
      </c>
      <c r="CD9" s="277">
        <v>1</v>
      </c>
      <c r="CE9" s="279">
        <v>0</v>
      </c>
      <c r="CF9" s="280">
        <v>8</v>
      </c>
      <c r="CG9" s="280">
        <v>23</v>
      </c>
      <c r="CH9" s="280">
        <v>16</v>
      </c>
      <c r="CI9" s="280">
        <v>15</v>
      </c>
      <c r="CJ9" s="280">
        <v>11</v>
      </c>
      <c r="CK9" s="277">
        <v>73</v>
      </c>
      <c r="CL9" s="282">
        <v>74</v>
      </c>
      <c r="CM9" s="276">
        <v>0</v>
      </c>
      <c r="CN9" s="280">
        <v>0</v>
      </c>
      <c r="CO9" s="277">
        <v>0</v>
      </c>
      <c r="CP9" s="279">
        <v>0</v>
      </c>
      <c r="CQ9" s="280">
        <v>1</v>
      </c>
      <c r="CR9" s="280">
        <v>1</v>
      </c>
      <c r="CS9" s="280">
        <v>3</v>
      </c>
      <c r="CT9" s="280">
        <v>0</v>
      </c>
      <c r="CU9" s="280">
        <v>0</v>
      </c>
      <c r="CV9" s="277">
        <v>5</v>
      </c>
      <c r="CW9" s="282">
        <v>5</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9</v>
      </c>
      <c r="DU9" s="280">
        <v>83</v>
      </c>
      <c r="DV9" s="277">
        <v>122</v>
      </c>
      <c r="DW9" s="279">
        <v>0</v>
      </c>
      <c r="DX9" s="280">
        <v>80</v>
      </c>
      <c r="DY9" s="280">
        <v>195</v>
      </c>
      <c r="DZ9" s="280">
        <v>127</v>
      </c>
      <c r="EA9" s="280">
        <v>83</v>
      </c>
      <c r="EB9" s="280">
        <v>50</v>
      </c>
      <c r="EC9" s="277">
        <v>535</v>
      </c>
      <c r="ED9" s="282">
        <v>657</v>
      </c>
      <c r="EE9" s="276">
        <v>9</v>
      </c>
      <c r="EF9" s="280">
        <v>10</v>
      </c>
      <c r="EG9" s="277">
        <v>19</v>
      </c>
      <c r="EH9" s="279">
        <v>0</v>
      </c>
      <c r="EI9" s="280">
        <v>35</v>
      </c>
      <c r="EJ9" s="280">
        <v>28</v>
      </c>
      <c r="EK9" s="280">
        <v>31</v>
      </c>
      <c r="EL9" s="280">
        <v>34</v>
      </c>
      <c r="EM9" s="280">
        <v>13</v>
      </c>
      <c r="EN9" s="277">
        <v>141</v>
      </c>
      <c r="EO9" s="282">
        <v>160</v>
      </c>
      <c r="EP9" s="276">
        <v>45</v>
      </c>
      <c r="EQ9" s="280">
        <v>99</v>
      </c>
      <c r="ER9" s="277">
        <v>144</v>
      </c>
      <c r="ES9" s="279">
        <v>0</v>
      </c>
      <c r="ET9" s="280">
        <v>204</v>
      </c>
      <c r="EU9" s="280">
        <v>278</v>
      </c>
      <c r="EV9" s="280">
        <v>149</v>
      </c>
      <c r="EW9" s="280">
        <v>88</v>
      </c>
      <c r="EX9" s="280">
        <v>53</v>
      </c>
      <c r="EY9" s="277">
        <v>772</v>
      </c>
      <c r="EZ9" s="282">
        <v>916</v>
      </c>
    </row>
    <row r="10" spans="2:156" ht="21" customHeight="1" x14ac:dyDescent="0.2">
      <c r="B10" s="261" t="s">
        <v>7</v>
      </c>
      <c r="C10" s="276">
        <v>0</v>
      </c>
      <c r="D10" s="280">
        <v>0</v>
      </c>
      <c r="E10" s="382">
        <v>0</v>
      </c>
      <c r="F10" s="279">
        <v>0</v>
      </c>
      <c r="G10" s="280">
        <v>57</v>
      </c>
      <c r="H10" s="280">
        <v>34</v>
      </c>
      <c r="I10" s="280">
        <v>18</v>
      </c>
      <c r="J10" s="280">
        <v>17</v>
      </c>
      <c r="K10" s="280">
        <v>14</v>
      </c>
      <c r="L10" s="281">
        <v>140</v>
      </c>
      <c r="M10" s="282">
        <v>140</v>
      </c>
      <c r="N10" s="276">
        <v>0</v>
      </c>
      <c r="O10" s="280">
        <v>0</v>
      </c>
      <c r="P10" s="277">
        <v>0</v>
      </c>
      <c r="Q10" s="279">
        <v>0</v>
      </c>
      <c r="R10" s="280">
        <v>1</v>
      </c>
      <c r="S10" s="280">
        <v>2</v>
      </c>
      <c r="T10" s="280">
        <v>1</v>
      </c>
      <c r="U10" s="280">
        <v>5</v>
      </c>
      <c r="V10" s="280">
        <v>8</v>
      </c>
      <c r="W10" s="277">
        <v>17</v>
      </c>
      <c r="X10" s="282">
        <v>17</v>
      </c>
      <c r="Y10" s="276">
        <v>0</v>
      </c>
      <c r="Z10" s="280">
        <v>0</v>
      </c>
      <c r="AA10" s="277">
        <v>0</v>
      </c>
      <c r="AB10" s="279">
        <v>0</v>
      </c>
      <c r="AC10" s="280">
        <v>36</v>
      </c>
      <c r="AD10" s="280">
        <v>26</v>
      </c>
      <c r="AE10" s="280">
        <v>20</v>
      </c>
      <c r="AF10" s="280">
        <v>13</v>
      </c>
      <c r="AG10" s="280">
        <v>12</v>
      </c>
      <c r="AH10" s="277">
        <v>107</v>
      </c>
      <c r="AI10" s="282">
        <v>107</v>
      </c>
      <c r="AJ10" s="276">
        <v>0</v>
      </c>
      <c r="AK10" s="280">
        <v>0</v>
      </c>
      <c r="AL10" s="277">
        <v>0</v>
      </c>
      <c r="AM10" s="279">
        <v>0</v>
      </c>
      <c r="AN10" s="280">
        <v>6</v>
      </c>
      <c r="AO10" s="280">
        <v>6</v>
      </c>
      <c r="AP10" s="280">
        <v>1</v>
      </c>
      <c r="AQ10" s="280">
        <v>3</v>
      </c>
      <c r="AR10" s="280">
        <v>0</v>
      </c>
      <c r="AS10" s="277">
        <v>16</v>
      </c>
      <c r="AT10" s="282">
        <v>16</v>
      </c>
      <c r="AU10" s="276">
        <v>10</v>
      </c>
      <c r="AV10" s="280">
        <v>4</v>
      </c>
      <c r="AW10" s="277">
        <v>14</v>
      </c>
      <c r="AX10" s="279">
        <v>0</v>
      </c>
      <c r="AY10" s="280">
        <v>65</v>
      </c>
      <c r="AZ10" s="280">
        <v>48</v>
      </c>
      <c r="BA10" s="280">
        <v>46</v>
      </c>
      <c r="BB10" s="280">
        <v>51</v>
      </c>
      <c r="BC10" s="280">
        <v>27</v>
      </c>
      <c r="BD10" s="281">
        <v>237</v>
      </c>
      <c r="BE10" s="282">
        <v>251</v>
      </c>
      <c r="BF10" s="276">
        <v>0</v>
      </c>
      <c r="BG10" s="280">
        <v>0</v>
      </c>
      <c r="BH10" s="277">
        <v>0</v>
      </c>
      <c r="BI10" s="279">
        <v>0</v>
      </c>
      <c r="BJ10" s="280">
        <v>79</v>
      </c>
      <c r="BK10" s="280">
        <v>43</v>
      </c>
      <c r="BL10" s="280">
        <v>18</v>
      </c>
      <c r="BM10" s="280">
        <v>9</v>
      </c>
      <c r="BN10" s="280">
        <v>2</v>
      </c>
      <c r="BO10" s="277">
        <v>151</v>
      </c>
      <c r="BP10" s="282">
        <v>151</v>
      </c>
      <c r="BQ10" s="276">
        <v>2</v>
      </c>
      <c r="BR10" s="280">
        <v>2</v>
      </c>
      <c r="BS10" s="277">
        <v>4</v>
      </c>
      <c r="BT10" s="279">
        <v>0</v>
      </c>
      <c r="BU10" s="280">
        <v>17</v>
      </c>
      <c r="BV10" s="280">
        <v>6</v>
      </c>
      <c r="BW10" s="280">
        <v>7</v>
      </c>
      <c r="BX10" s="280">
        <v>7</v>
      </c>
      <c r="BY10" s="280">
        <v>2</v>
      </c>
      <c r="BZ10" s="277">
        <v>39</v>
      </c>
      <c r="CA10" s="282">
        <v>43</v>
      </c>
      <c r="CB10" s="276">
        <v>0</v>
      </c>
      <c r="CC10" s="280">
        <v>0</v>
      </c>
      <c r="CD10" s="277">
        <v>0</v>
      </c>
      <c r="CE10" s="279">
        <v>0</v>
      </c>
      <c r="CF10" s="280">
        <v>6</v>
      </c>
      <c r="CG10" s="280">
        <v>12</v>
      </c>
      <c r="CH10" s="280">
        <v>7</v>
      </c>
      <c r="CI10" s="280">
        <v>5</v>
      </c>
      <c r="CJ10" s="280">
        <v>4</v>
      </c>
      <c r="CK10" s="277">
        <v>34</v>
      </c>
      <c r="CL10" s="282">
        <v>34</v>
      </c>
      <c r="CM10" s="276">
        <v>0</v>
      </c>
      <c r="CN10" s="280">
        <v>0</v>
      </c>
      <c r="CO10" s="277">
        <v>0</v>
      </c>
      <c r="CP10" s="279">
        <v>0</v>
      </c>
      <c r="CQ10" s="280">
        <v>1</v>
      </c>
      <c r="CR10" s="280">
        <v>0</v>
      </c>
      <c r="CS10" s="280">
        <v>1</v>
      </c>
      <c r="CT10" s="280">
        <v>1</v>
      </c>
      <c r="CU10" s="280">
        <v>0</v>
      </c>
      <c r="CV10" s="277">
        <v>3</v>
      </c>
      <c r="CW10" s="282">
        <v>3</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13</v>
      </c>
      <c r="DU10" s="280">
        <v>26</v>
      </c>
      <c r="DV10" s="277">
        <v>39</v>
      </c>
      <c r="DW10" s="279">
        <v>0</v>
      </c>
      <c r="DX10" s="280">
        <v>91</v>
      </c>
      <c r="DY10" s="280">
        <v>92</v>
      </c>
      <c r="DZ10" s="280">
        <v>52</v>
      </c>
      <c r="EA10" s="280">
        <v>37</v>
      </c>
      <c r="EB10" s="280">
        <v>20</v>
      </c>
      <c r="EC10" s="277">
        <v>292</v>
      </c>
      <c r="ED10" s="282">
        <v>331</v>
      </c>
      <c r="EE10" s="276">
        <v>8</v>
      </c>
      <c r="EF10" s="280">
        <v>3</v>
      </c>
      <c r="EG10" s="277">
        <v>11</v>
      </c>
      <c r="EH10" s="279">
        <v>0</v>
      </c>
      <c r="EI10" s="280">
        <v>24</v>
      </c>
      <c r="EJ10" s="280">
        <v>23</v>
      </c>
      <c r="EK10" s="280">
        <v>20</v>
      </c>
      <c r="EL10" s="280">
        <v>30</v>
      </c>
      <c r="EM10" s="280">
        <v>8</v>
      </c>
      <c r="EN10" s="277">
        <v>105</v>
      </c>
      <c r="EO10" s="282">
        <v>116</v>
      </c>
      <c r="EP10" s="276">
        <v>15</v>
      </c>
      <c r="EQ10" s="280">
        <v>27</v>
      </c>
      <c r="ER10" s="277">
        <v>42</v>
      </c>
      <c r="ES10" s="279">
        <v>0</v>
      </c>
      <c r="ET10" s="280">
        <v>191</v>
      </c>
      <c r="EU10" s="280">
        <v>135</v>
      </c>
      <c r="EV10" s="280">
        <v>64</v>
      </c>
      <c r="EW10" s="280">
        <v>42</v>
      </c>
      <c r="EX10" s="280">
        <v>22</v>
      </c>
      <c r="EY10" s="277">
        <v>454</v>
      </c>
      <c r="EZ10" s="282">
        <v>496</v>
      </c>
    </row>
    <row r="11" spans="2:156" ht="21" customHeight="1" x14ac:dyDescent="0.2">
      <c r="B11" s="261" t="s">
        <v>8</v>
      </c>
      <c r="C11" s="276">
        <v>0</v>
      </c>
      <c r="D11" s="280">
        <v>0</v>
      </c>
      <c r="E11" s="382">
        <v>0</v>
      </c>
      <c r="F11" s="279">
        <v>0</v>
      </c>
      <c r="G11" s="280">
        <v>21</v>
      </c>
      <c r="H11" s="280">
        <v>20</v>
      </c>
      <c r="I11" s="280">
        <v>14</v>
      </c>
      <c r="J11" s="280">
        <v>11</v>
      </c>
      <c r="K11" s="280">
        <v>7</v>
      </c>
      <c r="L11" s="281">
        <v>73</v>
      </c>
      <c r="M11" s="282">
        <v>73</v>
      </c>
      <c r="N11" s="276">
        <v>0</v>
      </c>
      <c r="O11" s="280">
        <v>0</v>
      </c>
      <c r="P11" s="277">
        <v>0</v>
      </c>
      <c r="Q11" s="279">
        <v>0</v>
      </c>
      <c r="R11" s="280">
        <v>0</v>
      </c>
      <c r="S11" s="280">
        <v>0</v>
      </c>
      <c r="T11" s="280">
        <v>2</v>
      </c>
      <c r="U11" s="280">
        <v>5</v>
      </c>
      <c r="V11" s="280">
        <v>3</v>
      </c>
      <c r="W11" s="277">
        <v>10</v>
      </c>
      <c r="X11" s="282">
        <v>10</v>
      </c>
      <c r="Y11" s="276">
        <v>4</v>
      </c>
      <c r="Z11" s="280">
        <v>4</v>
      </c>
      <c r="AA11" s="277">
        <v>8</v>
      </c>
      <c r="AB11" s="279">
        <v>0</v>
      </c>
      <c r="AC11" s="280">
        <v>19</v>
      </c>
      <c r="AD11" s="280">
        <v>17</v>
      </c>
      <c r="AE11" s="280">
        <v>7</v>
      </c>
      <c r="AF11" s="280">
        <v>15</v>
      </c>
      <c r="AG11" s="280">
        <v>11</v>
      </c>
      <c r="AH11" s="277">
        <v>69</v>
      </c>
      <c r="AI11" s="282">
        <v>77</v>
      </c>
      <c r="AJ11" s="276">
        <v>0</v>
      </c>
      <c r="AK11" s="280">
        <v>1</v>
      </c>
      <c r="AL11" s="277">
        <v>1</v>
      </c>
      <c r="AM11" s="279">
        <v>0</v>
      </c>
      <c r="AN11" s="280">
        <v>5</v>
      </c>
      <c r="AO11" s="280">
        <v>7</v>
      </c>
      <c r="AP11" s="280">
        <v>3</v>
      </c>
      <c r="AQ11" s="280">
        <v>3</v>
      </c>
      <c r="AR11" s="280">
        <v>2</v>
      </c>
      <c r="AS11" s="277">
        <v>20</v>
      </c>
      <c r="AT11" s="282">
        <v>21</v>
      </c>
      <c r="AU11" s="276">
        <v>6</v>
      </c>
      <c r="AV11" s="280">
        <v>3</v>
      </c>
      <c r="AW11" s="277">
        <v>9</v>
      </c>
      <c r="AX11" s="279">
        <v>0</v>
      </c>
      <c r="AY11" s="280">
        <v>17</v>
      </c>
      <c r="AZ11" s="280">
        <v>21</v>
      </c>
      <c r="BA11" s="280">
        <v>19</v>
      </c>
      <c r="BB11" s="280">
        <v>29</v>
      </c>
      <c r="BC11" s="280">
        <v>19</v>
      </c>
      <c r="BD11" s="281">
        <v>105</v>
      </c>
      <c r="BE11" s="282">
        <v>114</v>
      </c>
      <c r="BF11" s="276">
        <v>0</v>
      </c>
      <c r="BG11" s="280">
        <v>0</v>
      </c>
      <c r="BH11" s="277">
        <v>0</v>
      </c>
      <c r="BI11" s="279">
        <v>0</v>
      </c>
      <c r="BJ11" s="280">
        <v>28</v>
      </c>
      <c r="BK11" s="280">
        <v>29</v>
      </c>
      <c r="BL11" s="280">
        <v>9</v>
      </c>
      <c r="BM11" s="280">
        <v>11</v>
      </c>
      <c r="BN11" s="280">
        <v>3</v>
      </c>
      <c r="BO11" s="277">
        <v>80</v>
      </c>
      <c r="BP11" s="282">
        <v>80</v>
      </c>
      <c r="BQ11" s="276">
        <v>0</v>
      </c>
      <c r="BR11" s="280">
        <v>4</v>
      </c>
      <c r="BS11" s="277">
        <v>4</v>
      </c>
      <c r="BT11" s="279">
        <v>0</v>
      </c>
      <c r="BU11" s="280">
        <v>10</v>
      </c>
      <c r="BV11" s="280">
        <v>11</v>
      </c>
      <c r="BW11" s="280">
        <v>11</v>
      </c>
      <c r="BX11" s="280">
        <v>6</v>
      </c>
      <c r="BY11" s="280">
        <v>4</v>
      </c>
      <c r="BZ11" s="277">
        <v>42</v>
      </c>
      <c r="CA11" s="282">
        <v>46</v>
      </c>
      <c r="CB11" s="276">
        <v>0</v>
      </c>
      <c r="CC11" s="280">
        <v>1</v>
      </c>
      <c r="CD11" s="277">
        <v>1</v>
      </c>
      <c r="CE11" s="279">
        <v>0</v>
      </c>
      <c r="CF11" s="280">
        <v>3</v>
      </c>
      <c r="CG11" s="280">
        <v>6</v>
      </c>
      <c r="CH11" s="280">
        <v>6</v>
      </c>
      <c r="CI11" s="280">
        <v>9</v>
      </c>
      <c r="CJ11" s="280">
        <v>1</v>
      </c>
      <c r="CK11" s="277">
        <v>25</v>
      </c>
      <c r="CL11" s="282">
        <v>26</v>
      </c>
      <c r="CM11" s="276">
        <v>0</v>
      </c>
      <c r="CN11" s="280">
        <v>0</v>
      </c>
      <c r="CO11" s="277">
        <v>0</v>
      </c>
      <c r="CP11" s="279">
        <v>0</v>
      </c>
      <c r="CQ11" s="280">
        <v>0</v>
      </c>
      <c r="CR11" s="280">
        <v>1</v>
      </c>
      <c r="CS11" s="280">
        <v>0</v>
      </c>
      <c r="CT11" s="280">
        <v>0</v>
      </c>
      <c r="CU11" s="280">
        <v>0</v>
      </c>
      <c r="CV11" s="277">
        <v>1</v>
      </c>
      <c r="CW11" s="282">
        <v>1</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6</v>
      </c>
      <c r="DU11" s="280">
        <v>18</v>
      </c>
      <c r="DV11" s="277">
        <v>34</v>
      </c>
      <c r="DW11" s="279">
        <v>0</v>
      </c>
      <c r="DX11" s="280">
        <v>44</v>
      </c>
      <c r="DY11" s="280">
        <v>60</v>
      </c>
      <c r="DZ11" s="280">
        <v>32</v>
      </c>
      <c r="EA11" s="280">
        <v>33</v>
      </c>
      <c r="EB11" s="280">
        <v>20</v>
      </c>
      <c r="EC11" s="277">
        <v>189</v>
      </c>
      <c r="ED11" s="282">
        <v>223</v>
      </c>
      <c r="EE11" s="276">
        <v>7</v>
      </c>
      <c r="EF11" s="280">
        <v>2</v>
      </c>
      <c r="EG11" s="277">
        <v>9</v>
      </c>
      <c r="EH11" s="279">
        <v>0</v>
      </c>
      <c r="EI11" s="280">
        <v>13</v>
      </c>
      <c r="EJ11" s="280">
        <v>9</v>
      </c>
      <c r="EK11" s="280">
        <v>7</v>
      </c>
      <c r="EL11" s="280">
        <v>12</v>
      </c>
      <c r="EM11" s="280">
        <v>9</v>
      </c>
      <c r="EN11" s="277">
        <v>50</v>
      </c>
      <c r="EO11" s="282">
        <v>59</v>
      </c>
      <c r="EP11" s="276">
        <v>20</v>
      </c>
      <c r="EQ11" s="280">
        <v>24</v>
      </c>
      <c r="ER11" s="277">
        <v>44</v>
      </c>
      <c r="ES11" s="279">
        <v>0</v>
      </c>
      <c r="ET11" s="280">
        <v>105</v>
      </c>
      <c r="EU11" s="280">
        <v>84</v>
      </c>
      <c r="EV11" s="280">
        <v>38</v>
      </c>
      <c r="EW11" s="280">
        <v>35</v>
      </c>
      <c r="EX11" s="280">
        <v>16</v>
      </c>
      <c r="EY11" s="277">
        <v>278</v>
      </c>
      <c r="EZ11" s="282">
        <v>322</v>
      </c>
    </row>
    <row r="12" spans="2:156" ht="21" customHeight="1" x14ac:dyDescent="0.2">
      <c r="B12" s="261" t="s">
        <v>9</v>
      </c>
      <c r="C12" s="276">
        <v>0</v>
      </c>
      <c r="D12" s="280">
        <v>0</v>
      </c>
      <c r="E12" s="382">
        <v>0</v>
      </c>
      <c r="F12" s="279">
        <v>0</v>
      </c>
      <c r="G12" s="280">
        <v>66</v>
      </c>
      <c r="H12" s="280">
        <v>49</v>
      </c>
      <c r="I12" s="280">
        <v>32</v>
      </c>
      <c r="J12" s="280">
        <v>39</v>
      </c>
      <c r="K12" s="280">
        <v>27</v>
      </c>
      <c r="L12" s="281">
        <v>213</v>
      </c>
      <c r="M12" s="282">
        <v>213</v>
      </c>
      <c r="N12" s="276">
        <v>0</v>
      </c>
      <c r="O12" s="280">
        <v>0</v>
      </c>
      <c r="P12" s="277">
        <v>0</v>
      </c>
      <c r="Q12" s="279">
        <v>0</v>
      </c>
      <c r="R12" s="280">
        <v>1</v>
      </c>
      <c r="S12" s="280">
        <v>1</v>
      </c>
      <c r="T12" s="280">
        <v>2</v>
      </c>
      <c r="U12" s="280">
        <v>8</v>
      </c>
      <c r="V12" s="280">
        <v>15</v>
      </c>
      <c r="W12" s="277">
        <v>27</v>
      </c>
      <c r="X12" s="282">
        <v>27</v>
      </c>
      <c r="Y12" s="276">
        <v>5</v>
      </c>
      <c r="Z12" s="280">
        <v>16</v>
      </c>
      <c r="AA12" s="277">
        <v>21</v>
      </c>
      <c r="AB12" s="279">
        <v>0</v>
      </c>
      <c r="AC12" s="280">
        <v>58</v>
      </c>
      <c r="AD12" s="280">
        <v>32</v>
      </c>
      <c r="AE12" s="280">
        <v>29</v>
      </c>
      <c r="AF12" s="280">
        <v>25</v>
      </c>
      <c r="AG12" s="280">
        <v>20</v>
      </c>
      <c r="AH12" s="277">
        <v>164</v>
      </c>
      <c r="AI12" s="282">
        <v>185</v>
      </c>
      <c r="AJ12" s="276">
        <v>0</v>
      </c>
      <c r="AK12" s="280">
        <v>1</v>
      </c>
      <c r="AL12" s="277">
        <v>1</v>
      </c>
      <c r="AM12" s="279">
        <v>0</v>
      </c>
      <c r="AN12" s="280">
        <v>3</v>
      </c>
      <c r="AO12" s="280">
        <v>9</v>
      </c>
      <c r="AP12" s="280">
        <v>8</v>
      </c>
      <c r="AQ12" s="280">
        <v>6</v>
      </c>
      <c r="AR12" s="280">
        <v>4</v>
      </c>
      <c r="AS12" s="277">
        <v>30</v>
      </c>
      <c r="AT12" s="282">
        <v>31</v>
      </c>
      <c r="AU12" s="276">
        <v>15</v>
      </c>
      <c r="AV12" s="280">
        <v>9</v>
      </c>
      <c r="AW12" s="277">
        <v>24</v>
      </c>
      <c r="AX12" s="279">
        <v>0</v>
      </c>
      <c r="AY12" s="280">
        <v>63</v>
      </c>
      <c r="AZ12" s="280">
        <v>59</v>
      </c>
      <c r="BA12" s="280">
        <v>65</v>
      </c>
      <c r="BB12" s="280">
        <v>72</v>
      </c>
      <c r="BC12" s="280">
        <v>50</v>
      </c>
      <c r="BD12" s="281">
        <v>309</v>
      </c>
      <c r="BE12" s="282">
        <v>333</v>
      </c>
      <c r="BF12" s="276">
        <v>0</v>
      </c>
      <c r="BG12" s="280">
        <v>0</v>
      </c>
      <c r="BH12" s="277">
        <v>0</v>
      </c>
      <c r="BI12" s="279">
        <v>0</v>
      </c>
      <c r="BJ12" s="280">
        <v>57</v>
      </c>
      <c r="BK12" s="280">
        <v>35</v>
      </c>
      <c r="BL12" s="280">
        <v>23</v>
      </c>
      <c r="BM12" s="280">
        <v>18</v>
      </c>
      <c r="BN12" s="280">
        <v>4</v>
      </c>
      <c r="BO12" s="277">
        <v>137</v>
      </c>
      <c r="BP12" s="282">
        <v>137</v>
      </c>
      <c r="BQ12" s="276">
        <v>6</v>
      </c>
      <c r="BR12" s="280">
        <v>8</v>
      </c>
      <c r="BS12" s="277">
        <v>14</v>
      </c>
      <c r="BT12" s="279">
        <v>0</v>
      </c>
      <c r="BU12" s="280">
        <v>14</v>
      </c>
      <c r="BV12" s="280">
        <v>16</v>
      </c>
      <c r="BW12" s="280">
        <v>5</v>
      </c>
      <c r="BX12" s="280">
        <v>14</v>
      </c>
      <c r="BY12" s="280">
        <v>1</v>
      </c>
      <c r="BZ12" s="277">
        <v>50</v>
      </c>
      <c r="CA12" s="282">
        <v>64</v>
      </c>
      <c r="CB12" s="276">
        <v>0</v>
      </c>
      <c r="CC12" s="280">
        <v>2</v>
      </c>
      <c r="CD12" s="277">
        <v>2</v>
      </c>
      <c r="CE12" s="279">
        <v>0</v>
      </c>
      <c r="CF12" s="280">
        <v>4</v>
      </c>
      <c r="CG12" s="280">
        <v>10</v>
      </c>
      <c r="CH12" s="280">
        <v>14</v>
      </c>
      <c r="CI12" s="280">
        <v>10</v>
      </c>
      <c r="CJ12" s="280">
        <v>6</v>
      </c>
      <c r="CK12" s="277">
        <v>44</v>
      </c>
      <c r="CL12" s="282">
        <v>46</v>
      </c>
      <c r="CM12" s="276">
        <v>0</v>
      </c>
      <c r="CN12" s="280">
        <v>0</v>
      </c>
      <c r="CO12" s="277">
        <v>0</v>
      </c>
      <c r="CP12" s="279">
        <v>0</v>
      </c>
      <c r="CQ12" s="280">
        <v>1</v>
      </c>
      <c r="CR12" s="280">
        <v>2</v>
      </c>
      <c r="CS12" s="280">
        <v>1</v>
      </c>
      <c r="CT12" s="280">
        <v>2</v>
      </c>
      <c r="CU12" s="280">
        <v>2</v>
      </c>
      <c r="CV12" s="277">
        <v>8</v>
      </c>
      <c r="CW12" s="282">
        <v>8</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7</v>
      </c>
      <c r="DU12" s="280">
        <v>38</v>
      </c>
      <c r="DV12" s="277">
        <v>65</v>
      </c>
      <c r="DW12" s="279">
        <v>0</v>
      </c>
      <c r="DX12" s="280">
        <v>91</v>
      </c>
      <c r="DY12" s="280">
        <v>102</v>
      </c>
      <c r="DZ12" s="280">
        <v>70</v>
      </c>
      <c r="EA12" s="280">
        <v>66</v>
      </c>
      <c r="EB12" s="280">
        <v>38</v>
      </c>
      <c r="EC12" s="277">
        <v>367</v>
      </c>
      <c r="ED12" s="282">
        <v>432</v>
      </c>
      <c r="EE12" s="276">
        <v>9</v>
      </c>
      <c r="EF12" s="280">
        <v>8</v>
      </c>
      <c r="EG12" s="277">
        <v>17</v>
      </c>
      <c r="EH12" s="279">
        <v>0</v>
      </c>
      <c r="EI12" s="280">
        <v>32</v>
      </c>
      <c r="EJ12" s="280">
        <v>19</v>
      </c>
      <c r="EK12" s="280">
        <v>17</v>
      </c>
      <c r="EL12" s="280">
        <v>33</v>
      </c>
      <c r="EM12" s="280">
        <v>17</v>
      </c>
      <c r="EN12" s="277">
        <v>118</v>
      </c>
      <c r="EO12" s="282">
        <v>135</v>
      </c>
      <c r="EP12" s="276">
        <v>34</v>
      </c>
      <c r="EQ12" s="280">
        <v>53</v>
      </c>
      <c r="ER12" s="277">
        <v>87</v>
      </c>
      <c r="ES12" s="279">
        <v>0</v>
      </c>
      <c r="ET12" s="280">
        <v>187</v>
      </c>
      <c r="EU12" s="280">
        <v>138</v>
      </c>
      <c r="EV12" s="280">
        <v>79</v>
      </c>
      <c r="EW12" s="280">
        <v>69</v>
      </c>
      <c r="EX12" s="280">
        <v>39</v>
      </c>
      <c r="EY12" s="277">
        <v>512</v>
      </c>
      <c r="EZ12" s="282">
        <v>599</v>
      </c>
    </row>
    <row r="13" spans="2:156" ht="21" customHeight="1" x14ac:dyDescent="0.2">
      <c r="B13" s="261" t="s">
        <v>10</v>
      </c>
      <c r="C13" s="276">
        <v>0</v>
      </c>
      <c r="D13" s="280">
        <v>0</v>
      </c>
      <c r="E13" s="382">
        <v>0</v>
      </c>
      <c r="F13" s="279">
        <v>0</v>
      </c>
      <c r="G13" s="280">
        <v>98</v>
      </c>
      <c r="H13" s="280">
        <v>51</v>
      </c>
      <c r="I13" s="280">
        <v>30</v>
      </c>
      <c r="J13" s="280">
        <v>29</v>
      </c>
      <c r="K13" s="280">
        <v>27</v>
      </c>
      <c r="L13" s="281">
        <v>235</v>
      </c>
      <c r="M13" s="282">
        <v>235</v>
      </c>
      <c r="N13" s="276">
        <v>0</v>
      </c>
      <c r="O13" s="280">
        <v>0</v>
      </c>
      <c r="P13" s="277">
        <v>0</v>
      </c>
      <c r="Q13" s="279">
        <v>0</v>
      </c>
      <c r="R13" s="280">
        <v>1</v>
      </c>
      <c r="S13" s="280">
        <v>2</v>
      </c>
      <c r="T13" s="280">
        <v>2</v>
      </c>
      <c r="U13" s="280">
        <v>3</v>
      </c>
      <c r="V13" s="280">
        <v>8</v>
      </c>
      <c r="W13" s="277">
        <v>16</v>
      </c>
      <c r="X13" s="282">
        <v>16</v>
      </c>
      <c r="Y13" s="276">
        <v>16</v>
      </c>
      <c r="Z13" s="280">
        <v>32</v>
      </c>
      <c r="AA13" s="277">
        <v>48</v>
      </c>
      <c r="AB13" s="279">
        <v>0</v>
      </c>
      <c r="AC13" s="280">
        <v>67</v>
      </c>
      <c r="AD13" s="280">
        <v>46</v>
      </c>
      <c r="AE13" s="280">
        <v>19</v>
      </c>
      <c r="AF13" s="280">
        <v>19</v>
      </c>
      <c r="AG13" s="280">
        <v>17</v>
      </c>
      <c r="AH13" s="277">
        <v>168</v>
      </c>
      <c r="AI13" s="282">
        <v>216</v>
      </c>
      <c r="AJ13" s="276">
        <v>3</v>
      </c>
      <c r="AK13" s="280">
        <v>3</v>
      </c>
      <c r="AL13" s="277">
        <v>6</v>
      </c>
      <c r="AM13" s="279">
        <v>0</v>
      </c>
      <c r="AN13" s="280">
        <v>7</v>
      </c>
      <c r="AO13" s="280">
        <v>11</v>
      </c>
      <c r="AP13" s="280">
        <v>6</v>
      </c>
      <c r="AQ13" s="280">
        <v>1</v>
      </c>
      <c r="AR13" s="280">
        <v>2</v>
      </c>
      <c r="AS13" s="277">
        <v>27</v>
      </c>
      <c r="AT13" s="282">
        <v>33</v>
      </c>
      <c r="AU13" s="276">
        <v>25</v>
      </c>
      <c r="AV13" s="280">
        <v>23</v>
      </c>
      <c r="AW13" s="277">
        <v>48</v>
      </c>
      <c r="AX13" s="279">
        <v>0</v>
      </c>
      <c r="AY13" s="280">
        <v>102</v>
      </c>
      <c r="AZ13" s="280">
        <v>81</v>
      </c>
      <c r="BA13" s="280">
        <v>60</v>
      </c>
      <c r="BB13" s="280">
        <v>66</v>
      </c>
      <c r="BC13" s="280">
        <v>62</v>
      </c>
      <c r="BD13" s="281">
        <v>371</v>
      </c>
      <c r="BE13" s="282">
        <v>419</v>
      </c>
      <c r="BF13" s="276">
        <v>0</v>
      </c>
      <c r="BG13" s="280">
        <v>0</v>
      </c>
      <c r="BH13" s="277">
        <v>0</v>
      </c>
      <c r="BI13" s="279">
        <v>0</v>
      </c>
      <c r="BJ13" s="280">
        <v>117</v>
      </c>
      <c r="BK13" s="280">
        <v>67</v>
      </c>
      <c r="BL13" s="280">
        <v>35</v>
      </c>
      <c r="BM13" s="280">
        <v>13</v>
      </c>
      <c r="BN13" s="280">
        <v>6</v>
      </c>
      <c r="BO13" s="277">
        <v>238</v>
      </c>
      <c r="BP13" s="282">
        <v>238</v>
      </c>
      <c r="BQ13" s="276">
        <v>3</v>
      </c>
      <c r="BR13" s="280">
        <v>6</v>
      </c>
      <c r="BS13" s="277">
        <v>9</v>
      </c>
      <c r="BT13" s="279">
        <v>0</v>
      </c>
      <c r="BU13" s="280">
        <v>28</v>
      </c>
      <c r="BV13" s="280">
        <v>20</v>
      </c>
      <c r="BW13" s="280">
        <v>5</v>
      </c>
      <c r="BX13" s="280">
        <v>2</v>
      </c>
      <c r="BY13" s="280">
        <v>0</v>
      </c>
      <c r="BZ13" s="277">
        <v>55</v>
      </c>
      <c r="CA13" s="282">
        <v>64</v>
      </c>
      <c r="CB13" s="276">
        <v>1</v>
      </c>
      <c r="CC13" s="280">
        <v>2</v>
      </c>
      <c r="CD13" s="277">
        <v>3</v>
      </c>
      <c r="CE13" s="279">
        <v>0</v>
      </c>
      <c r="CF13" s="280">
        <v>11</v>
      </c>
      <c r="CG13" s="280">
        <v>11</v>
      </c>
      <c r="CH13" s="280">
        <v>16</v>
      </c>
      <c r="CI13" s="280">
        <v>7</v>
      </c>
      <c r="CJ13" s="280">
        <v>3</v>
      </c>
      <c r="CK13" s="277">
        <v>48</v>
      </c>
      <c r="CL13" s="282">
        <v>51</v>
      </c>
      <c r="CM13" s="276">
        <v>0</v>
      </c>
      <c r="CN13" s="280">
        <v>0</v>
      </c>
      <c r="CO13" s="277">
        <v>0</v>
      </c>
      <c r="CP13" s="279">
        <v>0</v>
      </c>
      <c r="CQ13" s="280">
        <v>1</v>
      </c>
      <c r="CR13" s="280">
        <v>3</v>
      </c>
      <c r="CS13" s="280">
        <v>0</v>
      </c>
      <c r="CT13" s="280">
        <v>0</v>
      </c>
      <c r="CU13" s="280">
        <v>0</v>
      </c>
      <c r="CV13" s="277">
        <v>4</v>
      </c>
      <c r="CW13" s="282">
        <v>4</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56</v>
      </c>
      <c r="DU13" s="280">
        <v>95</v>
      </c>
      <c r="DV13" s="277">
        <v>151</v>
      </c>
      <c r="DW13" s="279">
        <v>0</v>
      </c>
      <c r="DX13" s="280">
        <v>144</v>
      </c>
      <c r="DY13" s="280">
        <v>123</v>
      </c>
      <c r="DZ13" s="280">
        <v>57</v>
      </c>
      <c r="EA13" s="280">
        <v>48</v>
      </c>
      <c r="EB13" s="280">
        <v>37</v>
      </c>
      <c r="EC13" s="277">
        <v>409</v>
      </c>
      <c r="ED13" s="282">
        <v>560</v>
      </c>
      <c r="EE13" s="276">
        <v>13</v>
      </c>
      <c r="EF13" s="280">
        <v>6</v>
      </c>
      <c r="EG13" s="277">
        <v>19</v>
      </c>
      <c r="EH13" s="279">
        <v>0</v>
      </c>
      <c r="EI13" s="280">
        <v>32</v>
      </c>
      <c r="EJ13" s="280">
        <v>32</v>
      </c>
      <c r="EK13" s="280">
        <v>19</v>
      </c>
      <c r="EL13" s="280">
        <v>27</v>
      </c>
      <c r="EM13" s="280">
        <v>25</v>
      </c>
      <c r="EN13" s="277">
        <v>135</v>
      </c>
      <c r="EO13" s="282">
        <v>154</v>
      </c>
      <c r="EP13" s="276">
        <v>72</v>
      </c>
      <c r="EQ13" s="280">
        <v>112</v>
      </c>
      <c r="ER13" s="277">
        <v>184</v>
      </c>
      <c r="ES13" s="279">
        <v>0</v>
      </c>
      <c r="ET13" s="280">
        <v>255</v>
      </c>
      <c r="EU13" s="280">
        <v>161</v>
      </c>
      <c r="EV13" s="280">
        <v>71</v>
      </c>
      <c r="EW13" s="280">
        <v>53</v>
      </c>
      <c r="EX13" s="280">
        <v>37</v>
      </c>
      <c r="EY13" s="277">
        <v>577</v>
      </c>
      <c r="EZ13" s="282">
        <v>761</v>
      </c>
    </row>
    <row r="14" spans="2:156" ht="21" customHeight="1" x14ac:dyDescent="0.2">
      <c r="B14" s="261" t="s">
        <v>11</v>
      </c>
      <c r="C14" s="276">
        <v>0</v>
      </c>
      <c r="D14" s="280">
        <v>0</v>
      </c>
      <c r="E14" s="382">
        <v>0</v>
      </c>
      <c r="F14" s="279">
        <v>0</v>
      </c>
      <c r="G14" s="280">
        <v>17</v>
      </c>
      <c r="H14" s="280">
        <v>10</v>
      </c>
      <c r="I14" s="280">
        <v>10</v>
      </c>
      <c r="J14" s="280">
        <v>13</v>
      </c>
      <c r="K14" s="280">
        <v>6</v>
      </c>
      <c r="L14" s="281">
        <v>56</v>
      </c>
      <c r="M14" s="282">
        <v>56</v>
      </c>
      <c r="N14" s="276">
        <v>0</v>
      </c>
      <c r="O14" s="280">
        <v>0</v>
      </c>
      <c r="P14" s="277">
        <v>0</v>
      </c>
      <c r="Q14" s="279">
        <v>0</v>
      </c>
      <c r="R14" s="280">
        <v>0</v>
      </c>
      <c r="S14" s="280">
        <v>0</v>
      </c>
      <c r="T14" s="280">
        <v>0</v>
      </c>
      <c r="U14" s="280">
        <v>5</v>
      </c>
      <c r="V14" s="280">
        <v>4</v>
      </c>
      <c r="W14" s="277">
        <v>9</v>
      </c>
      <c r="X14" s="282">
        <v>9</v>
      </c>
      <c r="Y14" s="276">
        <v>4</v>
      </c>
      <c r="Z14" s="280">
        <v>2</v>
      </c>
      <c r="AA14" s="277">
        <v>6</v>
      </c>
      <c r="AB14" s="279">
        <v>0</v>
      </c>
      <c r="AC14" s="280">
        <v>20</v>
      </c>
      <c r="AD14" s="280">
        <v>16</v>
      </c>
      <c r="AE14" s="280">
        <v>10</v>
      </c>
      <c r="AF14" s="280">
        <v>13</v>
      </c>
      <c r="AG14" s="280">
        <v>4</v>
      </c>
      <c r="AH14" s="277">
        <v>63</v>
      </c>
      <c r="AI14" s="282">
        <v>69</v>
      </c>
      <c r="AJ14" s="276">
        <v>0</v>
      </c>
      <c r="AK14" s="280">
        <v>1</v>
      </c>
      <c r="AL14" s="277">
        <v>1</v>
      </c>
      <c r="AM14" s="279">
        <v>0</v>
      </c>
      <c r="AN14" s="280">
        <v>1</v>
      </c>
      <c r="AO14" s="280">
        <v>2</v>
      </c>
      <c r="AP14" s="280">
        <v>0</v>
      </c>
      <c r="AQ14" s="280">
        <v>2</v>
      </c>
      <c r="AR14" s="280">
        <v>1</v>
      </c>
      <c r="AS14" s="277">
        <v>6</v>
      </c>
      <c r="AT14" s="282">
        <v>7</v>
      </c>
      <c r="AU14" s="276">
        <v>4</v>
      </c>
      <c r="AV14" s="280">
        <v>0</v>
      </c>
      <c r="AW14" s="277">
        <v>4</v>
      </c>
      <c r="AX14" s="279">
        <v>0</v>
      </c>
      <c r="AY14" s="280">
        <v>24</v>
      </c>
      <c r="AZ14" s="280">
        <v>22</v>
      </c>
      <c r="BA14" s="280">
        <v>24</v>
      </c>
      <c r="BB14" s="280">
        <v>31</v>
      </c>
      <c r="BC14" s="280">
        <v>11</v>
      </c>
      <c r="BD14" s="281">
        <v>112</v>
      </c>
      <c r="BE14" s="282">
        <v>116</v>
      </c>
      <c r="BF14" s="276">
        <v>0</v>
      </c>
      <c r="BG14" s="280">
        <v>0</v>
      </c>
      <c r="BH14" s="277">
        <v>0</v>
      </c>
      <c r="BI14" s="279">
        <v>0</v>
      </c>
      <c r="BJ14" s="280">
        <v>18</v>
      </c>
      <c r="BK14" s="280">
        <v>12</v>
      </c>
      <c r="BL14" s="280">
        <v>11</v>
      </c>
      <c r="BM14" s="280">
        <v>11</v>
      </c>
      <c r="BN14" s="280">
        <v>3</v>
      </c>
      <c r="BO14" s="277">
        <v>55</v>
      </c>
      <c r="BP14" s="282">
        <v>55</v>
      </c>
      <c r="BQ14" s="276">
        <v>3</v>
      </c>
      <c r="BR14" s="280">
        <v>4</v>
      </c>
      <c r="BS14" s="277">
        <v>7</v>
      </c>
      <c r="BT14" s="279">
        <v>0</v>
      </c>
      <c r="BU14" s="280">
        <v>11</v>
      </c>
      <c r="BV14" s="280">
        <v>10</v>
      </c>
      <c r="BW14" s="280">
        <v>6</v>
      </c>
      <c r="BX14" s="280">
        <v>3</v>
      </c>
      <c r="BY14" s="280">
        <v>2</v>
      </c>
      <c r="BZ14" s="277">
        <v>32</v>
      </c>
      <c r="CA14" s="282">
        <v>39</v>
      </c>
      <c r="CB14" s="276">
        <v>0</v>
      </c>
      <c r="CC14" s="280">
        <v>0</v>
      </c>
      <c r="CD14" s="277">
        <v>0</v>
      </c>
      <c r="CE14" s="279">
        <v>0</v>
      </c>
      <c r="CF14" s="280">
        <v>7</v>
      </c>
      <c r="CG14" s="280">
        <v>4</v>
      </c>
      <c r="CH14" s="280">
        <v>3</v>
      </c>
      <c r="CI14" s="280">
        <v>4</v>
      </c>
      <c r="CJ14" s="280">
        <v>2</v>
      </c>
      <c r="CK14" s="277">
        <v>20</v>
      </c>
      <c r="CL14" s="282">
        <v>20</v>
      </c>
      <c r="CM14" s="276">
        <v>0</v>
      </c>
      <c r="CN14" s="280">
        <v>0</v>
      </c>
      <c r="CO14" s="277">
        <v>0</v>
      </c>
      <c r="CP14" s="279">
        <v>0</v>
      </c>
      <c r="CQ14" s="280">
        <v>0</v>
      </c>
      <c r="CR14" s="280">
        <v>0</v>
      </c>
      <c r="CS14" s="280">
        <v>1</v>
      </c>
      <c r="CT14" s="280">
        <v>0</v>
      </c>
      <c r="CU14" s="280">
        <v>3</v>
      </c>
      <c r="CV14" s="277">
        <v>4</v>
      </c>
      <c r="CW14" s="282">
        <v>4</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3</v>
      </c>
      <c r="DU14" s="280">
        <v>16</v>
      </c>
      <c r="DV14" s="277">
        <v>29</v>
      </c>
      <c r="DW14" s="279">
        <v>0</v>
      </c>
      <c r="DX14" s="280">
        <v>42</v>
      </c>
      <c r="DY14" s="280">
        <v>34</v>
      </c>
      <c r="DZ14" s="280">
        <v>30</v>
      </c>
      <c r="EA14" s="280">
        <v>29</v>
      </c>
      <c r="EB14" s="280">
        <v>10</v>
      </c>
      <c r="EC14" s="277">
        <v>145</v>
      </c>
      <c r="ED14" s="282">
        <v>174</v>
      </c>
      <c r="EE14" s="276">
        <v>2</v>
      </c>
      <c r="EF14" s="280">
        <v>1</v>
      </c>
      <c r="EG14" s="277">
        <v>3</v>
      </c>
      <c r="EH14" s="279">
        <v>0</v>
      </c>
      <c r="EI14" s="280">
        <v>21</v>
      </c>
      <c r="EJ14" s="280">
        <v>7</v>
      </c>
      <c r="EK14" s="280">
        <v>15</v>
      </c>
      <c r="EL14" s="280">
        <v>14</v>
      </c>
      <c r="EM14" s="280">
        <v>5</v>
      </c>
      <c r="EN14" s="277">
        <v>62</v>
      </c>
      <c r="EO14" s="282">
        <v>65</v>
      </c>
      <c r="EP14" s="276">
        <v>18</v>
      </c>
      <c r="EQ14" s="280">
        <v>19</v>
      </c>
      <c r="ER14" s="277">
        <v>37</v>
      </c>
      <c r="ES14" s="279">
        <v>0</v>
      </c>
      <c r="ET14" s="280">
        <v>90</v>
      </c>
      <c r="EU14" s="280">
        <v>47</v>
      </c>
      <c r="EV14" s="280">
        <v>34</v>
      </c>
      <c r="EW14" s="280">
        <v>31</v>
      </c>
      <c r="EX14" s="280">
        <v>10</v>
      </c>
      <c r="EY14" s="277">
        <v>212</v>
      </c>
      <c r="EZ14" s="282">
        <v>249</v>
      </c>
    </row>
    <row r="15" spans="2:156" ht="21" customHeight="1" x14ac:dyDescent="0.2">
      <c r="B15" s="261" t="s">
        <v>12</v>
      </c>
      <c r="C15" s="276">
        <v>0</v>
      </c>
      <c r="D15" s="280">
        <v>0</v>
      </c>
      <c r="E15" s="382">
        <v>0</v>
      </c>
      <c r="F15" s="279">
        <v>0</v>
      </c>
      <c r="G15" s="280">
        <v>40</v>
      </c>
      <c r="H15" s="280">
        <v>28</v>
      </c>
      <c r="I15" s="280">
        <v>27</v>
      </c>
      <c r="J15" s="280">
        <v>14</v>
      </c>
      <c r="K15" s="280">
        <v>18</v>
      </c>
      <c r="L15" s="281">
        <v>127</v>
      </c>
      <c r="M15" s="282">
        <v>127</v>
      </c>
      <c r="N15" s="276">
        <v>0</v>
      </c>
      <c r="O15" s="280">
        <v>0</v>
      </c>
      <c r="P15" s="277">
        <v>0</v>
      </c>
      <c r="Q15" s="279">
        <v>0</v>
      </c>
      <c r="R15" s="280">
        <v>0</v>
      </c>
      <c r="S15" s="280">
        <v>1</v>
      </c>
      <c r="T15" s="280">
        <v>0</v>
      </c>
      <c r="U15" s="280">
        <v>1</v>
      </c>
      <c r="V15" s="280">
        <v>10</v>
      </c>
      <c r="W15" s="277">
        <v>12</v>
      </c>
      <c r="X15" s="282">
        <v>12</v>
      </c>
      <c r="Y15" s="276">
        <v>7</v>
      </c>
      <c r="Z15" s="280">
        <v>21</v>
      </c>
      <c r="AA15" s="277">
        <v>28</v>
      </c>
      <c r="AB15" s="279">
        <v>0</v>
      </c>
      <c r="AC15" s="280">
        <v>27</v>
      </c>
      <c r="AD15" s="280">
        <v>19</v>
      </c>
      <c r="AE15" s="280">
        <v>16</v>
      </c>
      <c r="AF15" s="280">
        <v>13</v>
      </c>
      <c r="AG15" s="280">
        <v>12</v>
      </c>
      <c r="AH15" s="277">
        <v>87</v>
      </c>
      <c r="AI15" s="282">
        <v>115</v>
      </c>
      <c r="AJ15" s="276">
        <v>0</v>
      </c>
      <c r="AK15" s="280">
        <v>2</v>
      </c>
      <c r="AL15" s="277">
        <v>2</v>
      </c>
      <c r="AM15" s="279">
        <v>0</v>
      </c>
      <c r="AN15" s="280">
        <v>4</v>
      </c>
      <c r="AO15" s="280">
        <v>3</v>
      </c>
      <c r="AP15" s="280">
        <v>3</v>
      </c>
      <c r="AQ15" s="280">
        <v>2</v>
      </c>
      <c r="AR15" s="280">
        <v>0</v>
      </c>
      <c r="AS15" s="277">
        <v>12</v>
      </c>
      <c r="AT15" s="282">
        <v>14</v>
      </c>
      <c r="AU15" s="276">
        <v>11</v>
      </c>
      <c r="AV15" s="280">
        <v>8</v>
      </c>
      <c r="AW15" s="277">
        <v>19</v>
      </c>
      <c r="AX15" s="279">
        <v>0</v>
      </c>
      <c r="AY15" s="280">
        <v>21</v>
      </c>
      <c r="AZ15" s="280">
        <v>18</v>
      </c>
      <c r="BA15" s="280">
        <v>25</v>
      </c>
      <c r="BB15" s="280">
        <v>37</v>
      </c>
      <c r="BC15" s="280">
        <v>20</v>
      </c>
      <c r="BD15" s="281">
        <v>121</v>
      </c>
      <c r="BE15" s="282">
        <v>140</v>
      </c>
      <c r="BF15" s="276">
        <v>0</v>
      </c>
      <c r="BG15" s="280">
        <v>0</v>
      </c>
      <c r="BH15" s="277">
        <v>0</v>
      </c>
      <c r="BI15" s="279">
        <v>0</v>
      </c>
      <c r="BJ15" s="280">
        <v>46</v>
      </c>
      <c r="BK15" s="280">
        <v>31</v>
      </c>
      <c r="BL15" s="280">
        <v>11</v>
      </c>
      <c r="BM15" s="280">
        <v>10</v>
      </c>
      <c r="BN15" s="280">
        <v>7</v>
      </c>
      <c r="BO15" s="277">
        <v>105</v>
      </c>
      <c r="BP15" s="282">
        <v>105</v>
      </c>
      <c r="BQ15" s="276">
        <v>15</v>
      </c>
      <c r="BR15" s="280">
        <v>7</v>
      </c>
      <c r="BS15" s="277">
        <v>22</v>
      </c>
      <c r="BT15" s="279">
        <v>0</v>
      </c>
      <c r="BU15" s="280">
        <v>14</v>
      </c>
      <c r="BV15" s="280">
        <v>10</v>
      </c>
      <c r="BW15" s="280">
        <v>8</v>
      </c>
      <c r="BX15" s="280">
        <v>6</v>
      </c>
      <c r="BY15" s="280">
        <v>1</v>
      </c>
      <c r="BZ15" s="277">
        <v>39</v>
      </c>
      <c r="CA15" s="282">
        <v>61</v>
      </c>
      <c r="CB15" s="276">
        <v>0</v>
      </c>
      <c r="CC15" s="280">
        <v>1</v>
      </c>
      <c r="CD15" s="277">
        <v>1</v>
      </c>
      <c r="CE15" s="279">
        <v>0</v>
      </c>
      <c r="CF15" s="280">
        <v>9</v>
      </c>
      <c r="CG15" s="280">
        <v>6</v>
      </c>
      <c r="CH15" s="280">
        <v>8</v>
      </c>
      <c r="CI15" s="280">
        <v>8</v>
      </c>
      <c r="CJ15" s="280">
        <v>2</v>
      </c>
      <c r="CK15" s="277">
        <v>33</v>
      </c>
      <c r="CL15" s="282">
        <v>34</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2</v>
      </c>
      <c r="DU15" s="280">
        <v>46</v>
      </c>
      <c r="DV15" s="277">
        <v>68</v>
      </c>
      <c r="DW15" s="279">
        <v>0</v>
      </c>
      <c r="DX15" s="280">
        <v>45</v>
      </c>
      <c r="DY15" s="280">
        <v>56</v>
      </c>
      <c r="DZ15" s="280">
        <v>46</v>
      </c>
      <c r="EA15" s="280">
        <v>47</v>
      </c>
      <c r="EB15" s="280">
        <v>23</v>
      </c>
      <c r="EC15" s="277">
        <v>217</v>
      </c>
      <c r="ED15" s="282">
        <v>285</v>
      </c>
      <c r="EE15" s="276">
        <v>8</v>
      </c>
      <c r="EF15" s="280">
        <v>5</v>
      </c>
      <c r="EG15" s="277">
        <v>13</v>
      </c>
      <c r="EH15" s="279">
        <v>0</v>
      </c>
      <c r="EI15" s="280">
        <v>6</v>
      </c>
      <c r="EJ15" s="280">
        <v>6</v>
      </c>
      <c r="EK15" s="280">
        <v>10</v>
      </c>
      <c r="EL15" s="280">
        <v>14</v>
      </c>
      <c r="EM15" s="280">
        <v>6</v>
      </c>
      <c r="EN15" s="277">
        <v>42</v>
      </c>
      <c r="EO15" s="282">
        <v>55</v>
      </c>
      <c r="EP15" s="276">
        <v>43</v>
      </c>
      <c r="EQ15" s="280">
        <v>56</v>
      </c>
      <c r="ER15" s="277">
        <v>99</v>
      </c>
      <c r="ES15" s="279">
        <v>0</v>
      </c>
      <c r="ET15" s="280">
        <v>119</v>
      </c>
      <c r="EU15" s="280">
        <v>77</v>
      </c>
      <c r="EV15" s="280">
        <v>52</v>
      </c>
      <c r="EW15" s="280">
        <v>45</v>
      </c>
      <c r="EX15" s="280">
        <v>24</v>
      </c>
      <c r="EY15" s="277">
        <v>317</v>
      </c>
      <c r="EZ15" s="282">
        <v>416</v>
      </c>
    </row>
    <row r="16" spans="2:156" ht="21" customHeight="1" x14ac:dyDescent="0.2">
      <c r="B16" s="261" t="s">
        <v>13</v>
      </c>
      <c r="C16" s="276">
        <v>0</v>
      </c>
      <c r="D16" s="280">
        <v>0</v>
      </c>
      <c r="E16" s="382">
        <v>0</v>
      </c>
      <c r="F16" s="279">
        <v>0</v>
      </c>
      <c r="G16" s="280">
        <v>20</v>
      </c>
      <c r="H16" s="280">
        <v>27</v>
      </c>
      <c r="I16" s="280">
        <v>13</v>
      </c>
      <c r="J16" s="280">
        <v>7</v>
      </c>
      <c r="K16" s="280">
        <v>14</v>
      </c>
      <c r="L16" s="281">
        <v>81</v>
      </c>
      <c r="M16" s="282">
        <v>81</v>
      </c>
      <c r="N16" s="276">
        <v>0</v>
      </c>
      <c r="O16" s="280">
        <v>0</v>
      </c>
      <c r="P16" s="277">
        <v>0</v>
      </c>
      <c r="Q16" s="279">
        <v>0</v>
      </c>
      <c r="R16" s="280">
        <v>0</v>
      </c>
      <c r="S16" s="280">
        <v>0</v>
      </c>
      <c r="T16" s="280">
        <v>1</v>
      </c>
      <c r="U16" s="280">
        <v>2</v>
      </c>
      <c r="V16" s="280">
        <v>0</v>
      </c>
      <c r="W16" s="277">
        <v>3</v>
      </c>
      <c r="X16" s="282">
        <v>3</v>
      </c>
      <c r="Y16" s="276">
        <v>1</v>
      </c>
      <c r="Z16" s="280">
        <v>3</v>
      </c>
      <c r="AA16" s="277">
        <v>4</v>
      </c>
      <c r="AB16" s="279">
        <v>0</v>
      </c>
      <c r="AC16" s="280">
        <v>13</v>
      </c>
      <c r="AD16" s="280">
        <v>15</v>
      </c>
      <c r="AE16" s="280">
        <v>7</v>
      </c>
      <c r="AF16" s="280">
        <v>11</v>
      </c>
      <c r="AG16" s="280">
        <v>7</v>
      </c>
      <c r="AH16" s="277">
        <v>53</v>
      </c>
      <c r="AI16" s="282">
        <v>57</v>
      </c>
      <c r="AJ16" s="276">
        <v>0</v>
      </c>
      <c r="AK16" s="280">
        <v>0</v>
      </c>
      <c r="AL16" s="277">
        <v>0</v>
      </c>
      <c r="AM16" s="279">
        <v>0</v>
      </c>
      <c r="AN16" s="280">
        <v>1</v>
      </c>
      <c r="AO16" s="280">
        <v>4</v>
      </c>
      <c r="AP16" s="280">
        <v>0</v>
      </c>
      <c r="AQ16" s="280">
        <v>2</v>
      </c>
      <c r="AR16" s="280">
        <v>4</v>
      </c>
      <c r="AS16" s="277">
        <v>11</v>
      </c>
      <c r="AT16" s="282">
        <v>11</v>
      </c>
      <c r="AU16" s="276">
        <v>5</v>
      </c>
      <c r="AV16" s="280">
        <v>6</v>
      </c>
      <c r="AW16" s="277">
        <v>11</v>
      </c>
      <c r="AX16" s="279">
        <v>0</v>
      </c>
      <c r="AY16" s="280">
        <v>19</v>
      </c>
      <c r="AZ16" s="280">
        <v>28</v>
      </c>
      <c r="BA16" s="280">
        <v>18</v>
      </c>
      <c r="BB16" s="280">
        <v>20</v>
      </c>
      <c r="BC16" s="280">
        <v>19</v>
      </c>
      <c r="BD16" s="281">
        <v>104</v>
      </c>
      <c r="BE16" s="282">
        <v>115</v>
      </c>
      <c r="BF16" s="276">
        <v>0</v>
      </c>
      <c r="BG16" s="280">
        <v>0</v>
      </c>
      <c r="BH16" s="277">
        <v>0</v>
      </c>
      <c r="BI16" s="279">
        <v>0</v>
      </c>
      <c r="BJ16" s="280">
        <v>20</v>
      </c>
      <c r="BK16" s="280">
        <v>17</v>
      </c>
      <c r="BL16" s="280">
        <v>8</v>
      </c>
      <c r="BM16" s="280">
        <v>3</v>
      </c>
      <c r="BN16" s="280">
        <v>1</v>
      </c>
      <c r="BO16" s="277">
        <v>49</v>
      </c>
      <c r="BP16" s="282">
        <v>49</v>
      </c>
      <c r="BQ16" s="276">
        <v>0</v>
      </c>
      <c r="BR16" s="280">
        <v>0</v>
      </c>
      <c r="BS16" s="277">
        <v>0</v>
      </c>
      <c r="BT16" s="279">
        <v>0</v>
      </c>
      <c r="BU16" s="280">
        <v>2</v>
      </c>
      <c r="BV16" s="280">
        <v>2</v>
      </c>
      <c r="BW16" s="280">
        <v>3</v>
      </c>
      <c r="BX16" s="280">
        <v>2</v>
      </c>
      <c r="BY16" s="280">
        <v>1</v>
      </c>
      <c r="BZ16" s="277">
        <v>10</v>
      </c>
      <c r="CA16" s="282">
        <v>10</v>
      </c>
      <c r="CB16" s="276">
        <v>0</v>
      </c>
      <c r="CC16" s="280">
        <v>0</v>
      </c>
      <c r="CD16" s="277">
        <v>0</v>
      </c>
      <c r="CE16" s="279">
        <v>0</v>
      </c>
      <c r="CF16" s="280">
        <v>0</v>
      </c>
      <c r="CG16" s="280">
        <v>4</v>
      </c>
      <c r="CH16" s="280">
        <v>1</v>
      </c>
      <c r="CI16" s="280">
        <v>1</v>
      </c>
      <c r="CJ16" s="280">
        <v>0</v>
      </c>
      <c r="CK16" s="277">
        <v>6</v>
      </c>
      <c r="CL16" s="282">
        <v>6</v>
      </c>
      <c r="CM16" s="276">
        <v>0</v>
      </c>
      <c r="CN16" s="280">
        <v>0</v>
      </c>
      <c r="CO16" s="277">
        <v>0</v>
      </c>
      <c r="CP16" s="279">
        <v>0</v>
      </c>
      <c r="CQ16" s="280">
        <v>0</v>
      </c>
      <c r="CR16" s="280">
        <v>0</v>
      </c>
      <c r="CS16" s="280">
        <v>0</v>
      </c>
      <c r="CT16" s="280">
        <v>1</v>
      </c>
      <c r="CU16" s="280">
        <v>0</v>
      </c>
      <c r="CV16" s="277">
        <v>1</v>
      </c>
      <c r="CW16" s="282">
        <v>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6</v>
      </c>
      <c r="DU16" s="280">
        <v>11</v>
      </c>
      <c r="DV16" s="277">
        <v>17</v>
      </c>
      <c r="DW16" s="279">
        <v>0</v>
      </c>
      <c r="DX16" s="280">
        <v>20</v>
      </c>
      <c r="DY16" s="280">
        <v>36</v>
      </c>
      <c r="DZ16" s="280">
        <v>18</v>
      </c>
      <c r="EA16" s="280">
        <v>12</v>
      </c>
      <c r="EB16" s="280">
        <v>17</v>
      </c>
      <c r="EC16" s="277">
        <v>103</v>
      </c>
      <c r="ED16" s="282">
        <v>120</v>
      </c>
      <c r="EE16" s="276">
        <v>4</v>
      </c>
      <c r="EF16" s="280">
        <v>2</v>
      </c>
      <c r="EG16" s="277">
        <v>6</v>
      </c>
      <c r="EH16" s="279">
        <v>0</v>
      </c>
      <c r="EI16" s="280">
        <v>10</v>
      </c>
      <c r="EJ16" s="280">
        <v>8</v>
      </c>
      <c r="EK16" s="280">
        <v>8</v>
      </c>
      <c r="EL16" s="280">
        <v>12</v>
      </c>
      <c r="EM16" s="280">
        <v>5</v>
      </c>
      <c r="EN16" s="277">
        <v>43</v>
      </c>
      <c r="EO16" s="282">
        <v>49</v>
      </c>
      <c r="EP16" s="276">
        <v>6</v>
      </c>
      <c r="EQ16" s="280">
        <v>12</v>
      </c>
      <c r="ER16" s="277">
        <v>18</v>
      </c>
      <c r="ES16" s="279">
        <v>0</v>
      </c>
      <c r="ET16" s="280">
        <v>48</v>
      </c>
      <c r="EU16" s="280">
        <v>61</v>
      </c>
      <c r="EV16" s="280">
        <v>26</v>
      </c>
      <c r="EW16" s="280">
        <v>14</v>
      </c>
      <c r="EX16" s="280">
        <v>16</v>
      </c>
      <c r="EY16" s="277">
        <v>165</v>
      </c>
      <c r="EZ16" s="282">
        <v>183</v>
      </c>
    </row>
    <row r="17" spans="2:156" ht="21" customHeight="1" x14ac:dyDescent="0.2">
      <c r="B17" s="261" t="s">
        <v>15</v>
      </c>
      <c r="C17" s="276">
        <v>0</v>
      </c>
      <c r="D17" s="280">
        <v>0</v>
      </c>
      <c r="E17" s="382">
        <v>0</v>
      </c>
      <c r="F17" s="279">
        <v>0</v>
      </c>
      <c r="G17" s="280">
        <v>5</v>
      </c>
      <c r="H17" s="280">
        <v>6</v>
      </c>
      <c r="I17" s="280">
        <v>1</v>
      </c>
      <c r="J17" s="280">
        <v>3</v>
      </c>
      <c r="K17" s="280">
        <v>4</v>
      </c>
      <c r="L17" s="281">
        <v>19</v>
      </c>
      <c r="M17" s="282">
        <v>19</v>
      </c>
      <c r="N17" s="276">
        <v>0</v>
      </c>
      <c r="O17" s="280">
        <v>0</v>
      </c>
      <c r="P17" s="277">
        <v>0</v>
      </c>
      <c r="Q17" s="279">
        <v>0</v>
      </c>
      <c r="R17" s="280">
        <v>0</v>
      </c>
      <c r="S17" s="280">
        <v>2</v>
      </c>
      <c r="T17" s="280">
        <v>0</v>
      </c>
      <c r="U17" s="280">
        <v>0</v>
      </c>
      <c r="V17" s="280">
        <v>3</v>
      </c>
      <c r="W17" s="277">
        <v>5</v>
      </c>
      <c r="X17" s="282">
        <v>5</v>
      </c>
      <c r="Y17" s="276">
        <v>0</v>
      </c>
      <c r="Z17" s="280">
        <v>1</v>
      </c>
      <c r="AA17" s="277">
        <v>1</v>
      </c>
      <c r="AB17" s="279">
        <v>0</v>
      </c>
      <c r="AC17" s="280">
        <v>2</v>
      </c>
      <c r="AD17" s="280">
        <v>1</v>
      </c>
      <c r="AE17" s="280">
        <v>2</v>
      </c>
      <c r="AF17" s="280">
        <v>5</v>
      </c>
      <c r="AG17" s="280">
        <v>4</v>
      </c>
      <c r="AH17" s="277">
        <v>14</v>
      </c>
      <c r="AI17" s="282">
        <v>15</v>
      </c>
      <c r="AJ17" s="276">
        <v>0</v>
      </c>
      <c r="AK17" s="280">
        <v>1</v>
      </c>
      <c r="AL17" s="277">
        <v>1</v>
      </c>
      <c r="AM17" s="279">
        <v>0</v>
      </c>
      <c r="AN17" s="280">
        <v>0</v>
      </c>
      <c r="AO17" s="280">
        <v>0</v>
      </c>
      <c r="AP17" s="280">
        <v>0</v>
      </c>
      <c r="AQ17" s="280">
        <v>0</v>
      </c>
      <c r="AR17" s="280">
        <v>2</v>
      </c>
      <c r="AS17" s="277">
        <v>2</v>
      </c>
      <c r="AT17" s="282">
        <v>3</v>
      </c>
      <c r="AU17" s="276">
        <v>1</v>
      </c>
      <c r="AV17" s="280">
        <v>1</v>
      </c>
      <c r="AW17" s="277">
        <v>2</v>
      </c>
      <c r="AX17" s="279">
        <v>0</v>
      </c>
      <c r="AY17" s="280">
        <v>2</v>
      </c>
      <c r="AZ17" s="280">
        <v>7</v>
      </c>
      <c r="BA17" s="280">
        <v>5</v>
      </c>
      <c r="BB17" s="280">
        <v>5</v>
      </c>
      <c r="BC17" s="280">
        <v>4</v>
      </c>
      <c r="BD17" s="281">
        <v>23</v>
      </c>
      <c r="BE17" s="282">
        <v>25</v>
      </c>
      <c r="BF17" s="276">
        <v>0</v>
      </c>
      <c r="BG17" s="280">
        <v>0</v>
      </c>
      <c r="BH17" s="277">
        <v>0</v>
      </c>
      <c r="BI17" s="279">
        <v>0</v>
      </c>
      <c r="BJ17" s="280">
        <v>3</v>
      </c>
      <c r="BK17" s="280">
        <v>3</v>
      </c>
      <c r="BL17" s="280">
        <v>0</v>
      </c>
      <c r="BM17" s="280">
        <v>2</v>
      </c>
      <c r="BN17" s="280">
        <v>0</v>
      </c>
      <c r="BO17" s="277">
        <v>8</v>
      </c>
      <c r="BP17" s="282">
        <v>8</v>
      </c>
      <c r="BQ17" s="276">
        <v>0</v>
      </c>
      <c r="BR17" s="280">
        <v>0</v>
      </c>
      <c r="BS17" s="277">
        <v>0</v>
      </c>
      <c r="BT17" s="279">
        <v>0</v>
      </c>
      <c r="BU17" s="280">
        <v>1</v>
      </c>
      <c r="BV17" s="280">
        <v>2</v>
      </c>
      <c r="BW17" s="280">
        <v>1</v>
      </c>
      <c r="BX17" s="280">
        <v>3</v>
      </c>
      <c r="BY17" s="280">
        <v>2</v>
      </c>
      <c r="BZ17" s="277">
        <v>9</v>
      </c>
      <c r="CA17" s="282">
        <v>9</v>
      </c>
      <c r="CB17" s="276">
        <v>0</v>
      </c>
      <c r="CC17" s="280">
        <v>0</v>
      </c>
      <c r="CD17" s="277">
        <v>0</v>
      </c>
      <c r="CE17" s="279">
        <v>0</v>
      </c>
      <c r="CF17" s="280">
        <v>0</v>
      </c>
      <c r="CG17" s="280">
        <v>0</v>
      </c>
      <c r="CH17" s="280">
        <v>3</v>
      </c>
      <c r="CI17" s="280">
        <v>2</v>
      </c>
      <c r="CJ17" s="280">
        <v>0</v>
      </c>
      <c r="CK17" s="277">
        <v>5</v>
      </c>
      <c r="CL17" s="282">
        <v>5</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3</v>
      </c>
      <c r="DV17" s="277">
        <v>4</v>
      </c>
      <c r="DW17" s="279">
        <v>0</v>
      </c>
      <c r="DX17" s="280">
        <v>8</v>
      </c>
      <c r="DY17" s="280">
        <v>11</v>
      </c>
      <c r="DZ17" s="280">
        <v>4</v>
      </c>
      <c r="EA17" s="280">
        <v>6</v>
      </c>
      <c r="EB17" s="280">
        <v>6</v>
      </c>
      <c r="EC17" s="277">
        <v>35</v>
      </c>
      <c r="ED17" s="282">
        <v>39</v>
      </c>
      <c r="EE17" s="276">
        <v>1</v>
      </c>
      <c r="EF17" s="280">
        <v>1</v>
      </c>
      <c r="EG17" s="277">
        <v>2</v>
      </c>
      <c r="EH17" s="279">
        <v>0</v>
      </c>
      <c r="EI17" s="280">
        <v>6</v>
      </c>
      <c r="EJ17" s="280">
        <v>3</v>
      </c>
      <c r="EK17" s="280">
        <v>2</v>
      </c>
      <c r="EL17" s="280">
        <v>3</v>
      </c>
      <c r="EM17" s="280">
        <v>1</v>
      </c>
      <c r="EN17" s="277">
        <v>15</v>
      </c>
      <c r="EO17" s="282">
        <v>17</v>
      </c>
      <c r="EP17" s="276">
        <v>1</v>
      </c>
      <c r="EQ17" s="280">
        <v>4</v>
      </c>
      <c r="ER17" s="277">
        <v>5</v>
      </c>
      <c r="ES17" s="279">
        <v>0</v>
      </c>
      <c r="ET17" s="280">
        <v>13</v>
      </c>
      <c r="EU17" s="280">
        <v>15</v>
      </c>
      <c r="EV17" s="280">
        <v>6</v>
      </c>
      <c r="EW17" s="280">
        <v>7</v>
      </c>
      <c r="EX17" s="280">
        <v>6</v>
      </c>
      <c r="EY17" s="277">
        <v>47</v>
      </c>
      <c r="EZ17" s="282">
        <v>52</v>
      </c>
    </row>
    <row r="18" spans="2:156" ht="21" customHeight="1" x14ac:dyDescent="0.2">
      <c r="B18" s="261" t="s">
        <v>16</v>
      </c>
      <c r="C18" s="276">
        <v>0</v>
      </c>
      <c r="D18" s="280">
        <v>0</v>
      </c>
      <c r="E18" s="382">
        <v>0</v>
      </c>
      <c r="F18" s="279">
        <v>0</v>
      </c>
      <c r="G18" s="280">
        <v>9</v>
      </c>
      <c r="H18" s="280">
        <v>15</v>
      </c>
      <c r="I18" s="280">
        <v>6</v>
      </c>
      <c r="J18" s="280">
        <v>6</v>
      </c>
      <c r="K18" s="280">
        <v>1</v>
      </c>
      <c r="L18" s="281">
        <v>37</v>
      </c>
      <c r="M18" s="282">
        <v>37</v>
      </c>
      <c r="N18" s="276">
        <v>0</v>
      </c>
      <c r="O18" s="280">
        <v>0</v>
      </c>
      <c r="P18" s="277">
        <v>0</v>
      </c>
      <c r="Q18" s="279">
        <v>0</v>
      </c>
      <c r="R18" s="280">
        <v>0</v>
      </c>
      <c r="S18" s="280">
        <v>0</v>
      </c>
      <c r="T18" s="280">
        <v>0</v>
      </c>
      <c r="U18" s="280">
        <v>1</v>
      </c>
      <c r="V18" s="280">
        <v>2</v>
      </c>
      <c r="W18" s="277">
        <v>3</v>
      </c>
      <c r="X18" s="282">
        <v>3</v>
      </c>
      <c r="Y18" s="276">
        <v>3</v>
      </c>
      <c r="Z18" s="280">
        <v>2</v>
      </c>
      <c r="AA18" s="277">
        <v>5</v>
      </c>
      <c r="AB18" s="279">
        <v>0</v>
      </c>
      <c r="AC18" s="280">
        <v>9</v>
      </c>
      <c r="AD18" s="280">
        <v>15</v>
      </c>
      <c r="AE18" s="280">
        <v>7</v>
      </c>
      <c r="AF18" s="280">
        <v>5</v>
      </c>
      <c r="AG18" s="280">
        <v>4</v>
      </c>
      <c r="AH18" s="277">
        <v>40</v>
      </c>
      <c r="AI18" s="282">
        <v>45</v>
      </c>
      <c r="AJ18" s="276">
        <v>0</v>
      </c>
      <c r="AK18" s="280">
        <v>0</v>
      </c>
      <c r="AL18" s="277">
        <v>0</v>
      </c>
      <c r="AM18" s="279">
        <v>0</v>
      </c>
      <c r="AN18" s="280">
        <v>1</v>
      </c>
      <c r="AO18" s="280">
        <v>1</v>
      </c>
      <c r="AP18" s="280">
        <v>1</v>
      </c>
      <c r="AQ18" s="280">
        <v>0</v>
      </c>
      <c r="AR18" s="280">
        <v>0</v>
      </c>
      <c r="AS18" s="277">
        <v>3</v>
      </c>
      <c r="AT18" s="282">
        <v>3</v>
      </c>
      <c r="AU18" s="276">
        <v>3</v>
      </c>
      <c r="AV18" s="280">
        <v>1</v>
      </c>
      <c r="AW18" s="277">
        <v>4</v>
      </c>
      <c r="AX18" s="279">
        <v>0</v>
      </c>
      <c r="AY18" s="280">
        <v>10</v>
      </c>
      <c r="AZ18" s="280">
        <v>15</v>
      </c>
      <c r="BA18" s="280">
        <v>16</v>
      </c>
      <c r="BB18" s="280">
        <v>17</v>
      </c>
      <c r="BC18" s="280">
        <v>13</v>
      </c>
      <c r="BD18" s="281">
        <v>71</v>
      </c>
      <c r="BE18" s="282">
        <v>75</v>
      </c>
      <c r="BF18" s="276">
        <v>0</v>
      </c>
      <c r="BG18" s="280">
        <v>0</v>
      </c>
      <c r="BH18" s="277">
        <v>0</v>
      </c>
      <c r="BI18" s="279">
        <v>0</v>
      </c>
      <c r="BJ18" s="280">
        <v>29</v>
      </c>
      <c r="BK18" s="280">
        <v>23</v>
      </c>
      <c r="BL18" s="280">
        <v>9</v>
      </c>
      <c r="BM18" s="280">
        <v>3</v>
      </c>
      <c r="BN18" s="280">
        <v>2</v>
      </c>
      <c r="BO18" s="277">
        <v>66</v>
      </c>
      <c r="BP18" s="282">
        <v>66</v>
      </c>
      <c r="BQ18" s="276">
        <v>2</v>
      </c>
      <c r="BR18" s="280">
        <v>5</v>
      </c>
      <c r="BS18" s="277">
        <v>7</v>
      </c>
      <c r="BT18" s="279">
        <v>0</v>
      </c>
      <c r="BU18" s="280">
        <v>9</v>
      </c>
      <c r="BV18" s="280">
        <v>19</v>
      </c>
      <c r="BW18" s="280">
        <v>7</v>
      </c>
      <c r="BX18" s="280">
        <v>3</v>
      </c>
      <c r="BY18" s="280">
        <v>1</v>
      </c>
      <c r="BZ18" s="277">
        <v>39</v>
      </c>
      <c r="CA18" s="282">
        <v>46</v>
      </c>
      <c r="CB18" s="276">
        <v>0</v>
      </c>
      <c r="CC18" s="280">
        <v>0</v>
      </c>
      <c r="CD18" s="277">
        <v>0</v>
      </c>
      <c r="CE18" s="279">
        <v>0</v>
      </c>
      <c r="CF18" s="280">
        <v>5</v>
      </c>
      <c r="CG18" s="280">
        <v>4</v>
      </c>
      <c r="CH18" s="280">
        <v>5</v>
      </c>
      <c r="CI18" s="280">
        <v>1</v>
      </c>
      <c r="CJ18" s="280">
        <v>1</v>
      </c>
      <c r="CK18" s="277">
        <v>16</v>
      </c>
      <c r="CL18" s="282">
        <v>16</v>
      </c>
      <c r="CM18" s="276">
        <v>0</v>
      </c>
      <c r="CN18" s="280">
        <v>0</v>
      </c>
      <c r="CO18" s="277">
        <v>0</v>
      </c>
      <c r="CP18" s="279">
        <v>0</v>
      </c>
      <c r="CQ18" s="280">
        <v>2</v>
      </c>
      <c r="CR18" s="280">
        <v>0</v>
      </c>
      <c r="CS18" s="280">
        <v>1</v>
      </c>
      <c r="CT18" s="280">
        <v>0</v>
      </c>
      <c r="CU18" s="280">
        <v>0</v>
      </c>
      <c r="CV18" s="277">
        <v>3</v>
      </c>
      <c r="CW18" s="282">
        <v>3</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9</v>
      </c>
      <c r="DU18" s="280">
        <v>16</v>
      </c>
      <c r="DV18" s="277">
        <v>25</v>
      </c>
      <c r="DW18" s="279">
        <v>0</v>
      </c>
      <c r="DX18" s="280">
        <v>28</v>
      </c>
      <c r="DY18" s="280">
        <v>49</v>
      </c>
      <c r="DZ18" s="280">
        <v>27</v>
      </c>
      <c r="EA18" s="280">
        <v>12</v>
      </c>
      <c r="EB18" s="280">
        <v>11</v>
      </c>
      <c r="EC18" s="277">
        <v>127</v>
      </c>
      <c r="ED18" s="282">
        <v>152</v>
      </c>
      <c r="EE18" s="276">
        <v>2</v>
      </c>
      <c r="EF18" s="280">
        <v>1</v>
      </c>
      <c r="EG18" s="277">
        <v>3</v>
      </c>
      <c r="EH18" s="279">
        <v>0</v>
      </c>
      <c r="EI18" s="280">
        <v>9</v>
      </c>
      <c r="EJ18" s="280">
        <v>9</v>
      </c>
      <c r="EK18" s="280">
        <v>10</v>
      </c>
      <c r="EL18" s="280">
        <v>13</v>
      </c>
      <c r="EM18" s="280">
        <v>7</v>
      </c>
      <c r="EN18" s="277">
        <v>48</v>
      </c>
      <c r="EO18" s="282">
        <v>51</v>
      </c>
      <c r="EP18" s="276">
        <v>14</v>
      </c>
      <c r="EQ18" s="280">
        <v>20</v>
      </c>
      <c r="ER18" s="277">
        <v>34</v>
      </c>
      <c r="ES18" s="279">
        <v>0</v>
      </c>
      <c r="ET18" s="280">
        <v>57</v>
      </c>
      <c r="EU18" s="280">
        <v>69</v>
      </c>
      <c r="EV18" s="280">
        <v>34</v>
      </c>
      <c r="EW18" s="280">
        <v>13</v>
      </c>
      <c r="EX18" s="280">
        <v>10</v>
      </c>
      <c r="EY18" s="277">
        <v>183</v>
      </c>
      <c r="EZ18" s="282">
        <v>217</v>
      </c>
    </row>
    <row r="19" spans="2:156" ht="21" customHeight="1" x14ac:dyDescent="0.2">
      <c r="B19" s="261" t="s">
        <v>17</v>
      </c>
      <c r="C19" s="276">
        <v>0</v>
      </c>
      <c r="D19" s="280">
        <v>0</v>
      </c>
      <c r="E19" s="382">
        <v>0</v>
      </c>
      <c r="F19" s="279">
        <v>0</v>
      </c>
      <c r="G19" s="280">
        <v>11</v>
      </c>
      <c r="H19" s="280">
        <v>19</v>
      </c>
      <c r="I19" s="280">
        <v>17</v>
      </c>
      <c r="J19" s="280">
        <v>8</v>
      </c>
      <c r="K19" s="280">
        <v>5</v>
      </c>
      <c r="L19" s="281">
        <v>60</v>
      </c>
      <c r="M19" s="282">
        <v>60</v>
      </c>
      <c r="N19" s="276">
        <v>0</v>
      </c>
      <c r="O19" s="280">
        <v>0</v>
      </c>
      <c r="P19" s="277">
        <v>0</v>
      </c>
      <c r="Q19" s="279">
        <v>0</v>
      </c>
      <c r="R19" s="280">
        <v>0</v>
      </c>
      <c r="S19" s="280">
        <v>0</v>
      </c>
      <c r="T19" s="280">
        <v>1</v>
      </c>
      <c r="U19" s="280">
        <v>2</v>
      </c>
      <c r="V19" s="280">
        <v>2</v>
      </c>
      <c r="W19" s="277">
        <v>5</v>
      </c>
      <c r="X19" s="282">
        <v>5</v>
      </c>
      <c r="Y19" s="276">
        <v>4</v>
      </c>
      <c r="Z19" s="280">
        <v>5</v>
      </c>
      <c r="AA19" s="277">
        <v>9</v>
      </c>
      <c r="AB19" s="279">
        <v>0</v>
      </c>
      <c r="AC19" s="280">
        <v>16</v>
      </c>
      <c r="AD19" s="280">
        <v>17</v>
      </c>
      <c r="AE19" s="280">
        <v>16</v>
      </c>
      <c r="AF19" s="280">
        <v>10</v>
      </c>
      <c r="AG19" s="280">
        <v>8</v>
      </c>
      <c r="AH19" s="277">
        <v>67</v>
      </c>
      <c r="AI19" s="282">
        <v>76</v>
      </c>
      <c r="AJ19" s="276">
        <v>1</v>
      </c>
      <c r="AK19" s="280">
        <v>0</v>
      </c>
      <c r="AL19" s="277">
        <v>1</v>
      </c>
      <c r="AM19" s="279">
        <v>0</v>
      </c>
      <c r="AN19" s="280">
        <v>1</v>
      </c>
      <c r="AO19" s="280">
        <v>0</v>
      </c>
      <c r="AP19" s="280">
        <v>3</v>
      </c>
      <c r="AQ19" s="280">
        <v>4</v>
      </c>
      <c r="AR19" s="280">
        <v>0</v>
      </c>
      <c r="AS19" s="277">
        <v>8</v>
      </c>
      <c r="AT19" s="282">
        <v>9</v>
      </c>
      <c r="AU19" s="276">
        <v>4</v>
      </c>
      <c r="AV19" s="280">
        <v>5</v>
      </c>
      <c r="AW19" s="277">
        <v>9</v>
      </c>
      <c r="AX19" s="279">
        <v>0</v>
      </c>
      <c r="AY19" s="280">
        <v>17</v>
      </c>
      <c r="AZ19" s="280">
        <v>22</v>
      </c>
      <c r="BA19" s="280">
        <v>24</v>
      </c>
      <c r="BB19" s="280">
        <v>32</v>
      </c>
      <c r="BC19" s="280">
        <v>19</v>
      </c>
      <c r="BD19" s="281">
        <v>114</v>
      </c>
      <c r="BE19" s="282">
        <v>123</v>
      </c>
      <c r="BF19" s="276">
        <v>0</v>
      </c>
      <c r="BG19" s="280">
        <v>0</v>
      </c>
      <c r="BH19" s="277">
        <v>0</v>
      </c>
      <c r="BI19" s="279">
        <v>0</v>
      </c>
      <c r="BJ19" s="280">
        <v>19</v>
      </c>
      <c r="BK19" s="280">
        <v>28</v>
      </c>
      <c r="BL19" s="280">
        <v>15</v>
      </c>
      <c r="BM19" s="280">
        <v>11</v>
      </c>
      <c r="BN19" s="280">
        <v>1</v>
      </c>
      <c r="BO19" s="277">
        <v>74</v>
      </c>
      <c r="BP19" s="282">
        <v>74</v>
      </c>
      <c r="BQ19" s="276">
        <v>4</v>
      </c>
      <c r="BR19" s="280">
        <v>6</v>
      </c>
      <c r="BS19" s="277">
        <v>10</v>
      </c>
      <c r="BT19" s="279">
        <v>0</v>
      </c>
      <c r="BU19" s="280">
        <v>7</v>
      </c>
      <c r="BV19" s="280">
        <v>12</v>
      </c>
      <c r="BW19" s="280">
        <v>10</v>
      </c>
      <c r="BX19" s="280">
        <v>4</v>
      </c>
      <c r="BY19" s="280">
        <v>2</v>
      </c>
      <c r="BZ19" s="277">
        <v>35</v>
      </c>
      <c r="CA19" s="282">
        <v>45</v>
      </c>
      <c r="CB19" s="276">
        <v>0</v>
      </c>
      <c r="CC19" s="280">
        <v>0</v>
      </c>
      <c r="CD19" s="277">
        <v>0</v>
      </c>
      <c r="CE19" s="279">
        <v>0</v>
      </c>
      <c r="CF19" s="280">
        <v>0</v>
      </c>
      <c r="CG19" s="280">
        <v>6</v>
      </c>
      <c r="CH19" s="280">
        <v>5</v>
      </c>
      <c r="CI19" s="280">
        <v>5</v>
      </c>
      <c r="CJ19" s="280">
        <v>3</v>
      </c>
      <c r="CK19" s="277">
        <v>19</v>
      </c>
      <c r="CL19" s="282">
        <v>19</v>
      </c>
      <c r="CM19" s="276">
        <v>0</v>
      </c>
      <c r="CN19" s="280">
        <v>0</v>
      </c>
      <c r="CO19" s="277">
        <v>0</v>
      </c>
      <c r="CP19" s="279">
        <v>0</v>
      </c>
      <c r="CQ19" s="280">
        <v>1</v>
      </c>
      <c r="CR19" s="280">
        <v>1</v>
      </c>
      <c r="CS19" s="280">
        <v>3</v>
      </c>
      <c r="CT19" s="280">
        <v>1</v>
      </c>
      <c r="CU19" s="280">
        <v>1</v>
      </c>
      <c r="CV19" s="277">
        <v>7</v>
      </c>
      <c r="CW19" s="282">
        <v>7</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6</v>
      </c>
      <c r="DU19" s="280">
        <v>21</v>
      </c>
      <c r="DV19" s="277">
        <v>37</v>
      </c>
      <c r="DW19" s="279">
        <v>0</v>
      </c>
      <c r="DX19" s="280">
        <v>22</v>
      </c>
      <c r="DY19" s="280">
        <v>66</v>
      </c>
      <c r="DZ19" s="280">
        <v>52</v>
      </c>
      <c r="EA19" s="280">
        <v>25</v>
      </c>
      <c r="EB19" s="280">
        <v>14</v>
      </c>
      <c r="EC19" s="277">
        <v>179</v>
      </c>
      <c r="ED19" s="282">
        <v>216</v>
      </c>
      <c r="EE19" s="276">
        <v>2</v>
      </c>
      <c r="EF19" s="280">
        <v>3</v>
      </c>
      <c r="EG19" s="277">
        <v>5</v>
      </c>
      <c r="EH19" s="279">
        <v>0</v>
      </c>
      <c r="EI19" s="280">
        <v>13</v>
      </c>
      <c r="EJ19" s="280">
        <v>7</v>
      </c>
      <c r="EK19" s="280">
        <v>7</v>
      </c>
      <c r="EL19" s="280">
        <v>19</v>
      </c>
      <c r="EM19" s="280">
        <v>8</v>
      </c>
      <c r="EN19" s="277">
        <v>54</v>
      </c>
      <c r="EO19" s="282">
        <v>59</v>
      </c>
      <c r="EP19" s="276">
        <v>25</v>
      </c>
      <c r="EQ19" s="280">
        <v>26</v>
      </c>
      <c r="ER19" s="277">
        <v>51</v>
      </c>
      <c r="ES19" s="279">
        <v>0</v>
      </c>
      <c r="ET19" s="280">
        <v>60</v>
      </c>
      <c r="EU19" s="280">
        <v>83</v>
      </c>
      <c r="EV19" s="280">
        <v>61</v>
      </c>
      <c r="EW19" s="280">
        <v>29</v>
      </c>
      <c r="EX19" s="280">
        <v>16</v>
      </c>
      <c r="EY19" s="277">
        <v>249</v>
      </c>
      <c r="EZ19" s="282">
        <v>300</v>
      </c>
    </row>
    <row r="20" spans="2:156" ht="21" customHeight="1" x14ac:dyDescent="0.2">
      <c r="B20" s="261" t="s">
        <v>18</v>
      </c>
      <c r="C20" s="276">
        <v>0</v>
      </c>
      <c r="D20" s="280">
        <v>0</v>
      </c>
      <c r="E20" s="382">
        <v>0</v>
      </c>
      <c r="F20" s="279">
        <v>0</v>
      </c>
      <c r="G20" s="280">
        <v>27</v>
      </c>
      <c r="H20" s="280">
        <v>29</v>
      </c>
      <c r="I20" s="280">
        <v>16</v>
      </c>
      <c r="J20" s="280">
        <v>15</v>
      </c>
      <c r="K20" s="280">
        <v>8</v>
      </c>
      <c r="L20" s="281">
        <v>95</v>
      </c>
      <c r="M20" s="282">
        <v>95</v>
      </c>
      <c r="N20" s="276">
        <v>0</v>
      </c>
      <c r="O20" s="280">
        <v>0</v>
      </c>
      <c r="P20" s="277">
        <v>0</v>
      </c>
      <c r="Q20" s="279">
        <v>0</v>
      </c>
      <c r="R20" s="280">
        <v>0</v>
      </c>
      <c r="S20" s="280">
        <v>0</v>
      </c>
      <c r="T20" s="280">
        <v>2</v>
      </c>
      <c r="U20" s="280">
        <v>3</v>
      </c>
      <c r="V20" s="280">
        <v>2</v>
      </c>
      <c r="W20" s="277">
        <v>7</v>
      </c>
      <c r="X20" s="282">
        <v>7</v>
      </c>
      <c r="Y20" s="276">
        <v>7</v>
      </c>
      <c r="Z20" s="280">
        <v>7</v>
      </c>
      <c r="AA20" s="277">
        <v>14</v>
      </c>
      <c r="AB20" s="279">
        <v>0</v>
      </c>
      <c r="AC20" s="280">
        <v>20</v>
      </c>
      <c r="AD20" s="280">
        <v>28</v>
      </c>
      <c r="AE20" s="280">
        <v>19</v>
      </c>
      <c r="AF20" s="280">
        <v>10</v>
      </c>
      <c r="AG20" s="280">
        <v>9</v>
      </c>
      <c r="AH20" s="277">
        <v>86</v>
      </c>
      <c r="AI20" s="282">
        <v>100</v>
      </c>
      <c r="AJ20" s="276">
        <v>1</v>
      </c>
      <c r="AK20" s="280">
        <v>0</v>
      </c>
      <c r="AL20" s="277">
        <v>1</v>
      </c>
      <c r="AM20" s="279">
        <v>0</v>
      </c>
      <c r="AN20" s="280">
        <v>4</v>
      </c>
      <c r="AO20" s="280">
        <v>3</v>
      </c>
      <c r="AP20" s="280">
        <v>2</v>
      </c>
      <c r="AQ20" s="280">
        <v>0</v>
      </c>
      <c r="AR20" s="280">
        <v>0</v>
      </c>
      <c r="AS20" s="277">
        <v>9</v>
      </c>
      <c r="AT20" s="282">
        <v>10</v>
      </c>
      <c r="AU20" s="276">
        <v>3</v>
      </c>
      <c r="AV20" s="280">
        <v>4</v>
      </c>
      <c r="AW20" s="277">
        <v>7</v>
      </c>
      <c r="AX20" s="279">
        <v>0</v>
      </c>
      <c r="AY20" s="280">
        <v>34</v>
      </c>
      <c r="AZ20" s="280">
        <v>30</v>
      </c>
      <c r="BA20" s="280">
        <v>33</v>
      </c>
      <c r="BB20" s="280">
        <v>27</v>
      </c>
      <c r="BC20" s="280">
        <v>28</v>
      </c>
      <c r="BD20" s="281">
        <v>152</v>
      </c>
      <c r="BE20" s="282">
        <v>159</v>
      </c>
      <c r="BF20" s="276">
        <v>0</v>
      </c>
      <c r="BG20" s="280">
        <v>0</v>
      </c>
      <c r="BH20" s="277">
        <v>0</v>
      </c>
      <c r="BI20" s="279">
        <v>0</v>
      </c>
      <c r="BJ20" s="280">
        <v>34</v>
      </c>
      <c r="BK20" s="280">
        <v>48</v>
      </c>
      <c r="BL20" s="280">
        <v>21</v>
      </c>
      <c r="BM20" s="280">
        <v>11</v>
      </c>
      <c r="BN20" s="280">
        <v>5</v>
      </c>
      <c r="BO20" s="277">
        <v>119</v>
      </c>
      <c r="BP20" s="282">
        <v>119</v>
      </c>
      <c r="BQ20" s="276">
        <v>2</v>
      </c>
      <c r="BR20" s="280">
        <v>3</v>
      </c>
      <c r="BS20" s="277">
        <v>5</v>
      </c>
      <c r="BT20" s="279">
        <v>0</v>
      </c>
      <c r="BU20" s="280">
        <v>14</v>
      </c>
      <c r="BV20" s="280">
        <v>14</v>
      </c>
      <c r="BW20" s="280">
        <v>8</v>
      </c>
      <c r="BX20" s="280">
        <v>5</v>
      </c>
      <c r="BY20" s="280">
        <v>4</v>
      </c>
      <c r="BZ20" s="277">
        <v>45</v>
      </c>
      <c r="CA20" s="282">
        <v>50</v>
      </c>
      <c r="CB20" s="276">
        <v>0</v>
      </c>
      <c r="CC20" s="280">
        <v>0</v>
      </c>
      <c r="CD20" s="277">
        <v>0</v>
      </c>
      <c r="CE20" s="279">
        <v>0</v>
      </c>
      <c r="CF20" s="280">
        <v>0</v>
      </c>
      <c r="CG20" s="280">
        <v>8</v>
      </c>
      <c r="CH20" s="280">
        <v>9</v>
      </c>
      <c r="CI20" s="280">
        <v>5</v>
      </c>
      <c r="CJ20" s="280">
        <v>4</v>
      </c>
      <c r="CK20" s="277">
        <v>26</v>
      </c>
      <c r="CL20" s="282">
        <v>26</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1</v>
      </c>
      <c r="DU20" s="280">
        <v>23</v>
      </c>
      <c r="DV20" s="277">
        <v>34</v>
      </c>
      <c r="DW20" s="279">
        <v>0</v>
      </c>
      <c r="DX20" s="280">
        <v>47</v>
      </c>
      <c r="DY20" s="280">
        <v>63</v>
      </c>
      <c r="DZ20" s="280">
        <v>54</v>
      </c>
      <c r="EA20" s="280">
        <v>29</v>
      </c>
      <c r="EB20" s="280">
        <v>21</v>
      </c>
      <c r="EC20" s="277">
        <v>214</v>
      </c>
      <c r="ED20" s="282">
        <v>248</v>
      </c>
      <c r="EE20" s="276">
        <v>2</v>
      </c>
      <c r="EF20" s="280">
        <v>2</v>
      </c>
      <c r="EG20" s="277">
        <v>4</v>
      </c>
      <c r="EH20" s="279">
        <v>0</v>
      </c>
      <c r="EI20" s="280">
        <v>14</v>
      </c>
      <c r="EJ20" s="280">
        <v>17</v>
      </c>
      <c r="EK20" s="280">
        <v>5</v>
      </c>
      <c r="EL20" s="280">
        <v>9</v>
      </c>
      <c r="EM20" s="280">
        <v>12</v>
      </c>
      <c r="EN20" s="277">
        <v>57</v>
      </c>
      <c r="EO20" s="282">
        <v>61</v>
      </c>
      <c r="EP20" s="276">
        <v>18</v>
      </c>
      <c r="EQ20" s="280">
        <v>27</v>
      </c>
      <c r="ER20" s="277">
        <v>45</v>
      </c>
      <c r="ES20" s="279">
        <v>0</v>
      </c>
      <c r="ET20" s="280">
        <v>96</v>
      </c>
      <c r="EU20" s="280">
        <v>103</v>
      </c>
      <c r="EV20" s="280">
        <v>61</v>
      </c>
      <c r="EW20" s="280">
        <v>34</v>
      </c>
      <c r="EX20" s="280">
        <v>19</v>
      </c>
      <c r="EY20" s="277">
        <v>313</v>
      </c>
      <c r="EZ20" s="282">
        <v>358</v>
      </c>
    </row>
    <row r="21" spans="2:156" ht="21" customHeight="1" x14ac:dyDescent="0.2">
      <c r="B21" s="261" t="s">
        <v>19</v>
      </c>
      <c r="C21" s="276">
        <v>0</v>
      </c>
      <c r="D21" s="280">
        <v>0</v>
      </c>
      <c r="E21" s="382">
        <v>0</v>
      </c>
      <c r="F21" s="279">
        <v>0</v>
      </c>
      <c r="G21" s="280">
        <v>7</v>
      </c>
      <c r="H21" s="280">
        <v>10</v>
      </c>
      <c r="I21" s="280">
        <v>4</v>
      </c>
      <c r="J21" s="280">
        <v>5</v>
      </c>
      <c r="K21" s="280">
        <v>3</v>
      </c>
      <c r="L21" s="281">
        <v>29</v>
      </c>
      <c r="M21" s="282">
        <v>29</v>
      </c>
      <c r="N21" s="276">
        <v>0</v>
      </c>
      <c r="O21" s="280">
        <v>0</v>
      </c>
      <c r="P21" s="277">
        <v>0</v>
      </c>
      <c r="Q21" s="279">
        <v>0</v>
      </c>
      <c r="R21" s="280">
        <v>0</v>
      </c>
      <c r="S21" s="280">
        <v>1</v>
      </c>
      <c r="T21" s="280">
        <v>1</v>
      </c>
      <c r="U21" s="280">
        <v>2</v>
      </c>
      <c r="V21" s="280">
        <v>3</v>
      </c>
      <c r="W21" s="277">
        <v>7</v>
      </c>
      <c r="X21" s="282">
        <v>7</v>
      </c>
      <c r="Y21" s="276">
        <v>2</v>
      </c>
      <c r="Z21" s="280">
        <v>2</v>
      </c>
      <c r="AA21" s="277">
        <v>4</v>
      </c>
      <c r="AB21" s="279">
        <v>0</v>
      </c>
      <c r="AC21" s="280">
        <v>14</v>
      </c>
      <c r="AD21" s="280">
        <v>11</v>
      </c>
      <c r="AE21" s="280">
        <v>3</v>
      </c>
      <c r="AF21" s="280">
        <v>9</v>
      </c>
      <c r="AG21" s="280">
        <v>5</v>
      </c>
      <c r="AH21" s="277">
        <v>42</v>
      </c>
      <c r="AI21" s="282">
        <v>46</v>
      </c>
      <c r="AJ21" s="276">
        <v>0</v>
      </c>
      <c r="AK21" s="280">
        <v>0</v>
      </c>
      <c r="AL21" s="277">
        <v>0</v>
      </c>
      <c r="AM21" s="279">
        <v>0</v>
      </c>
      <c r="AN21" s="280">
        <v>2</v>
      </c>
      <c r="AO21" s="280">
        <v>0</v>
      </c>
      <c r="AP21" s="280">
        <v>1</v>
      </c>
      <c r="AQ21" s="280">
        <v>1</v>
      </c>
      <c r="AR21" s="280">
        <v>0</v>
      </c>
      <c r="AS21" s="277">
        <v>4</v>
      </c>
      <c r="AT21" s="282">
        <v>4</v>
      </c>
      <c r="AU21" s="276">
        <v>1</v>
      </c>
      <c r="AV21" s="280">
        <v>2</v>
      </c>
      <c r="AW21" s="277">
        <v>3</v>
      </c>
      <c r="AX21" s="279">
        <v>0</v>
      </c>
      <c r="AY21" s="280">
        <v>13</v>
      </c>
      <c r="AZ21" s="280">
        <v>23</v>
      </c>
      <c r="BA21" s="280">
        <v>10</v>
      </c>
      <c r="BB21" s="280">
        <v>13</v>
      </c>
      <c r="BC21" s="280">
        <v>9</v>
      </c>
      <c r="BD21" s="281">
        <v>68</v>
      </c>
      <c r="BE21" s="282">
        <v>71</v>
      </c>
      <c r="BF21" s="276">
        <v>0</v>
      </c>
      <c r="BG21" s="280">
        <v>0</v>
      </c>
      <c r="BH21" s="277">
        <v>0</v>
      </c>
      <c r="BI21" s="279">
        <v>0</v>
      </c>
      <c r="BJ21" s="280">
        <v>12</v>
      </c>
      <c r="BK21" s="280">
        <v>13</v>
      </c>
      <c r="BL21" s="280">
        <v>2</v>
      </c>
      <c r="BM21" s="280">
        <v>3</v>
      </c>
      <c r="BN21" s="280">
        <v>3</v>
      </c>
      <c r="BO21" s="277">
        <v>33</v>
      </c>
      <c r="BP21" s="282">
        <v>33</v>
      </c>
      <c r="BQ21" s="276">
        <v>0</v>
      </c>
      <c r="BR21" s="280">
        <v>4</v>
      </c>
      <c r="BS21" s="277">
        <v>4</v>
      </c>
      <c r="BT21" s="279">
        <v>0</v>
      </c>
      <c r="BU21" s="280">
        <v>8</v>
      </c>
      <c r="BV21" s="280">
        <v>5</v>
      </c>
      <c r="BW21" s="280">
        <v>4</v>
      </c>
      <c r="BX21" s="280">
        <v>3</v>
      </c>
      <c r="BY21" s="280">
        <v>1</v>
      </c>
      <c r="BZ21" s="277">
        <v>21</v>
      </c>
      <c r="CA21" s="282">
        <v>25</v>
      </c>
      <c r="CB21" s="276">
        <v>0</v>
      </c>
      <c r="CC21" s="280">
        <v>1</v>
      </c>
      <c r="CD21" s="277">
        <v>1</v>
      </c>
      <c r="CE21" s="279">
        <v>0</v>
      </c>
      <c r="CF21" s="280">
        <v>2</v>
      </c>
      <c r="CG21" s="280">
        <v>1</v>
      </c>
      <c r="CH21" s="280">
        <v>1</v>
      </c>
      <c r="CI21" s="280">
        <v>2</v>
      </c>
      <c r="CJ21" s="280">
        <v>1</v>
      </c>
      <c r="CK21" s="277">
        <v>7</v>
      </c>
      <c r="CL21" s="282">
        <v>8</v>
      </c>
      <c r="CM21" s="276">
        <v>0</v>
      </c>
      <c r="CN21" s="280">
        <v>0</v>
      </c>
      <c r="CO21" s="277">
        <v>0</v>
      </c>
      <c r="CP21" s="279">
        <v>0</v>
      </c>
      <c r="CQ21" s="280">
        <v>0</v>
      </c>
      <c r="CR21" s="280">
        <v>0</v>
      </c>
      <c r="CS21" s="280">
        <v>1</v>
      </c>
      <c r="CT21" s="280">
        <v>1</v>
      </c>
      <c r="CU21" s="280">
        <v>0</v>
      </c>
      <c r="CV21" s="277">
        <v>2</v>
      </c>
      <c r="CW21" s="282">
        <v>2</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5</v>
      </c>
      <c r="DU21" s="280">
        <v>10</v>
      </c>
      <c r="DV21" s="277">
        <v>15</v>
      </c>
      <c r="DW21" s="279">
        <v>0</v>
      </c>
      <c r="DX21" s="280">
        <v>19</v>
      </c>
      <c r="DY21" s="280">
        <v>24</v>
      </c>
      <c r="DZ21" s="280">
        <v>14</v>
      </c>
      <c r="EA21" s="280">
        <v>14</v>
      </c>
      <c r="EB21" s="280">
        <v>8</v>
      </c>
      <c r="EC21" s="277">
        <v>79</v>
      </c>
      <c r="ED21" s="282">
        <v>94</v>
      </c>
      <c r="EE21" s="276">
        <v>0</v>
      </c>
      <c r="EF21" s="280">
        <v>2</v>
      </c>
      <c r="EG21" s="277">
        <v>2</v>
      </c>
      <c r="EH21" s="279">
        <v>0</v>
      </c>
      <c r="EI21" s="280">
        <v>6</v>
      </c>
      <c r="EJ21" s="280">
        <v>13</v>
      </c>
      <c r="EK21" s="280">
        <v>4</v>
      </c>
      <c r="EL21" s="280">
        <v>3</v>
      </c>
      <c r="EM21" s="280">
        <v>2</v>
      </c>
      <c r="EN21" s="277">
        <v>28</v>
      </c>
      <c r="EO21" s="282">
        <v>30</v>
      </c>
      <c r="EP21" s="276">
        <v>7</v>
      </c>
      <c r="EQ21" s="280">
        <v>14</v>
      </c>
      <c r="ER21" s="277">
        <v>21</v>
      </c>
      <c r="ES21" s="279">
        <v>0</v>
      </c>
      <c r="ET21" s="280">
        <v>43</v>
      </c>
      <c r="EU21" s="280">
        <v>36</v>
      </c>
      <c r="EV21" s="280">
        <v>16</v>
      </c>
      <c r="EW21" s="280">
        <v>15</v>
      </c>
      <c r="EX21" s="280">
        <v>9</v>
      </c>
      <c r="EY21" s="277">
        <v>119</v>
      </c>
      <c r="EZ21" s="282">
        <v>140</v>
      </c>
    </row>
    <row r="22" spans="2:156" ht="21" customHeight="1" x14ac:dyDescent="0.2">
      <c r="B22" s="261" t="s">
        <v>20</v>
      </c>
      <c r="C22" s="276">
        <v>0</v>
      </c>
      <c r="D22" s="280">
        <v>0</v>
      </c>
      <c r="E22" s="382">
        <v>0</v>
      </c>
      <c r="F22" s="279">
        <v>0</v>
      </c>
      <c r="G22" s="280">
        <v>10</v>
      </c>
      <c r="H22" s="280">
        <v>11</v>
      </c>
      <c r="I22" s="280">
        <v>7</v>
      </c>
      <c r="J22" s="280">
        <v>7</v>
      </c>
      <c r="K22" s="280">
        <v>5</v>
      </c>
      <c r="L22" s="281">
        <v>40</v>
      </c>
      <c r="M22" s="282">
        <v>40</v>
      </c>
      <c r="N22" s="276">
        <v>0</v>
      </c>
      <c r="O22" s="280">
        <v>0</v>
      </c>
      <c r="P22" s="277">
        <v>0</v>
      </c>
      <c r="Q22" s="279">
        <v>0</v>
      </c>
      <c r="R22" s="280">
        <v>1</v>
      </c>
      <c r="S22" s="280">
        <v>1</v>
      </c>
      <c r="T22" s="280">
        <v>0</v>
      </c>
      <c r="U22" s="280">
        <v>2</v>
      </c>
      <c r="V22" s="280">
        <v>5</v>
      </c>
      <c r="W22" s="277">
        <v>9</v>
      </c>
      <c r="X22" s="282">
        <v>9</v>
      </c>
      <c r="Y22" s="276">
        <v>4</v>
      </c>
      <c r="Z22" s="280">
        <v>4</v>
      </c>
      <c r="AA22" s="277">
        <v>8</v>
      </c>
      <c r="AB22" s="279">
        <v>0</v>
      </c>
      <c r="AC22" s="280">
        <v>12</v>
      </c>
      <c r="AD22" s="280">
        <v>14</v>
      </c>
      <c r="AE22" s="280">
        <v>10</v>
      </c>
      <c r="AF22" s="280">
        <v>5</v>
      </c>
      <c r="AG22" s="280">
        <v>5</v>
      </c>
      <c r="AH22" s="277">
        <v>46</v>
      </c>
      <c r="AI22" s="282">
        <v>54</v>
      </c>
      <c r="AJ22" s="276">
        <v>0</v>
      </c>
      <c r="AK22" s="280">
        <v>3</v>
      </c>
      <c r="AL22" s="277">
        <v>3</v>
      </c>
      <c r="AM22" s="279">
        <v>0</v>
      </c>
      <c r="AN22" s="280">
        <v>5</v>
      </c>
      <c r="AO22" s="280">
        <v>7</v>
      </c>
      <c r="AP22" s="280">
        <v>3</v>
      </c>
      <c r="AQ22" s="280">
        <v>2</v>
      </c>
      <c r="AR22" s="280">
        <v>2</v>
      </c>
      <c r="AS22" s="277">
        <v>19</v>
      </c>
      <c r="AT22" s="282">
        <v>22</v>
      </c>
      <c r="AU22" s="276">
        <v>3</v>
      </c>
      <c r="AV22" s="280">
        <v>2</v>
      </c>
      <c r="AW22" s="277">
        <v>5</v>
      </c>
      <c r="AX22" s="279">
        <v>0</v>
      </c>
      <c r="AY22" s="280">
        <v>10</v>
      </c>
      <c r="AZ22" s="280">
        <v>12</v>
      </c>
      <c r="BA22" s="280">
        <v>9</v>
      </c>
      <c r="BB22" s="280">
        <v>8</v>
      </c>
      <c r="BC22" s="280">
        <v>12</v>
      </c>
      <c r="BD22" s="281">
        <v>51</v>
      </c>
      <c r="BE22" s="282">
        <v>56</v>
      </c>
      <c r="BF22" s="276">
        <v>0</v>
      </c>
      <c r="BG22" s="280">
        <v>0</v>
      </c>
      <c r="BH22" s="277">
        <v>0</v>
      </c>
      <c r="BI22" s="279">
        <v>0</v>
      </c>
      <c r="BJ22" s="280">
        <v>12</v>
      </c>
      <c r="BK22" s="280">
        <v>18</v>
      </c>
      <c r="BL22" s="280">
        <v>11</v>
      </c>
      <c r="BM22" s="280">
        <v>5</v>
      </c>
      <c r="BN22" s="280">
        <v>4</v>
      </c>
      <c r="BO22" s="277">
        <v>50</v>
      </c>
      <c r="BP22" s="282">
        <v>50</v>
      </c>
      <c r="BQ22" s="276">
        <v>0</v>
      </c>
      <c r="BR22" s="280">
        <v>3</v>
      </c>
      <c r="BS22" s="277">
        <v>3</v>
      </c>
      <c r="BT22" s="279">
        <v>0</v>
      </c>
      <c r="BU22" s="280">
        <v>5</v>
      </c>
      <c r="BV22" s="280">
        <v>10</v>
      </c>
      <c r="BW22" s="280">
        <v>4</v>
      </c>
      <c r="BX22" s="280">
        <v>5</v>
      </c>
      <c r="BY22" s="280">
        <v>3</v>
      </c>
      <c r="BZ22" s="277">
        <v>27</v>
      </c>
      <c r="CA22" s="282">
        <v>30</v>
      </c>
      <c r="CB22" s="276">
        <v>0</v>
      </c>
      <c r="CC22" s="280">
        <v>1</v>
      </c>
      <c r="CD22" s="277">
        <v>1</v>
      </c>
      <c r="CE22" s="279">
        <v>0</v>
      </c>
      <c r="CF22" s="280">
        <v>4</v>
      </c>
      <c r="CG22" s="280">
        <v>4</v>
      </c>
      <c r="CH22" s="280">
        <v>4</v>
      </c>
      <c r="CI22" s="280">
        <v>6</v>
      </c>
      <c r="CJ22" s="280">
        <v>3</v>
      </c>
      <c r="CK22" s="277">
        <v>21</v>
      </c>
      <c r="CL22" s="282">
        <v>22</v>
      </c>
      <c r="CM22" s="276">
        <v>0</v>
      </c>
      <c r="CN22" s="280">
        <v>0</v>
      </c>
      <c r="CO22" s="277">
        <v>0</v>
      </c>
      <c r="CP22" s="279">
        <v>0</v>
      </c>
      <c r="CQ22" s="280">
        <v>0</v>
      </c>
      <c r="CR22" s="280">
        <v>0</v>
      </c>
      <c r="CS22" s="280">
        <v>1</v>
      </c>
      <c r="CT22" s="280">
        <v>1</v>
      </c>
      <c r="CU22" s="280">
        <v>0</v>
      </c>
      <c r="CV22" s="277">
        <v>2</v>
      </c>
      <c r="CW22" s="282">
        <v>2</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8</v>
      </c>
      <c r="DU22" s="280">
        <v>20</v>
      </c>
      <c r="DV22" s="277">
        <v>28</v>
      </c>
      <c r="DW22" s="279">
        <v>0</v>
      </c>
      <c r="DX22" s="280">
        <v>28</v>
      </c>
      <c r="DY22" s="280">
        <v>31</v>
      </c>
      <c r="DZ22" s="280">
        <v>17</v>
      </c>
      <c r="EA22" s="280">
        <v>15</v>
      </c>
      <c r="EB22" s="280">
        <v>11</v>
      </c>
      <c r="EC22" s="277">
        <v>102</v>
      </c>
      <c r="ED22" s="282">
        <v>130</v>
      </c>
      <c r="EE22" s="276">
        <v>3</v>
      </c>
      <c r="EF22" s="280">
        <v>1</v>
      </c>
      <c r="EG22" s="277">
        <v>4</v>
      </c>
      <c r="EH22" s="279">
        <v>0</v>
      </c>
      <c r="EI22" s="280">
        <v>1</v>
      </c>
      <c r="EJ22" s="280">
        <v>4</v>
      </c>
      <c r="EK22" s="280">
        <v>4</v>
      </c>
      <c r="EL22" s="280">
        <v>6</v>
      </c>
      <c r="EM22" s="280">
        <v>3</v>
      </c>
      <c r="EN22" s="277">
        <v>18</v>
      </c>
      <c r="EO22" s="282">
        <v>22</v>
      </c>
      <c r="EP22" s="276">
        <v>11</v>
      </c>
      <c r="EQ22" s="280">
        <v>26</v>
      </c>
      <c r="ER22" s="277">
        <v>37</v>
      </c>
      <c r="ES22" s="279">
        <v>0</v>
      </c>
      <c r="ET22" s="280">
        <v>46</v>
      </c>
      <c r="EU22" s="280">
        <v>49</v>
      </c>
      <c r="EV22" s="280">
        <v>24</v>
      </c>
      <c r="EW22" s="280">
        <v>18</v>
      </c>
      <c r="EX22" s="280">
        <v>11</v>
      </c>
      <c r="EY22" s="277">
        <v>148</v>
      </c>
      <c r="EZ22" s="282">
        <v>185</v>
      </c>
    </row>
    <row r="23" spans="2:156" ht="21" customHeight="1" x14ac:dyDescent="0.2">
      <c r="B23" s="261" t="s">
        <v>21</v>
      </c>
      <c r="C23" s="276">
        <v>0</v>
      </c>
      <c r="D23" s="280">
        <v>0</v>
      </c>
      <c r="E23" s="382">
        <v>0</v>
      </c>
      <c r="F23" s="279">
        <v>0</v>
      </c>
      <c r="G23" s="280">
        <v>14</v>
      </c>
      <c r="H23" s="280">
        <v>10</v>
      </c>
      <c r="I23" s="280">
        <v>5</v>
      </c>
      <c r="J23" s="280">
        <v>3</v>
      </c>
      <c r="K23" s="280">
        <v>7</v>
      </c>
      <c r="L23" s="281">
        <v>39</v>
      </c>
      <c r="M23" s="282">
        <v>39</v>
      </c>
      <c r="N23" s="276">
        <v>0</v>
      </c>
      <c r="O23" s="280">
        <v>0</v>
      </c>
      <c r="P23" s="277">
        <v>0</v>
      </c>
      <c r="Q23" s="279">
        <v>0</v>
      </c>
      <c r="R23" s="280">
        <v>0</v>
      </c>
      <c r="S23" s="280">
        <v>0</v>
      </c>
      <c r="T23" s="280">
        <v>0</v>
      </c>
      <c r="U23" s="280">
        <v>1</v>
      </c>
      <c r="V23" s="280">
        <v>3</v>
      </c>
      <c r="W23" s="277">
        <v>4</v>
      </c>
      <c r="X23" s="282">
        <v>4</v>
      </c>
      <c r="Y23" s="276">
        <v>2</v>
      </c>
      <c r="Z23" s="280">
        <v>1</v>
      </c>
      <c r="AA23" s="277">
        <v>3</v>
      </c>
      <c r="AB23" s="279">
        <v>0</v>
      </c>
      <c r="AC23" s="280">
        <v>12</v>
      </c>
      <c r="AD23" s="280">
        <v>6</v>
      </c>
      <c r="AE23" s="280">
        <v>5</v>
      </c>
      <c r="AF23" s="280">
        <v>2</v>
      </c>
      <c r="AG23" s="280">
        <v>4</v>
      </c>
      <c r="AH23" s="277">
        <v>29</v>
      </c>
      <c r="AI23" s="282">
        <v>32</v>
      </c>
      <c r="AJ23" s="276">
        <v>0</v>
      </c>
      <c r="AK23" s="280">
        <v>0</v>
      </c>
      <c r="AL23" s="277">
        <v>0</v>
      </c>
      <c r="AM23" s="279">
        <v>0</v>
      </c>
      <c r="AN23" s="280">
        <v>1</v>
      </c>
      <c r="AO23" s="280">
        <v>1</v>
      </c>
      <c r="AP23" s="280">
        <v>2</v>
      </c>
      <c r="AQ23" s="280">
        <v>0</v>
      </c>
      <c r="AR23" s="280">
        <v>1</v>
      </c>
      <c r="AS23" s="277">
        <v>5</v>
      </c>
      <c r="AT23" s="282">
        <v>5</v>
      </c>
      <c r="AU23" s="276">
        <v>4</v>
      </c>
      <c r="AV23" s="280">
        <v>2</v>
      </c>
      <c r="AW23" s="277">
        <v>6</v>
      </c>
      <c r="AX23" s="279">
        <v>0</v>
      </c>
      <c r="AY23" s="280">
        <v>16</v>
      </c>
      <c r="AZ23" s="280">
        <v>20</v>
      </c>
      <c r="BA23" s="280">
        <v>13</v>
      </c>
      <c r="BB23" s="280">
        <v>12</v>
      </c>
      <c r="BC23" s="280">
        <v>7</v>
      </c>
      <c r="BD23" s="281">
        <v>68</v>
      </c>
      <c r="BE23" s="282">
        <v>74</v>
      </c>
      <c r="BF23" s="276">
        <v>0</v>
      </c>
      <c r="BG23" s="280">
        <v>0</v>
      </c>
      <c r="BH23" s="277">
        <v>0</v>
      </c>
      <c r="BI23" s="279">
        <v>0</v>
      </c>
      <c r="BJ23" s="280">
        <v>20</v>
      </c>
      <c r="BK23" s="280">
        <v>9</v>
      </c>
      <c r="BL23" s="280">
        <v>9</v>
      </c>
      <c r="BM23" s="280">
        <v>3</v>
      </c>
      <c r="BN23" s="280">
        <v>3</v>
      </c>
      <c r="BO23" s="277">
        <v>44</v>
      </c>
      <c r="BP23" s="282">
        <v>44</v>
      </c>
      <c r="BQ23" s="276">
        <v>0</v>
      </c>
      <c r="BR23" s="280">
        <v>1</v>
      </c>
      <c r="BS23" s="277">
        <v>1</v>
      </c>
      <c r="BT23" s="279">
        <v>0</v>
      </c>
      <c r="BU23" s="280">
        <v>3</v>
      </c>
      <c r="BV23" s="280">
        <v>5</v>
      </c>
      <c r="BW23" s="280">
        <v>0</v>
      </c>
      <c r="BX23" s="280">
        <v>1</v>
      </c>
      <c r="BY23" s="280">
        <v>1</v>
      </c>
      <c r="BZ23" s="277">
        <v>10</v>
      </c>
      <c r="CA23" s="282">
        <v>11</v>
      </c>
      <c r="CB23" s="276">
        <v>0</v>
      </c>
      <c r="CC23" s="280">
        <v>1</v>
      </c>
      <c r="CD23" s="277">
        <v>1</v>
      </c>
      <c r="CE23" s="279">
        <v>0</v>
      </c>
      <c r="CF23" s="280">
        <v>3</v>
      </c>
      <c r="CG23" s="280">
        <v>4</v>
      </c>
      <c r="CH23" s="280">
        <v>2</v>
      </c>
      <c r="CI23" s="280">
        <v>1</v>
      </c>
      <c r="CJ23" s="280">
        <v>2</v>
      </c>
      <c r="CK23" s="277">
        <v>12</v>
      </c>
      <c r="CL23" s="282">
        <v>13</v>
      </c>
      <c r="CM23" s="276">
        <v>0</v>
      </c>
      <c r="CN23" s="280">
        <v>0</v>
      </c>
      <c r="CO23" s="277">
        <v>0</v>
      </c>
      <c r="CP23" s="279">
        <v>0</v>
      </c>
      <c r="CQ23" s="280">
        <v>1</v>
      </c>
      <c r="CR23" s="280">
        <v>0</v>
      </c>
      <c r="CS23" s="280">
        <v>0</v>
      </c>
      <c r="CT23" s="280">
        <v>0</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7</v>
      </c>
      <c r="DU23" s="280">
        <v>13</v>
      </c>
      <c r="DV23" s="277">
        <v>20</v>
      </c>
      <c r="DW23" s="279">
        <v>0</v>
      </c>
      <c r="DX23" s="280">
        <v>15</v>
      </c>
      <c r="DY23" s="280">
        <v>29</v>
      </c>
      <c r="DZ23" s="280">
        <v>8</v>
      </c>
      <c r="EA23" s="280">
        <v>10</v>
      </c>
      <c r="EB23" s="280">
        <v>7</v>
      </c>
      <c r="EC23" s="277">
        <v>69</v>
      </c>
      <c r="ED23" s="282">
        <v>89</v>
      </c>
      <c r="EE23" s="276">
        <v>2</v>
      </c>
      <c r="EF23" s="280">
        <v>1</v>
      </c>
      <c r="EG23" s="277">
        <v>3</v>
      </c>
      <c r="EH23" s="279">
        <v>0</v>
      </c>
      <c r="EI23" s="280">
        <v>8</v>
      </c>
      <c r="EJ23" s="280">
        <v>5</v>
      </c>
      <c r="EK23" s="280">
        <v>8</v>
      </c>
      <c r="EL23" s="280">
        <v>4</v>
      </c>
      <c r="EM23" s="280">
        <v>0</v>
      </c>
      <c r="EN23" s="277">
        <v>25</v>
      </c>
      <c r="EO23" s="282">
        <v>28</v>
      </c>
      <c r="EP23" s="276">
        <v>9</v>
      </c>
      <c r="EQ23" s="280">
        <v>15</v>
      </c>
      <c r="ER23" s="277">
        <v>24</v>
      </c>
      <c r="ES23" s="279">
        <v>0</v>
      </c>
      <c r="ET23" s="280">
        <v>46</v>
      </c>
      <c r="EU23" s="280">
        <v>34</v>
      </c>
      <c r="EV23" s="280">
        <v>16</v>
      </c>
      <c r="EW23" s="280">
        <v>9</v>
      </c>
      <c r="EX23" s="280">
        <v>10</v>
      </c>
      <c r="EY23" s="277">
        <v>115</v>
      </c>
      <c r="EZ23" s="282">
        <v>139</v>
      </c>
    </row>
    <row r="24" spans="2:156" ht="21" customHeight="1" x14ac:dyDescent="0.2">
      <c r="B24" s="261" t="s">
        <v>22</v>
      </c>
      <c r="C24" s="276">
        <v>0</v>
      </c>
      <c r="D24" s="280">
        <v>0</v>
      </c>
      <c r="E24" s="382">
        <v>0</v>
      </c>
      <c r="F24" s="279">
        <v>0</v>
      </c>
      <c r="G24" s="280">
        <v>4</v>
      </c>
      <c r="H24" s="280">
        <v>0</v>
      </c>
      <c r="I24" s="280">
        <v>3</v>
      </c>
      <c r="J24" s="280">
        <v>1</v>
      </c>
      <c r="K24" s="280">
        <v>2</v>
      </c>
      <c r="L24" s="281">
        <v>10</v>
      </c>
      <c r="M24" s="282">
        <v>10</v>
      </c>
      <c r="N24" s="276">
        <v>0</v>
      </c>
      <c r="O24" s="280">
        <v>0</v>
      </c>
      <c r="P24" s="277">
        <v>0</v>
      </c>
      <c r="Q24" s="279">
        <v>0</v>
      </c>
      <c r="R24" s="280">
        <v>0</v>
      </c>
      <c r="S24" s="280">
        <v>0</v>
      </c>
      <c r="T24" s="280">
        <v>0</v>
      </c>
      <c r="U24" s="280">
        <v>0</v>
      </c>
      <c r="V24" s="280">
        <v>4</v>
      </c>
      <c r="W24" s="277">
        <v>4</v>
      </c>
      <c r="X24" s="282">
        <v>4</v>
      </c>
      <c r="Y24" s="276">
        <v>0</v>
      </c>
      <c r="Z24" s="280">
        <v>0</v>
      </c>
      <c r="AA24" s="277">
        <v>0</v>
      </c>
      <c r="AB24" s="279">
        <v>0</v>
      </c>
      <c r="AC24" s="280">
        <v>4</v>
      </c>
      <c r="AD24" s="280">
        <v>3</v>
      </c>
      <c r="AE24" s="280">
        <v>3</v>
      </c>
      <c r="AF24" s="280">
        <v>3</v>
      </c>
      <c r="AG24" s="280">
        <v>4</v>
      </c>
      <c r="AH24" s="277">
        <v>17</v>
      </c>
      <c r="AI24" s="282">
        <v>17</v>
      </c>
      <c r="AJ24" s="276">
        <v>0</v>
      </c>
      <c r="AK24" s="280">
        <v>0</v>
      </c>
      <c r="AL24" s="277">
        <v>0</v>
      </c>
      <c r="AM24" s="279">
        <v>0</v>
      </c>
      <c r="AN24" s="280">
        <v>2</v>
      </c>
      <c r="AO24" s="280">
        <v>1</v>
      </c>
      <c r="AP24" s="280">
        <v>0</v>
      </c>
      <c r="AQ24" s="280">
        <v>1</v>
      </c>
      <c r="AR24" s="280">
        <v>0</v>
      </c>
      <c r="AS24" s="277">
        <v>4</v>
      </c>
      <c r="AT24" s="282">
        <v>4</v>
      </c>
      <c r="AU24" s="276">
        <v>0</v>
      </c>
      <c r="AV24" s="280">
        <v>1</v>
      </c>
      <c r="AW24" s="277">
        <v>1</v>
      </c>
      <c r="AX24" s="279">
        <v>0</v>
      </c>
      <c r="AY24" s="280">
        <v>4</v>
      </c>
      <c r="AZ24" s="280">
        <v>2</v>
      </c>
      <c r="BA24" s="280">
        <v>2</v>
      </c>
      <c r="BB24" s="280">
        <v>5</v>
      </c>
      <c r="BC24" s="280">
        <v>1</v>
      </c>
      <c r="BD24" s="281">
        <v>14</v>
      </c>
      <c r="BE24" s="282">
        <v>15</v>
      </c>
      <c r="BF24" s="276">
        <v>0</v>
      </c>
      <c r="BG24" s="280">
        <v>0</v>
      </c>
      <c r="BH24" s="277">
        <v>0</v>
      </c>
      <c r="BI24" s="279">
        <v>0</v>
      </c>
      <c r="BJ24" s="280">
        <v>7</v>
      </c>
      <c r="BK24" s="280">
        <v>2</v>
      </c>
      <c r="BL24" s="280">
        <v>2</v>
      </c>
      <c r="BM24" s="280">
        <v>2</v>
      </c>
      <c r="BN24" s="280">
        <v>2</v>
      </c>
      <c r="BO24" s="277">
        <v>15</v>
      </c>
      <c r="BP24" s="282">
        <v>15</v>
      </c>
      <c r="BQ24" s="276">
        <v>0</v>
      </c>
      <c r="BR24" s="280">
        <v>0</v>
      </c>
      <c r="BS24" s="277">
        <v>0</v>
      </c>
      <c r="BT24" s="279">
        <v>0</v>
      </c>
      <c r="BU24" s="280">
        <v>3</v>
      </c>
      <c r="BV24" s="280">
        <v>1</v>
      </c>
      <c r="BW24" s="280">
        <v>1</v>
      </c>
      <c r="BX24" s="280">
        <v>1</v>
      </c>
      <c r="BY24" s="280">
        <v>1</v>
      </c>
      <c r="BZ24" s="277">
        <v>7</v>
      </c>
      <c r="CA24" s="282">
        <v>7</v>
      </c>
      <c r="CB24" s="276">
        <v>0</v>
      </c>
      <c r="CC24" s="280">
        <v>0</v>
      </c>
      <c r="CD24" s="277">
        <v>0</v>
      </c>
      <c r="CE24" s="279">
        <v>0</v>
      </c>
      <c r="CF24" s="280">
        <v>0</v>
      </c>
      <c r="CG24" s="280">
        <v>1</v>
      </c>
      <c r="CH24" s="280">
        <v>2</v>
      </c>
      <c r="CI24" s="280">
        <v>1</v>
      </c>
      <c r="CJ24" s="280">
        <v>0</v>
      </c>
      <c r="CK24" s="277">
        <v>4</v>
      </c>
      <c r="CL24" s="282">
        <v>4</v>
      </c>
      <c r="CM24" s="276">
        <v>0</v>
      </c>
      <c r="CN24" s="280">
        <v>0</v>
      </c>
      <c r="CO24" s="277">
        <v>0</v>
      </c>
      <c r="CP24" s="279">
        <v>0</v>
      </c>
      <c r="CQ24" s="280">
        <v>0</v>
      </c>
      <c r="CR24" s="280">
        <v>1</v>
      </c>
      <c r="CS24" s="280">
        <v>1</v>
      </c>
      <c r="CT24" s="280">
        <v>0</v>
      </c>
      <c r="CU24" s="280">
        <v>0</v>
      </c>
      <c r="CV24" s="277">
        <v>2</v>
      </c>
      <c r="CW24" s="282">
        <v>2</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2</v>
      </c>
      <c r="DU24" s="280">
        <v>2</v>
      </c>
      <c r="DV24" s="277">
        <v>4</v>
      </c>
      <c r="DW24" s="279">
        <v>0</v>
      </c>
      <c r="DX24" s="280">
        <v>13</v>
      </c>
      <c r="DY24" s="280">
        <v>6</v>
      </c>
      <c r="DZ24" s="280">
        <v>5</v>
      </c>
      <c r="EA24" s="280">
        <v>5</v>
      </c>
      <c r="EB24" s="280">
        <v>5</v>
      </c>
      <c r="EC24" s="277">
        <v>34</v>
      </c>
      <c r="ED24" s="282">
        <v>38</v>
      </c>
      <c r="EE24" s="276">
        <v>0</v>
      </c>
      <c r="EF24" s="280">
        <v>0</v>
      </c>
      <c r="EG24" s="277">
        <v>0</v>
      </c>
      <c r="EH24" s="279">
        <v>0</v>
      </c>
      <c r="EI24" s="280">
        <v>4</v>
      </c>
      <c r="EJ24" s="280">
        <v>4</v>
      </c>
      <c r="EK24" s="280">
        <v>1</v>
      </c>
      <c r="EL24" s="280">
        <v>4</v>
      </c>
      <c r="EM24" s="280">
        <v>1</v>
      </c>
      <c r="EN24" s="277">
        <v>14</v>
      </c>
      <c r="EO24" s="282">
        <v>14</v>
      </c>
      <c r="EP24" s="276">
        <v>1</v>
      </c>
      <c r="EQ24" s="280">
        <v>2</v>
      </c>
      <c r="ER24" s="277">
        <v>3</v>
      </c>
      <c r="ES24" s="279">
        <v>0</v>
      </c>
      <c r="ET24" s="280">
        <v>22</v>
      </c>
      <c r="EU24" s="280">
        <v>10</v>
      </c>
      <c r="EV24" s="280">
        <v>7</v>
      </c>
      <c r="EW24" s="280">
        <v>5</v>
      </c>
      <c r="EX24" s="280">
        <v>6</v>
      </c>
      <c r="EY24" s="277">
        <v>50</v>
      </c>
      <c r="EZ24" s="282">
        <v>53</v>
      </c>
    </row>
    <row r="25" spans="2:156" ht="21" customHeight="1" x14ac:dyDescent="0.2">
      <c r="B25" s="261" t="s">
        <v>23</v>
      </c>
      <c r="C25" s="276">
        <v>0</v>
      </c>
      <c r="D25" s="280">
        <v>0</v>
      </c>
      <c r="E25" s="382">
        <v>0</v>
      </c>
      <c r="F25" s="279">
        <v>0</v>
      </c>
      <c r="G25" s="280">
        <v>2</v>
      </c>
      <c r="H25" s="280">
        <v>4</v>
      </c>
      <c r="I25" s="280">
        <v>6</v>
      </c>
      <c r="J25" s="280">
        <v>2</v>
      </c>
      <c r="K25" s="280">
        <v>0</v>
      </c>
      <c r="L25" s="281">
        <v>14</v>
      </c>
      <c r="M25" s="282">
        <v>14</v>
      </c>
      <c r="N25" s="276">
        <v>0</v>
      </c>
      <c r="O25" s="280">
        <v>0</v>
      </c>
      <c r="P25" s="277">
        <v>0</v>
      </c>
      <c r="Q25" s="279">
        <v>0</v>
      </c>
      <c r="R25" s="280">
        <v>1</v>
      </c>
      <c r="S25" s="280">
        <v>0</v>
      </c>
      <c r="T25" s="280">
        <v>1</v>
      </c>
      <c r="U25" s="280">
        <v>0</v>
      </c>
      <c r="V25" s="280">
        <v>1</v>
      </c>
      <c r="W25" s="277">
        <v>3</v>
      </c>
      <c r="X25" s="282">
        <v>3</v>
      </c>
      <c r="Y25" s="276">
        <v>3</v>
      </c>
      <c r="Z25" s="280">
        <v>3</v>
      </c>
      <c r="AA25" s="277">
        <v>6</v>
      </c>
      <c r="AB25" s="279">
        <v>0</v>
      </c>
      <c r="AC25" s="280">
        <v>4</v>
      </c>
      <c r="AD25" s="280">
        <v>6</v>
      </c>
      <c r="AE25" s="280">
        <v>5</v>
      </c>
      <c r="AF25" s="280">
        <v>3</v>
      </c>
      <c r="AG25" s="280">
        <v>2</v>
      </c>
      <c r="AH25" s="277">
        <v>20</v>
      </c>
      <c r="AI25" s="282">
        <v>26</v>
      </c>
      <c r="AJ25" s="276">
        <v>0</v>
      </c>
      <c r="AK25" s="280">
        <v>1</v>
      </c>
      <c r="AL25" s="277">
        <v>1</v>
      </c>
      <c r="AM25" s="279">
        <v>0</v>
      </c>
      <c r="AN25" s="280">
        <v>0</v>
      </c>
      <c r="AO25" s="280">
        <v>1</v>
      </c>
      <c r="AP25" s="280">
        <v>0</v>
      </c>
      <c r="AQ25" s="280">
        <v>1</v>
      </c>
      <c r="AR25" s="280">
        <v>0</v>
      </c>
      <c r="AS25" s="277">
        <v>2</v>
      </c>
      <c r="AT25" s="282">
        <v>3</v>
      </c>
      <c r="AU25" s="276">
        <v>1</v>
      </c>
      <c r="AV25" s="280">
        <v>0</v>
      </c>
      <c r="AW25" s="277">
        <v>1</v>
      </c>
      <c r="AX25" s="279">
        <v>0</v>
      </c>
      <c r="AY25" s="280">
        <v>3</v>
      </c>
      <c r="AZ25" s="280">
        <v>2</v>
      </c>
      <c r="BA25" s="280">
        <v>8</v>
      </c>
      <c r="BB25" s="280">
        <v>14</v>
      </c>
      <c r="BC25" s="280">
        <v>9</v>
      </c>
      <c r="BD25" s="281">
        <v>36</v>
      </c>
      <c r="BE25" s="282">
        <v>37</v>
      </c>
      <c r="BF25" s="276">
        <v>0</v>
      </c>
      <c r="BG25" s="280">
        <v>0</v>
      </c>
      <c r="BH25" s="277">
        <v>0</v>
      </c>
      <c r="BI25" s="279">
        <v>0</v>
      </c>
      <c r="BJ25" s="280">
        <v>11</v>
      </c>
      <c r="BK25" s="280">
        <v>13</v>
      </c>
      <c r="BL25" s="280">
        <v>7</v>
      </c>
      <c r="BM25" s="280">
        <v>3</v>
      </c>
      <c r="BN25" s="280">
        <v>1</v>
      </c>
      <c r="BO25" s="277">
        <v>35</v>
      </c>
      <c r="BP25" s="282">
        <v>35</v>
      </c>
      <c r="BQ25" s="276">
        <v>0</v>
      </c>
      <c r="BR25" s="280">
        <v>0</v>
      </c>
      <c r="BS25" s="277">
        <v>0</v>
      </c>
      <c r="BT25" s="279">
        <v>0</v>
      </c>
      <c r="BU25" s="280">
        <v>2</v>
      </c>
      <c r="BV25" s="280">
        <v>2</v>
      </c>
      <c r="BW25" s="280">
        <v>3</v>
      </c>
      <c r="BX25" s="280">
        <v>2</v>
      </c>
      <c r="BY25" s="280">
        <v>0</v>
      </c>
      <c r="BZ25" s="277">
        <v>9</v>
      </c>
      <c r="CA25" s="282">
        <v>9</v>
      </c>
      <c r="CB25" s="276">
        <v>0</v>
      </c>
      <c r="CC25" s="280">
        <v>0</v>
      </c>
      <c r="CD25" s="277">
        <v>0</v>
      </c>
      <c r="CE25" s="279">
        <v>0</v>
      </c>
      <c r="CF25" s="280">
        <v>3</v>
      </c>
      <c r="CG25" s="280">
        <v>2</v>
      </c>
      <c r="CH25" s="280">
        <v>1</v>
      </c>
      <c r="CI25" s="280">
        <v>1</v>
      </c>
      <c r="CJ25" s="280">
        <v>0</v>
      </c>
      <c r="CK25" s="277">
        <v>7</v>
      </c>
      <c r="CL25" s="282">
        <v>7</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4</v>
      </c>
      <c r="DU25" s="280">
        <v>6</v>
      </c>
      <c r="DV25" s="277">
        <v>10</v>
      </c>
      <c r="DW25" s="279">
        <v>0</v>
      </c>
      <c r="DX25" s="280">
        <v>13</v>
      </c>
      <c r="DY25" s="280">
        <v>18</v>
      </c>
      <c r="DZ25" s="280">
        <v>9</v>
      </c>
      <c r="EA25" s="280">
        <v>7</v>
      </c>
      <c r="EB25" s="280">
        <v>4</v>
      </c>
      <c r="EC25" s="277">
        <v>51</v>
      </c>
      <c r="ED25" s="282">
        <v>61</v>
      </c>
      <c r="EE25" s="276">
        <v>0</v>
      </c>
      <c r="EF25" s="280">
        <v>0</v>
      </c>
      <c r="EG25" s="277">
        <v>0</v>
      </c>
      <c r="EH25" s="279">
        <v>0</v>
      </c>
      <c r="EI25" s="280">
        <v>3</v>
      </c>
      <c r="EJ25" s="280">
        <v>1</v>
      </c>
      <c r="EK25" s="280">
        <v>1</v>
      </c>
      <c r="EL25" s="280">
        <v>13</v>
      </c>
      <c r="EM25" s="280">
        <v>5</v>
      </c>
      <c r="EN25" s="277">
        <v>23</v>
      </c>
      <c r="EO25" s="282">
        <v>23</v>
      </c>
      <c r="EP25" s="276">
        <v>6</v>
      </c>
      <c r="EQ25" s="280">
        <v>9</v>
      </c>
      <c r="ER25" s="277">
        <v>15</v>
      </c>
      <c r="ES25" s="279">
        <v>0</v>
      </c>
      <c r="ET25" s="280">
        <v>20</v>
      </c>
      <c r="EU25" s="280">
        <v>27</v>
      </c>
      <c r="EV25" s="280">
        <v>15</v>
      </c>
      <c r="EW25" s="280">
        <v>7</v>
      </c>
      <c r="EX25" s="280">
        <v>4</v>
      </c>
      <c r="EY25" s="277">
        <v>73</v>
      </c>
      <c r="EZ25" s="282">
        <v>88</v>
      </c>
    </row>
    <row r="26" spans="2:156" ht="21" customHeight="1" x14ac:dyDescent="0.2">
      <c r="B26" s="261" t="s">
        <v>24</v>
      </c>
      <c r="C26" s="276">
        <v>0</v>
      </c>
      <c r="D26" s="280">
        <v>0</v>
      </c>
      <c r="E26" s="382">
        <v>0</v>
      </c>
      <c r="F26" s="279">
        <v>0</v>
      </c>
      <c r="G26" s="280">
        <v>8</v>
      </c>
      <c r="H26" s="280">
        <v>5</v>
      </c>
      <c r="I26" s="280">
        <v>5</v>
      </c>
      <c r="J26" s="280">
        <v>2</v>
      </c>
      <c r="K26" s="280">
        <v>5</v>
      </c>
      <c r="L26" s="281">
        <v>25</v>
      </c>
      <c r="M26" s="282">
        <v>25</v>
      </c>
      <c r="N26" s="276">
        <v>0</v>
      </c>
      <c r="O26" s="280">
        <v>0</v>
      </c>
      <c r="P26" s="277">
        <v>0</v>
      </c>
      <c r="Q26" s="279">
        <v>0</v>
      </c>
      <c r="R26" s="280">
        <v>0</v>
      </c>
      <c r="S26" s="280">
        <v>0</v>
      </c>
      <c r="T26" s="280">
        <v>0</v>
      </c>
      <c r="U26" s="280">
        <v>1</v>
      </c>
      <c r="V26" s="280">
        <v>3</v>
      </c>
      <c r="W26" s="277">
        <v>4</v>
      </c>
      <c r="X26" s="282">
        <v>4</v>
      </c>
      <c r="Y26" s="276">
        <v>1</v>
      </c>
      <c r="Z26" s="280">
        <v>3</v>
      </c>
      <c r="AA26" s="277">
        <v>4</v>
      </c>
      <c r="AB26" s="279">
        <v>0</v>
      </c>
      <c r="AC26" s="280">
        <v>7</v>
      </c>
      <c r="AD26" s="280">
        <v>3</v>
      </c>
      <c r="AE26" s="280">
        <v>6</v>
      </c>
      <c r="AF26" s="280">
        <v>5</v>
      </c>
      <c r="AG26" s="280">
        <v>2</v>
      </c>
      <c r="AH26" s="277">
        <v>23</v>
      </c>
      <c r="AI26" s="282">
        <v>27</v>
      </c>
      <c r="AJ26" s="276">
        <v>0</v>
      </c>
      <c r="AK26" s="280">
        <v>0</v>
      </c>
      <c r="AL26" s="277">
        <v>0</v>
      </c>
      <c r="AM26" s="279">
        <v>0</v>
      </c>
      <c r="AN26" s="280">
        <v>0</v>
      </c>
      <c r="AO26" s="280">
        <v>1</v>
      </c>
      <c r="AP26" s="280">
        <v>0</v>
      </c>
      <c r="AQ26" s="280">
        <v>0</v>
      </c>
      <c r="AR26" s="280">
        <v>1</v>
      </c>
      <c r="AS26" s="277">
        <v>2</v>
      </c>
      <c r="AT26" s="282">
        <v>2</v>
      </c>
      <c r="AU26" s="276">
        <v>3</v>
      </c>
      <c r="AV26" s="280">
        <v>2</v>
      </c>
      <c r="AW26" s="277">
        <v>5</v>
      </c>
      <c r="AX26" s="279">
        <v>0</v>
      </c>
      <c r="AY26" s="280">
        <v>7</v>
      </c>
      <c r="AZ26" s="280">
        <v>9</v>
      </c>
      <c r="BA26" s="280">
        <v>8</v>
      </c>
      <c r="BB26" s="280">
        <v>9</v>
      </c>
      <c r="BC26" s="280">
        <v>11</v>
      </c>
      <c r="BD26" s="281">
        <v>44</v>
      </c>
      <c r="BE26" s="282">
        <v>49</v>
      </c>
      <c r="BF26" s="276">
        <v>0</v>
      </c>
      <c r="BG26" s="280">
        <v>0</v>
      </c>
      <c r="BH26" s="277">
        <v>0</v>
      </c>
      <c r="BI26" s="279">
        <v>0</v>
      </c>
      <c r="BJ26" s="280">
        <v>12</v>
      </c>
      <c r="BK26" s="280">
        <v>7</v>
      </c>
      <c r="BL26" s="280">
        <v>4</v>
      </c>
      <c r="BM26" s="280">
        <v>1</v>
      </c>
      <c r="BN26" s="280">
        <v>2</v>
      </c>
      <c r="BO26" s="277">
        <v>26</v>
      </c>
      <c r="BP26" s="282">
        <v>26</v>
      </c>
      <c r="BQ26" s="276">
        <v>2</v>
      </c>
      <c r="BR26" s="280">
        <v>0</v>
      </c>
      <c r="BS26" s="277">
        <v>2</v>
      </c>
      <c r="BT26" s="279">
        <v>0</v>
      </c>
      <c r="BU26" s="280">
        <v>4</v>
      </c>
      <c r="BV26" s="280">
        <v>7</v>
      </c>
      <c r="BW26" s="280">
        <v>2</v>
      </c>
      <c r="BX26" s="280">
        <v>0</v>
      </c>
      <c r="BY26" s="280">
        <v>2</v>
      </c>
      <c r="BZ26" s="277">
        <v>15</v>
      </c>
      <c r="CA26" s="282">
        <v>17</v>
      </c>
      <c r="CB26" s="276">
        <v>0</v>
      </c>
      <c r="CC26" s="280">
        <v>0</v>
      </c>
      <c r="CD26" s="277">
        <v>0</v>
      </c>
      <c r="CE26" s="279">
        <v>0</v>
      </c>
      <c r="CF26" s="280">
        <v>1</v>
      </c>
      <c r="CG26" s="280">
        <v>3</v>
      </c>
      <c r="CH26" s="280">
        <v>1</v>
      </c>
      <c r="CI26" s="280">
        <v>1</v>
      </c>
      <c r="CJ26" s="280">
        <v>1</v>
      </c>
      <c r="CK26" s="277">
        <v>7</v>
      </c>
      <c r="CL26" s="282">
        <v>7</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6</v>
      </c>
      <c r="DU26" s="280">
        <v>10</v>
      </c>
      <c r="DV26" s="277">
        <v>16</v>
      </c>
      <c r="DW26" s="279">
        <v>0</v>
      </c>
      <c r="DX26" s="280">
        <v>11</v>
      </c>
      <c r="DY26" s="280">
        <v>16</v>
      </c>
      <c r="DZ26" s="280">
        <v>10</v>
      </c>
      <c r="EA26" s="280">
        <v>7</v>
      </c>
      <c r="EB26" s="280">
        <v>7</v>
      </c>
      <c r="EC26" s="277">
        <v>51</v>
      </c>
      <c r="ED26" s="282">
        <v>67</v>
      </c>
      <c r="EE26" s="276">
        <v>2</v>
      </c>
      <c r="EF26" s="280">
        <v>1</v>
      </c>
      <c r="EG26" s="277">
        <v>3</v>
      </c>
      <c r="EH26" s="279">
        <v>0</v>
      </c>
      <c r="EI26" s="280">
        <v>5</v>
      </c>
      <c r="EJ26" s="280">
        <v>8</v>
      </c>
      <c r="EK26" s="280">
        <v>3</v>
      </c>
      <c r="EL26" s="280">
        <v>5</v>
      </c>
      <c r="EM26" s="280">
        <v>4</v>
      </c>
      <c r="EN26" s="277">
        <v>25</v>
      </c>
      <c r="EO26" s="282">
        <v>28</v>
      </c>
      <c r="EP26" s="276">
        <v>9</v>
      </c>
      <c r="EQ26" s="280">
        <v>12</v>
      </c>
      <c r="ER26" s="277">
        <v>21</v>
      </c>
      <c r="ES26" s="279">
        <v>0</v>
      </c>
      <c r="ET26" s="280">
        <v>21</v>
      </c>
      <c r="EU26" s="280">
        <v>20</v>
      </c>
      <c r="EV26" s="280">
        <v>14</v>
      </c>
      <c r="EW26" s="280">
        <v>7</v>
      </c>
      <c r="EX26" s="280">
        <v>7</v>
      </c>
      <c r="EY26" s="277">
        <v>69</v>
      </c>
      <c r="EZ26" s="282">
        <v>90</v>
      </c>
    </row>
    <row r="27" spans="2:156" ht="21" customHeight="1" x14ac:dyDescent="0.2">
      <c r="B27" s="261" t="s">
        <v>25</v>
      </c>
      <c r="C27" s="276">
        <v>0</v>
      </c>
      <c r="D27" s="280">
        <v>0</v>
      </c>
      <c r="E27" s="382">
        <v>0</v>
      </c>
      <c r="F27" s="279">
        <v>0</v>
      </c>
      <c r="G27" s="280">
        <v>6</v>
      </c>
      <c r="H27" s="280">
        <v>4</v>
      </c>
      <c r="I27" s="280">
        <v>1</v>
      </c>
      <c r="J27" s="280">
        <v>2</v>
      </c>
      <c r="K27" s="280">
        <v>1</v>
      </c>
      <c r="L27" s="281">
        <v>14</v>
      </c>
      <c r="M27" s="282">
        <v>14</v>
      </c>
      <c r="N27" s="276">
        <v>0</v>
      </c>
      <c r="O27" s="280">
        <v>0</v>
      </c>
      <c r="P27" s="277">
        <v>0</v>
      </c>
      <c r="Q27" s="279">
        <v>0</v>
      </c>
      <c r="R27" s="280">
        <v>0</v>
      </c>
      <c r="S27" s="280">
        <v>0</v>
      </c>
      <c r="T27" s="280">
        <v>0</v>
      </c>
      <c r="U27" s="280">
        <v>3</v>
      </c>
      <c r="V27" s="280">
        <v>2</v>
      </c>
      <c r="W27" s="277">
        <v>5</v>
      </c>
      <c r="X27" s="282">
        <v>5</v>
      </c>
      <c r="Y27" s="276">
        <v>1</v>
      </c>
      <c r="Z27" s="280">
        <v>3</v>
      </c>
      <c r="AA27" s="277">
        <v>4</v>
      </c>
      <c r="AB27" s="279">
        <v>0</v>
      </c>
      <c r="AC27" s="280">
        <v>4</v>
      </c>
      <c r="AD27" s="280">
        <v>5</v>
      </c>
      <c r="AE27" s="280">
        <v>1</v>
      </c>
      <c r="AF27" s="280">
        <v>3</v>
      </c>
      <c r="AG27" s="280">
        <v>2</v>
      </c>
      <c r="AH27" s="277">
        <v>15</v>
      </c>
      <c r="AI27" s="282">
        <v>19</v>
      </c>
      <c r="AJ27" s="276">
        <v>0</v>
      </c>
      <c r="AK27" s="280">
        <v>0</v>
      </c>
      <c r="AL27" s="277">
        <v>0</v>
      </c>
      <c r="AM27" s="279">
        <v>0</v>
      </c>
      <c r="AN27" s="280">
        <v>0</v>
      </c>
      <c r="AO27" s="280">
        <v>0</v>
      </c>
      <c r="AP27" s="280">
        <v>0</v>
      </c>
      <c r="AQ27" s="280">
        <v>0</v>
      </c>
      <c r="AR27" s="280">
        <v>0</v>
      </c>
      <c r="AS27" s="277">
        <v>0</v>
      </c>
      <c r="AT27" s="282">
        <v>0</v>
      </c>
      <c r="AU27" s="276">
        <v>2</v>
      </c>
      <c r="AV27" s="280">
        <v>1</v>
      </c>
      <c r="AW27" s="277">
        <v>3</v>
      </c>
      <c r="AX27" s="279">
        <v>0</v>
      </c>
      <c r="AY27" s="280">
        <v>1</v>
      </c>
      <c r="AZ27" s="280">
        <v>2</v>
      </c>
      <c r="BA27" s="280">
        <v>2</v>
      </c>
      <c r="BB27" s="280">
        <v>4</v>
      </c>
      <c r="BC27" s="280">
        <v>4</v>
      </c>
      <c r="BD27" s="281">
        <v>13</v>
      </c>
      <c r="BE27" s="282">
        <v>16</v>
      </c>
      <c r="BF27" s="276">
        <v>0</v>
      </c>
      <c r="BG27" s="280">
        <v>0</v>
      </c>
      <c r="BH27" s="277">
        <v>0</v>
      </c>
      <c r="BI27" s="279">
        <v>0</v>
      </c>
      <c r="BJ27" s="280">
        <v>6</v>
      </c>
      <c r="BK27" s="280">
        <v>2</v>
      </c>
      <c r="BL27" s="280">
        <v>1</v>
      </c>
      <c r="BM27" s="280">
        <v>2</v>
      </c>
      <c r="BN27" s="280">
        <v>0</v>
      </c>
      <c r="BO27" s="277">
        <v>11</v>
      </c>
      <c r="BP27" s="282">
        <v>11</v>
      </c>
      <c r="BQ27" s="276">
        <v>0</v>
      </c>
      <c r="BR27" s="280">
        <v>2</v>
      </c>
      <c r="BS27" s="277">
        <v>2</v>
      </c>
      <c r="BT27" s="279">
        <v>0</v>
      </c>
      <c r="BU27" s="280">
        <v>2</v>
      </c>
      <c r="BV27" s="280">
        <v>4</v>
      </c>
      <c r="BW27" s="280">
        <v>1</v>
      </c>
      <c r="BX27" s="280">
        <v>0</v>
      </c>
      <c r="BY27" s="280">
        <v>1</v>
      </c>
      <c r="BZ27" s="277">
        <v>8</v>
      </c>
      <c r="CA27" s="282">
        <v>10</v>
      </c>
      <c r="CB27" s="276">
        <v>0</v>
      </c>
      <c r="CC27" s="280">
        <v>0</v>
      </c>
      <c r="CD27" s="277">
        <v>0</v>
      </c>
      <c r="CE27" s="279">
        <v>0</v>
      </c>
      <c r="CF27" s="280">
        <v>2</v>
      </c>
      <c r="CG27" s="280">
        <v>1</v>
      </c>
      <c r="CH27" s="280">
        <v>0</v>
      </c>
      <c r="CI27" s="280">
        <v>1</v>
      </c>
      <c r="CJ27" s="280">
        <v>0</v>
      </c>
      <c r="CK27" s="277">
        <v>4</v>
      </c>
      <c r="CL27" s="282">
        <v>4</v>
      </c>
      <c r="CM27" s="276">
        <v>0</v>
      </c>
      <c r="CN27" s="280">
        <v>0</v>
      </c>
      <c r="CO27" s="277">
        <v>0</v>
      </c>
      <c r="CP27" s="279">
        <v>0</v>
      </c>
      <c r="CQ27" s="280">
        <v>0</v>
      </c>
      <c r="CR27" s="280">
        <v>1</v>
      </c>
      <c r="CS27" s="280">
        <v>0</v>
      </c>
      <c r="CT27" s="280">
        <v>0</v>
      </c>
      <c r="CU27" s="280">
        <v>1</v>
      </c>
      <c r="CV27" s="277">
        <v>2</v>
      </c>
      <c r="CW27" s="282">
        <v>2</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5</v>
      </c>
      <c r="DU27" s="280">
        <v>9</v>
      </c>
      <c r="DV27" s="277">
        <v>14</v>
      </c>
      <c r="DW27" s="279">
        <v>0</v>
      </c>
      <c r="DX27" s="280">
        <v>8</v>
      </c>
      <c r="DY27" s="280">
        <v>10</v>
      </c>
      <c r="DZ27" s="280">
        <v>3</v>
      </c>
      <c r="EA27" s="280">
        <v>6</v>
      </c>
      <c r="EB27" s="280">
        <v>3</v>
      </c>
      <c r="EC27" s="277">
        <v>30</v>
      </c>
      <c r="ED27" s="282">
        <v>44</v>
      </c>
      <c r="EE27" s="276">
        <v>0</v>
      </c>
      <c r="EF27" s="280">
        <v>0</v>
      </c>
      <c r="EG27" s="277">
        <v>0</v>
      </c>
      <c r="EH27" s="279">
        <v>0</v>
      </c>
      <c r="EI27" s="280">
        <v>0</v>
      </c>
      <c r="EJ27" s="280">
        <v>1</v>
      </c>
      <c r="EK27" s="280">
        <v>2</v>
      </c>
      <c r="EL27" s="280">
        <v>2</v>
      </c>
      <c r="EM27" s="280">
        <v>2</v>
      </c>
      <c r="EN27" s="277">
        <v>7</v>
      </c>
      <c r="EO27" s="282">
        <v>7</v>
      </c>
      <c r="EP27" s="276">
        <v>6</v>
      </c>
      <c r="EQ27" s="280">
        <v>12</v>
      </c>
      <c r="ER27" s="277">
        <v>18</v>
      </c>
      <c r="ES27" s="279">
        <v>0</v>
      </c>
      <c r="ET27" s="280">
        <v>18</v>
      </c>
      <c r="EU27" s="280">
        <v>12</v>
      </c>
      <c r="EV27" s="280">
        <v>3</v>
      </c>
      <c r="EW27" s="280">
        <v>7</v>
      </c>
      <c r="EX27" s="280">
        <v>3</v>
      </c>
      <c r="EY27" s="277">
        <v>43</v>
      </c>
      <c r="EZ27" s="282">
        <v>61</v>
      </c>
    </row>
    <row r="28" spans="2:156" ht="21" customHeight="1" x14ac:dyDescent="0.2">
      <c r="B28" s="261" t="s">
        <v>26</v>
      </c>
      <c r="C28" s="276">
        <v>0</v>
      </c>
      <c r="D28" s="280">
        <v>0</v>
      </c>
      <c r="E28" s="382">
        <v>0</v>
      </c>
      <c r="F28" s="279">
        <v>0</v>
      </c>
      <c r="G28" s="280">
        <v>6</v>
      </c>
      <c r="H28" s="280">
        <v>1</v>
      </c>
      <c r="I28" s="280">
        <v>3</v>
      </c>
      <c r="J28" s="280">
        <v>2</v>
      </c>
      <c r="K28" s="280">
        <v>3</v>
      </c>
      <c r="L28" s="281">
        <v>15</v>
      </c>
      <c r="M28" s="282">
        <v>15</v>
      </c>
      <c r="N28" s="276">
        <v>0</v>
      </c>
      <c r="O28" s="280">
        <v>0</v>
      </c>
      <c r="P28" s="277">
        <v>0</v>
      </c>
      <c r="Q28" s="279">
        <v>0</v>
      </c>
      <c r="R28" s="280">
        <v>0</v>
      </c>
      <c r="S28" s="280">
        <v>0</v>
      </c>
      <c r="T28" s="280">
        <v>0</v>
      </c>
      <c r="U28" s="280">
        <v>1</v>
      </c>
      <c r="V28" s="280">
        <v>1</v>
      </c>
      <c r="W28" s="277">
        <v>2</v>
      </c>
      <c r="X28" s="282">
        <v>2</v>
      </c>
      <c r="Y28" s="276">
        <v>1</v>
      </c>
      <c r="Z28" s="280">
        <v>2</v>
      </c>
      <c r="AA28" s="277">
        <v>3</v>
      </c>
      <c r="AB28" s="279">
        <v>0</v>
      </c>
      <c r="AC28" s="280">
        <v>4</v>
      </c>
      <c r="AD28" s="280">
        <v>5</v>
      </c>
      <c r="AE28" s="280">
        <v>2</v>
      </c>
      <c r="AF28" s="280">
        <v>4</v>
      </c>
      <c r="AG28" s="280">
        <v>4</v>
      </c>
      <c r="AH28" s="277">
        <v>19</v>
      </c>
      <c r="AI28" s="282">
        <v>22</v>
      </c>
      <c r="AJ28" s="276">
        <v>0</v>
      </c>
      <c r="AK28" s="280">
        <v>0</v>
      </c>
      <c r="AL28" s="277">
        <v>0</v>
      </c>
      <c r="AM28" s="279">
        <v>0</v>
      </c>
      <c r="AN28" s="280">
        <v>0</v>
      </c>
      <c r="AO28" s="280">
        <v>0</v>
      </c>
      <c r="AP28" s="280">
        <v>0</v>
      </c>
      <c r="AQ28" s="280">
        <v>0</v>
      </c>
      <c r="AR28" s="280">
        <v>0</v>
      </c>
      <c r="AS28" s="277">
        <v>0</v>
      </c>
      <c r="AT28" s="282">
        <v>0</v>
      </c>
      <c r="AU28" s="276">
        <v>3</v>
      </c>
      <c r="AV28" s="280">
        <v>1</v>
      </c>
      <c r="AW28" s="277">
        <v>4</v>
      </c>
      <c r="AX28" s="279">
        <v>0</v>
      </c>
      <c r="AY28" s="280">
        <v>3</v>
      </c>
      <c r="AZ28" s="280">
        <v>7</v>
      </c>
      <c r="BA28" s="280">
        <v>2</v>
      </c>
      <c r="BB28" s="280">
        <v>4</v>
      </c>
      <c r="BC28" s="280">
        <v>4</v>
      </c>
      <c r="BD28" s="281">
        <v>20</v>
      </c>
      <c r="BE28" s="282">
        <v>24</v>
      </c>
      <c r="BF28" s="276">
        <v>0</v>
      </c>
      <c r="BG28" s="280">
        <v>0</v>
      </c>
      <c r="BH28" s="277">
        <v>0</v>
      </c>
      <c r="BI28" s="279">
        <v>0</v>
      </c>
      <c r="BJ28" s="280">
        <v>7</v>
      </c>
      <c r="BK28" s="280">
        <v>4</v>
      </c>
      <c r="BL28" s="280">
        <v>4</v>
      </c>
      <c r="BM28" s="280">
        <v>2</v>
      </c>
      <c r="BN28" s="280">
        <v>0</v>
      </c>
      <c r="BO28" s="277">
        <v>17</v>
      </c>
      <c r="BP28" s="282">
        <v>17</v>
      </c>
      <c r="BQ28" s="276">
        <v>0</v>
      </c>
      <c r="BR28" s="280">
        <v>0</v>
      </c>
      <c r="BS28" s="277">
        <v>0</v>
      </c>
      <c r="BT28" s="279">
        <v>0</v>
      </c>
      <c r="BU28" s="280">
        <v>2</v>
      </c>
      <c r="BV28" s="280">
        <v>3</v>
      </c>
      <c r="BW28" s="280">
        <v>2</v>
      </c>
      <c r="BX28" s="280">
        <v>0</v>
      </c>
      <c r="BY28" s="280">
        <v>0</v>
      </c>
      <c r="BZ28" s="277">
        <v>7</v>
      </c>
      <c r="CA28" s="282">
        <v>7</v>
      </c>
      <c r="CB28" s="276">
        <v>0</v>
      </c>
      <c r="CC28" s="280">
        <v>0</v>
      </c>
      <c r="CD28" s="277">
        <v>0</v>
      </c>
      <c r="CE28" s="279">
        <v>0</v>
      </c>
      <c r="CF28" s="280">
        <v>0</v>
      </c>
      <c r="CG28" s="280">
        <v>0</v>
      </c>
      <c r="CH28" s="280">
        <v>1</v>
      </c>
      <c r="CI28" s="280">
        <v>1</v>
      </c>
      <c r="CJ28" s="280">
        <v>0</v>
      </c>
      <c r="CK28" s="277">
        <v>2</v>
      </c>
      <c r="CL28" s="282">
        <v>2</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1</v>
      </c>
      <c r="DU28" s="280">
        <v>3</v>
      </c>
      <c r="DV28" s="277">
        <v>4</v>
      </c>
      <c r="DW28" s="279">
        <v>0</v>
      </c>
      <c r="DX28" s="280">
        <v>8</v>
      </c>
      <c r="DY28" s="280">
        <v>7</v>
      </c>
      <c r="DZ28" s="280">
        <v>5</v>
      </c>
      <c r="EA28" s="280">
        <v>5</v>
      </c>
      <c r="EB28" s="280">
        <v>4</v>
      </c>
      <c r="EC28" s="277">
        <v>29</v>
      </c>
      <c r="ED28" s="282">
        <v>33</v>
      </c>
      <c r="EE28" s="276">
        <v>3</v>
      </c>
      <c r="EF28" s="280">
        <v>1</v>
      </c>
      <c r="EG28" s="277">
        <v>4</v>
      </c>
      <c r="EH28" s="279">
        <v>0</v>
      </c>
      <c r="EI28" s="280">
        <v>1</v>
      </c>
      <c r="EJ28" s="280">
        <v>7</v>
      </c>
      <c r="EK28" s="280">
        <v>0</v>
      </c>
      <c r="EL28" s="280">
        <v>1</v>
      </c>
      <c r="EM28" s="280">
        <v>1</v>
      </c>
      <c r="EN28" s="277">
        <v>10</v>
      </c>
      <c r="EO28" s="282">
        <v>14</v>
      </c>
      <c r="EP28" s="276">
        <v>2</v>
      </c>
      <c r="EQ28" s="280">
        <v>5</v>
      </c>
      <c r="ER28" s="277">
        <v>7</v>
      </c>
      <c r="ES28" s="279">
        <v>0</v>
      </c>
      <c r="ET28" s="280">
        <v>17</v>
      </c>
      <c r="EU28" s="280">
        <v>13</v>
      </c>
      <c r="EV28" s="280">
        <v>7</v>
      </c>
      <c r="EW28" s="280">
        <v>5</v>
      </c>
      <c r="EX28" s="280">
        <v>4</v>
      </c>
      <c r="EY28" s="277">
        <v>46</v>
      </c>
      <c r="EZ28" s="282">
        <v>53</v>
      </c>
    </row>
    <row r="29" spans="2:156" ht="21" customHeight="1" x14ac:dyDescent="0.2">
      <c r="B29" s="261" t="s">
        <v>27</v>
      </c>
      <c r="C29" s="276">
        <v>0</v>
      </c>
      <c r="D29" s="280">
        <v>0</v>
      </c>
      <c r="E29" s="382">
        <v>0</v>
      </c>
      <c r="F29" s="279">
        <v>0</v>
      </c>
      <c r="G29" s="280">
        <v>1</v>
      </c>
      <c r="H29" s="280">
        <v>2</v>
      </c>
      <c r="I29" s="280">
        <v>3</v>
      </c>
      <c r="J29" s="280">
        <v>0</v>
      </c>
      <c r="K29" s="280">
        <v>1</v>
      </c>
      <c r="L29" s="281">
        <v>7</v>
      </c>
      <c r="M29" s="282">
        <v>7</v>
      </c>
      <c r="N29" s="276">
        <v>0</v>
      </c>
      <c r="O29" s="280">
        <v>0</v>
      </c>
      <c r="P29" s="277">
        <v>0</v>
      </c>
      <c r="Q29" s="279">
        <v>0</v>
      </c>
      <c r="R29" s="280">
        <v>0</v>
      </c>
      <c r="S29" s="280">
        <v>0</v>
      </c>
      <c r="T29" s="280">
        <v>0</v>
      </c>
      <c r="U29" s="280">
        <v>1</v>
      </c>
      <c r="V29" s="280">
        <v>0</v>
      </c>
      <c r="W29" s="277">
        <v>1</v>
      </c>
      <c r="X29" s="282">
        <v>1</v>
      </c>
      <c r="Y29" s="276">
        <v>3</v>
      </c>
      <c r="Z29" s="280">
        <v>4</v>
      </c>
      <c r="AA29" s="277">
        <v>7</v>
      </c>
      <c r="AB29" s="279">
        <v>0</v>
      </c>
      <c r="AC29" s="280">
        <v>1</v>
      </c>
      <c r="AD29" s="280">
        <v>4</v>
      </c>
      <c r="AE29" s="280">
        <v>4</v>
      </c>
      <c r="AF29" s="280">
        <v>1</v>
      </c>
      <c r="AG29" s="280">
        <v>0</v>
      </c>
      <c r="AH29" s="277">
        <v>10</v>
      </c>
      <c r="AI29" s="282">
        <v>17</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2</v>
      </c>
      <c r="AZ29" s="280">
        <v>1</v>
      </c>
      <c r="BA29" s="280">
        <v>10</v>
      </c>
      <c r="BB29" s="280">
        <v>6</v>
      </c>
      <c r="BC29" s="280">
        <v>3</v>
      </c>
      <c r="BD29" s="281">
        <v>22</v>
      </c>
      <c r="BE29" s="282">
        <v>22</v>
      </c>
      <c r="BF29" s="276">
        <v>0</v>
      </c>
      <c r="BG29" s="280">
        <v>0</v>
      </c>
      <c r="BH29" s="277">
        <v>0</v>
      </c>
      <c r="BI29" s="279">
        <v>0</v>
      </c>
      <c r="BJ29" s="280">
        <v>1</v>
      </c>
      <c r="BK29" s="280">
        <v>3</v>
      </c>
      <c r="BL29" s="280">
        <v>1</v>
      </c>
      <c r="BM29" s="280">
        <v>1</v>
      </c>
      <c r="BN29" s="280">
        <v>0</v>
      </c>
      <c r="BO29" s="277">
        <v>6</v>
      </c>
      <c r="BP29" s="282">
        <v>6</v>
      </c>
      <c r="BQ29" s="276">
        <v>1</v>
      </c>
      <c r="BR29" s="280">
        <v>0</v>
      </c>
      <c r="BS29" s="277">
        <v>1</v>
      </c>
      <c r="BT29" s="279">
        <v>0</v>
      </c>
      <c r="BU29" s="280">
        <v>0</v>
      </c>
      <c r="BV29" s="280">
        <v>3</v>
      </c>
      <c r="BW29" s="280">
        <v>1</v>
      </c>
      <c r="BX29" s="280">
        <v>0</v>
      </c>
      <c r="BY29" s="280">
        <v>0</v>
      </c>
      <c r="BZ29" s="277">
        <v>4</v>
      </c>
      <c r="CA29" s="282">
        <v>5</v>
      </c>
      <c r="CB29" s="276">
        <v>0</v>
      </c>
      <c r="CC29" s="280">
        <v>0</v>
      </c>
      <c r="CD29" s="277">
        <v>0</v>
      </c>
      <c r="CE29" s="279">
        <v>0</v>
      </c>
      <c r="CF29" s="280">
        <v>0</v>
      </c>
      <c r="CG29" s="280">
        <v>1</v>
      </c>
      <c r="CH29" s="280">
        <v>1</v>
      </c>
      <c r="CI29" s="280">
        <v>1</v>
      </c>
      <c r="CJ29" s="280">
        <v>0</v>
      </c>
      <c r="CK29" s="277">
        <v>3</v>
      </c>
      <c r="CL29" s="282">
        <v>3</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5</v>
      </c>
      <c r="DU29" s="280">
        <v>8</v>
      </c>
      <c r="DV29" s="277">
        <v>13</v>
      </c>
      <c r="DW29" s="279">
        <v>0</v>
      </c>
      <c r="DX29" s="280">
        <v>1</v>
      </c>
      <c r="DY29" s="280">
        <v>7</v>
      </c>
      <c r="DZ29" s="280">
        <v>6</v>
      </c>
      <c r="EA29" s="280">
        <v>2</v>
      </c>
      <c r="EB29" s="280">
        <v>1</v>
      </c>
      <c r="EC29" s="277">
        <v>17</v>
      </c>
      <c r="ED29" s="282">
        <v>30</v>
      </c>
      <c r="EE29" s="276">
        <v>0</v>
      </c>
      <c r="EF29" s="280">
        <v>0</v>
      </c>
      <c r="EG29" s="277">
        <v>0</v>
      </c>
      <c r="EH29" s="279">
        <v>0</v>
      </c>
      <c r="EI29" s="280">
        <v>3</v>
      </c>
      <c r="EJ29" s="280">
        <v>1</v>
      </c>
      <c r="EK29" s="280">
        <v>7</v>
      </c>
      <c r="EL29" s="280">
        <v>4</v>
      </c>
      <c r="EM29" s="280">
        <v>2</v>
      </c>
      <c r="EN29" s="277">
        <v>17</v>
      </c>
      <c r="EO29" s="282">
        <v>17</v>
      </c>
      <c r="EP29" s="276">
        <v>8</v>
      </c>
      <c r="EQ29" s="280">
        <v>11</v>
      </c>
      <c r="ER29" s="277">
        <v>19</v>
      </c>
      <c r="ES29" s="279">
        <v>0</v>
      </c>
      <c r="ET29" s="280">
        <v>4</v>
      </c>
      <c r="EU29" s="280">
        <v>11</v>
      </c>
      <c r="EV29" s="280">
        <v>8</v>
      </c>
      <c r="EW29" s="280">
        <v>2</v>
      </c>
      <c r="EX29" s="280">
        <v>1</v>
      </c>
      <c r="EY29" s="277">
        <v>26</v>
      </c>
      <c r="EZ29" s="282">
        <v>45</v>
      </c>
    </row>
    <row r="30" spans="2:156" ht="21" customHeight="1" x14ac:dyDescent="0.2">
      <c r="B30" s="261" t="s">
        <v>28</v>
      </c>
      <c r="C30" s="276">
        <v>0</v>
      </c>
      <c r="D30" s="280">
        <v>0</v>
      </c>
      <c r="E30" s="382">
        <v>0</v>
      </c>
      <c r="F30" s="279">
        <v>0</v>
      </c>
      <c r="G30" s="280">
        <v>1</v>
      </c>
      <c r="H30" s="280">
        <v>1</v>
      </c>
      <c r="I30" s="280">
        <v>0</v>
      </c>
      <c r="J30" s="280">
        <v>1</v>
      </c>
      <c r="K30" s="280">
        <v>0</v>
      </c>
      <c r="L30" s="281">
        <v>3</v>
      </c>
      <c r="M30" s="282">
        <v>3</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v>
      </c>
      <c r="AE30" s="280">
        <v>2</v>
      </c>
      <c r="AF30" s="280">
        <v>0</v>
      </c>
      <c r="AG30" s="280">
        <v>0</v>
      </c>
      <c r="AH30" s="277">
        <v>3</v>
      </c>
      <c r="AI30" s="282">
        <v>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1</v>
      </c>
      <c r="BA30" s="280">
        <v>2</v>
      </c>
      <c r="BB30" s="280">
        <v>2</v>
      </c>
      <c r="BC30" s="280">
        <v>0</v>
      </c>
      <c r="BD30" s="281">
        <v>5</v>
      </c>
      <c r="BE30" s="282">
        <v>5</v>
      </c>
      <c r="BF30" s="276">
        <v>0</v>
      </c>
      <c r="BG30" s="280">
        <v>0</v>
      </c>
      <c r="BH30" s="277">
        <v>0</v>
      </c>
      <c r="BI30" s="279">
        <v>0</v>
      </c>
      <c r="BJ30" s="280">
        <v>0</v>
      </c>
      <c r="BK30" s="280">
        <v>1</v>
      </c>
      <c r="BL30" s="280">
        <v>1</v>
      </c>
      <c r="BM30" s="280">
        <v>1</v>
      </c>
      <c r="BN30" s="280">
        <v>0</v>
      </c>
      <c r="BO30" s="277">
        <v>3</v>
      </c>
      <c r="BP30" s="282">
        <v>3</v>
      </c>
      <c r="BQ30" s="276">
        <v>0</v>
      </c>
      <c r="BR30" s="280">
        <v>0</v>
      </c>
      <c r="BS30" s="277">
        <v>0</v>
      </c>
      <c r="BT30" s="279">
        <v>0</v>
      </c>
      <c r="BU30" s="280">
        <v>0</v>
      </c>
      <c r="BV30" s="280">
        <v>1</v>
      </c>
      <c r="BW30" s="280">
        <v>1</v>
      </c>
      <c r="BX30" s="280">
        <v>0</v>
      </c>
      <c r="BY30" s="280">
        <v>0</v>
      </c>
      <c r="BZ30" s="277">
        <v>2</v>
      </c>
      <c r="CA30" s="282">
        <v>2</v>
      </c>
      <c r="CB30" s="276">
        <v>0</v>
      </c>
      <c r="CC30" s="280">
        <v>0</v>
      </c>
      <c r="CD30" s="277">
        <v>0</v>
      </c>
      <c r="CE30" s="279">
        <v>0</v>
      </c>
      <c r="CF30" s="280">
        <v>0</v>
      </c>
      <c r="CG30" s="280">
        <v>1</v>
      </c>
      <c r="CH30" s="280">
        <v>0</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1</v>
      </c>
      <c r="DU30" s="280">
        <v>1</v>
      </c>
      <c r="DV30" s="277">
        <v>2</v>
      </c>
      <c r="DW30" s="279">
        <v>0</v>
      </c>
      <c r="DX30" s="280">
        <v>1</v>
      </c>
      <c r="DY30" s="280">
        <v>2</v>
      </c>
      <c r="DZ30" s="280">
        <v>1</v>
      </c>
      <c r="EA30" s="280">
        <v>1</v>
      </c>
      <c r="EB30" s="280">
        <v>0</v>
      </c>
      <c r="EC30" s="277">
        <v>5</v>
      </c>
      <c r="ED30" s="282">
        <v>7</v>
      </c>
      <c r="EE30" s="276">
        <v>0</v>
      </c>
      <c r="EF30" s="280">
        <v>0</v>
      </c>
      <c r="EG30" s="277">
        <v>0</v>
      </c>
      <c r="EH30" s="279">
        <v>0</v>
      </c>
      <c r="EI30" s="280">
        <v>0</v>
      </c>
      <c r="EJ30" s="280">
        <v>0</v>
      </c>
      <c r="EK30" s="280">
        <v>1</v>
      </c>
      <c r="EL30" s="280">
        <v>1</v>
      </c>
      <c r="EM30" s="280">
        <v>0</v>
      </c>
      <c r="EN30" s="277">
        <v>2</v>
      </c>
      <c r="EO30" s="282">
        <v>2</v>
      </c>
      <c r="EP30" s="276">
        <v>1</v>
      </c>
      <c r="EQ30" s="280">
        <v>1</v>
      </c>
      <c r="ER30" s="277">
        <v>2</v>
      </c>
      <c r="ES30" s="279">
        <v>0</v>
      </c>
      <c r="ET30" s="280">
        <v>4</v>
      </c>
      <c r="EU30" s="280">
        <v>3</v>
      </c>
      <c r="EV30" s="280">
        <v>2</v>
      </c>
      <c r="EW30" s="280">
        <v>2</v>
      </c>
      <c r="EX30" s="280">
        <v>0</v>
      </c>
      <c r="EY30" s="277">
        <v>11</v>
      </c>
      <c r="EZ30" s="282">
        <v>13</v>
      </c>
    </row>
    <row r="31" spans="2:156" ht="21" customHeight="1" x14ac:dyDescent="0.2">
      <c r="B31" s="261" t="s">
        <v>29</v>
      </c>
      <c r="C31" s="276">
        <v>0</v>
      </c>
      <c r="D31" s="280">
        <v>0</v>
      </c>
      <c r="E31" s="382">
        <v>0</v>
      </c>
      <c r="F31" s="279">
        <v>0</v>
      </c>
      <c r="G31" s="280">
        <v>2</v>
      </c>
      <c r="H31" s="280">
        <v>2</v>
      </c>
      <c r="I31" s="280">
        <v>0</v>
      </c>
      <c r="J31" s="280">
        <v>3</v>
      </c>
      <c r="K31" s="280">
        <v>0</v>
      </c>
      <c r="L31" s="281">
        <v>7</v>
      </c>
      <c r="M31" s="282">
        <v>7</v>
      </c>
      <c r="N31" s="276">
        <v>0</v>
      </c>
      <c r="O31" s="280">
        <v>0</v>
      </c>
      <c r="P31" s="277">
        <v>0</v>
      </c>
      <c r="Q31" s="279">
        <v>0</v>
      </c>
      <c r="R31" s="280">
        <v>0</v>
      </c>
      <c r="S31" s="280">
        <v>0</v>
      </c>
      <c r="T31" s="280">
        <v>0</v>
      </c>
      <c r="U31" s="280">
        <v>0</v>
      </c>
      <c r="V31" s="280">
        <v>0</v>
      </c>
      <c r="W31" s="277">
        <v>0</v>
      </c>
      <c r="X31" s="282">
        <v>0</v>
      </c>
      <c r="Y31" s="276">
        <v>0</v>
      </c>
      <c r="Z31" s="280">
        <v>3</v>
      </c>
      <c r="AA31" s="277">
        <v>3</v>
      </c>
      <c r="AB31" s="279">
        <v>0</v>
      </c>
      <c r="AC31" s="280">
        <v>2</v>
      </c>
      <c r="AD31" s="280">
        <v>2</v>
      </c>
      <c r="AE31" s="280">
        <v>2</v>
      </c>
      <c r="AF31" s="280">
        <v>1</v>
      </c>
      <c r="AG31" s="280">
        <v>0</v>
      </c>
      <c r="AH31" s="277">
        <v>7</v>
      </c>
      <c r="AI31" s="282">
        <v>10</v>
      </c>
      <c r="AJ31" s="276">
        <v>0</v>
      </c>
      <c r="AK31" s="280">
        <v>0</v>
      </c>
      <c r="AL31" s="277">
        <v>0</v>
      </c>
      <c r="AM31" s="279">
        <v>0</v>
      </c>
      <c r="AN31" s="280">
        <v>1</v>
      </c>
      <c r="AO31" s="280">
        <v>0</v>
      </c>
      <c r="AP31" s="280">
        <v>0</v>
      </c>
      <c r="AQ31" s="280">
        <v>1</v>
      </c>
      <c r="AR31" s="280">
        <v>0</v>
      </c>
      <c r="AS31" s="277">
        <v>2</v>
      </c>
      <c r="AT31" s="282">
        <v>2</v>
      </c>
      <c r="AU31" s="276">
        <v>0</v>
      </c>
      <c r="AV31" s="280">
        <v>0</v>
      </c>
      <c r="AW31" s="277">
        <v>0</v>
      </c>
      <c r="AX31" s="279">
        <v>0</v>
      </c>
      <c r="AY31" s="280">
        <v>3</v>
      </c>
      <c r="AZ31" s="280">
        <v>0</v>
      </c>
      <c r="BA31" s="280">
        <v>1</v>
      </c>
      <c r="BB31" s="280">
        <v>2</v>
      </c>
      <c r="BC31" s="280">
        <v>0</v>
      </c>
      <c r="BD31" s="281">
        <v>6</v>
      </c>
      <c r="BE31" s="282">
        <v>6</v>
      </c>
      <c r="BF31" s="276">
        <v>0</v>
      </c>
      <c r="BG31" s="280">
        <v>0</v>
      </c>
      <c r="BH31" s="277">
        <v>0</v>
      </c>
      <c r="BI31" s="279">
        <v>0</v>
      </c>
      <c r="BJ31" s="280">
        <v>2</v>
      </c>
      <c r="BK31" s="280">
        <v>1</v>
      </c>
      <c r="BL31" s="280">
        <v>0</v>
      </c>
      <c r="BM31" s="280">
        <v>1</v>
      </c>
      <c r="BN31" s="280">
        <v>0</v>
      </c>
      <c r="BO31" s="277">
        <v>4</v>
      </c>
      <c r="BP31" s="282">
        <v>4</v>
      </c>
      <c r="BQ31" s="276">
        <v>0</v>
      </c>
      <c r="BR31" s="280">
        <v>0</v>
      </c>
      <c r="BS31" s="277">
        <v>0</v>
      </c>
      <c r="BT31" s="279">
        <v>0</v>
      </c>
      <c r="BU31" s="280">
        <v>2</v>
      </c>
      <c r="BV31" s="280">
        <v>0</v>
      </c>
      <c r="BW31" s="280">
        <v>1</v>
      </c>
      <c r="BX31" s="280">
        <v>1</v>
      </c>
      <c r="BY31" s="280">
        <v>0</v>
      </c>
      <c r="BZ31" s="277">
        <v>4</v>
      </c>
      <c r="CA31" s="282">
        <v>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1</v>
      </c>
      <c r="DU31" s="280">
        <v>3</v>
      </c>
      <c r="DV31" s="277">
        <v>4</v>
      </c>
      <c r="DW31" s="279">
        <v>0</v>
      </c>
      <c r="DX31" s="280">
        <v>3</v>
      </c>
      <c r="DY31" s="280">
        <v>2</v>
      </c>
      <c r="DZ31" s="280">
        <v>5</v>
      </c>
      <c r="EA31" s="280">
        <v>3</v>
      </c>
      <c r="EB31" s="280">
        <v>0</v>
      </c>
      <c r="EC31" s="277">
        <v>13</v>
      </c>
      <c r="ED31" s="282">
        <v>17</v>
      </c>
      <c r="EE31" s="276">
        <v>0</v>
      </c>
      <c r="EF31" s="280">
        <v>0</v>
      </c>
      <c r="EG31" s="277">
        <v>0</v>
      </c>
      <c r="EH31" s="279">
        <v>0</v>
      </c>
      <c r="EI31" s="280">
        <v>2</v>
      </c>
      <c r="EJ31" s="280">
        <v>0</v>
      </c>
      <c r="EK31" s="280">
        <v>0</v>
      </c>
      <c r="EL31" s="280">
        <v>2</v>
      </c>
      <c r="EM31" s="280">
        <v>0</v>
      </c>
      <c r="EN31" s="277">
        <v>4</v>
      </c>
      <c r="EO31" s="282">
        <v>4</v>
      </c>
      <c r="EP31" s="276">
        <v>1</v>
      </c>
      <c r="EQ31" s="280">
        <v>5</v>
      </c>
      <c r="ER31" s="277">
        <v>6</v>
      </c>
      <c r="ES31" s="279">
        <v>0</v>
      </c>
      <c r="ET31" s="280">
        <v>6</v>
      </c>
      <c r="EU31" s="280">
        <v>3</v>
      </c>
      <c r="EV31" s="280">
        <v>4</v>
      </c>
      <c r="EW31" s="280">
        <v>3</v>
      </c>
      <c r="EX31" s="280">
        <v>0</v>
      </c>
      <c r="EY31" s="277">
        <v>16</v>
      </c>
      <c r="EZ31" s="282">
        <v>22</v>
      </c>
    </row>
    <row r="32" spans="2:156" ht="21" customHeight="1" x14ac:dyDescent="0.2">
      <c r="B32" s="261" t="s">
        <v>30</v>
      </c>
      <c r="C32" s="276">
        <v>0</v>
      </c>
      <c r="D32" s="280">
        <v>0</v>
      </c>
      <c r="E32" s="382">
        <v>0</v>
      </c>
      <c r="F32" s="279">
        <v>0</v>
      </c>
      <c r="G32" s="280">
        <v>1</v>
      </c>
      <c r="H32" s="280">
        <v>0</v>
      </c>
      <c r="I32" s="280">
        <v>1</v>
      </c>
      <c r="J32" s="280">
        <v>2</v>
      </c>
      <c r="K32" s="280">
        <v>0</v>
      </c>
      <c r="L32" s="281">
        <v>4</v>
      </c>
      <c r="M32" s="282">
        <v>4</v>
      </c>
      <c r="N32" s="276">
        <v>0</v>
      </c>
      <c r="O32" s="280">
        <v>0</v>
      </c>
      <c r="P32" s="277">
        <v>0</v>
      </c>
      <c r="Q32" s="279">
        <v>0</v>
      </c>
      <c r="R32" s="280">
        <v>1</v>
      </c>
      <c r="S32" s="280">
        <v>0</v>
      </c>
      <c r="T32" s="280">
        <v>0</v>
      </c>
      <c r="U32" s="280">
        <v>2</v>
      </c>
      <c r="V32" s="280">
        <v>0</v>
      </c>
      <c r="W32" s="277">
        <v>3</v>
      </c>
      <c r="X32" s="282">
        <v>3</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3</v>
      </c>
      <c r="AZ32" s="280">
        <v>1</v>
      </c>
      <c r="BA32" s="280">
        <v>1</v>
      </c>
      <c r="BB32" s="280">
        <v>0</v>
      </c>
      <c r="BC32" s="280">
        <v>0</v>
      </c>
      <c r="BD32" s="281">
        <v>5</v>
      </c>
      <c r="BE32" s="282">
        <v>5</v>
      </c>
      <c r="BF32" s="276">
        <v>0</v>
      </c>
      <c r="BG32" s="280">
        <v>0</v>
      </c>
      <c r="BH32" s="277">
        <v>0</v>
      </c>
      <c r="BI32" s="279">
        <v>0</v>
      </c>
      <c r="BJ32" s="280">
        <v>1</v>
      </c>
      <c r="BK32" s="280">
        <v>3</v>
      </c>
      <c r="BL32" s="280">
        <v>0</v>
      </c>
      <c r="BM32" s="280">
        <v>0</v>
      </c>
      <c r="BN32" s="280">
        <v>0</v>
      </c>
      <c r="BO32" s="277">
        <v>4</v>
      </c>
      <c r="BP32" s="282">
        <v>4</v>
      </c>
      <c r="BQ32" s="276">
        <v>0</v>
      </c>
      <c r="BR32" s="280">
        <v>0</v>
      </c>
      <c r="BS32" s="277">
        <v>0</v>
      </c>
      <c r="BT32" s="279">
        <v>0</v>
      </c>
      <c r="BU32" s="280">
        <v>0</v>
      </c>
      <c r="BV32" s="280">
        <v>1</v>
      </c>
      <c r="BW32" s="280">
        <v>0</v>
      </c>
      <c r="BX32" s="280">
        <v>1</v>
      </c>
      <c r="BY32" s="280">
        <v>0</v>
      </c>
      <c r="BZ32" s="277">
        <v>2</v>
      </c>
      <c r="CA32" s="282">
        <v>2</v>
      </c>
      <c r="CB32" s="276">
        <v>0</v>
      </c>
      <c r="CC32" s="280">
        <v>0</v>
      </c>
      <c r="CD32" s="277">
        <v>0</v>
      </c>
      <c r="CE32" s="279">
        <v>0</v>
      </c>
      <c r="CF32" s="280">
        <v>0</v>
      </c>
      <c r="CG32" s="280">
        <v>1</v>
      </c>
      <c r="CH32" s="280">
        <v>0</v>
      </c>
      <c r="CI32" s="280">
        <v>0</v>
      </c>
      <c r="CJ32" s="280">
        <v>0</v>
      </c>
      <c r="CK32" s="277">
        <v>1</v>
      </c>
      <c r="CL32" s="282">
        <v>1</v>
      </c>
      <c r="CM32" s="276">
        <v>0</v>
      </c>
      <c r="CN32" s="280">
        <v>0</v>
      </c>
      <c r="CO32" s="277">
        <v>0</v>
      </c>
      <c r="CP32" s="279">
        <v>0</v>
      </c>
      <c r="CQ32" s="280">
        <v>0</v>
      </c>
      <c r="CR32" s="280">
        <v>1</v>
      </c>
      <c r="CS32" s="280">
        <v>0</v>
      </c>
      <c r="CT32" s="280">
        <v>0</v>
      </c>
      <c r="CU32" s="280">
        <v>0</v>
      </c>
      <c r="CV32" s="277">
        <v>1</v>
      </c>
      <c r="CW32" s="282">
        <v>1</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v>
      </c>
      <c r="DU32" s="280">
        <v>0</v>
      </c>
      <c r="DV32" s="277">
        <v>3</v>
      </c>
      <c r="DW32" s="279">
        <v>0</v>
      </c>
      <c r="DX32" s="280">
        <v>3</v>
      </c>
      <c r="DY32" s="280">
        <v>3</v>
      </c>
      <c r="DZ32" s="280">
        <v>1</v>
      </c>
      <c r="EA32" s="280">
        <v>3</v>
      </c>
      <c r="EB32" s="280">
        <v>0</v>
      </c>
      <c r="EC32" s="277">
        <v>10</v>
      </c>
      <c r="ED32" s="282">
        <v>13</v>
      </c>
      <c r="EE32" s="276">
        <v>0</v>
      </c>
      <c r="EF32" s="280">
        <v>0</v>
      </c>
      <c r="EG32" s="277">
        <v>0</v>
      </c>
      <c r="EH32" s="279">
        <v>0</v>
      </c>
      <c r="EI32" s="280">
        <v>2</v>
      </c>
      <c r="EJ32" s="280">
        <v>1</v>
      </c>
      <c r="EK32" s="280">
        <v>0</v>
      </c>
      <c r="EL32" s="280">
        <v>0</v>
      </c>
      <c r="EM32" s="280">
        <v>0</v>
      </c>
      <c r="EN32" s="277">
        <v>3</v>
      </c>
      <c r="EO32" s="282">
        <v>3</v>
      </c>
      <c r="EP32" s="276">
        <v>3</v>
      </c>
      <c r="EQ32" s="280">
        <v>0</v>
      </c>
      <c r="ER32" s="277">
        <v>3</v>
      </c>
      <c r="ES32" s="279">
        <v>0</v>
      </c>
      <c r="ET32" s="280">
        <v>5</v>
      </c>
      <c r="EU32" s="280">
        <v>4</v>
      </c>
      <c r="EV32" s="280">
        <v>1</v>
      </c>
      <c r="EW32" s="280">
        <v>3</v>
      </c>
      <c r="EX32" s="280">
        <v>0</v>
      </c>
      <c r="EY32" s="277">
        <v>13</v>
      </c>
      <c r="EZ32" s="282">
        <v>16</v>
      </c>
    </row>
    <row r="33" spans="2:156" ht="21" customHeight="1" x14ac:dyDescent="0.2">
      <c r="B33" s="261" t="s">
        <v>31</v>
      </c>
      <c r="C33" s="276">
        <v>0</v>
      </c>
      <c r="D33" s="280">
        <v>0</v>
      </c>
      <c r="E33" s="382">
        <v>0</v>
      </c>
      <c r="F33" s="279">
        <v>0</v>
      </c>
      <c r="G33" s="280">
        <v>0</v>
      </c>
      <c r="H33" s="280">
        <v>0</v>
      </c>
      <c r="I33" s="280">
        <v>1</v>
      </c>
      <c r="J33" s="280">
        <v>1</v>
      </c>
      <c r="K33" s="280">
        <v>0</v>
      </c>
      <c r="L33" s="281">
        <v>2</v>
      </c>
      <c r="M33" s="282">
        <v>2</v>
      </c>
      <c r="N33" s="276">
        <v>0</v>
      </c>
      <c r="O33" s="280">
        <v>0</v>
      </c>
      <c r="P33" s="277">
        <v>0</v>
      </c>
      <c r="Q33" s="279">
        <v>0</v>
      </c>
      <c r="R33" s="280">
        <v>0</v>
      </c>
      <c r="S33" s="280">
        <v>0</v>
      </c>
      <c r="T33" s="280">
        <v>0</v>
      </c>
      <c r="U33" s="280">
        <v>1</v>
      </c>
      <c r="V33" s="280">
        <v>1</v>
      </c>
      <c r="W33" s="277">
        <v>2</v>
      </c>
      <c r="X33" s="282">
        <v>2</v>
      </c>
      <c r="Y33" s="276">
        <v>0</v>
      </c>
      <c r="Z33" s="280">
        <v>0</v>
      </c>
      <c r="AA33" s="277">
        <v>0</v>
      </c>
      <c r="AB33" s="279">
        <v>0</v>
      </c>
      <c r="AC33" s="280">
        <v>1</v>
      </c>
      <c r="AD33" s="280">
        <v>2</v>
      </c>
      <c r="AE33" s="280">
        <v>2</v>
      </c>
      <c r="AF33" s="280">
        <v>3</v>
      </c>
      <c r="AG33" s="280">
        <v>1</v>
      </c>
      <c r="AH33" s="277">
        <v>9</v>
      </c>
      <c r="AI33" s="282">
        <v>9</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1</v>
      </c>
      <c r="AZ33" s="280">
        <v>1</v>
      </c>
      <c r="BA33" s="280">
        <v>0</v>
      </c>
      <c r="BB33" s="280">
        <v>1</v>
      </c>
      <c r="BC33" s="280">
        <v>1</v>
      </c>
      <c r="BD33" s="281">
        <v>4</v>
      </c>
      <c r="BE33" s="282">
        <v>4</v>
      </c>
      <c r="BF33" s="276">
        <v>0</v>
      </c>
      <c r="BG33" s="280">
        <v>0</v>
      </c>
      <c r="BH33" s="277">
        <v>0</v>
      </c>
      <c r="BI33" s="279">
        <v>0</v>
      </c>
      <c r="BJ33" s="280">
        <v>1</v>
      </c>
      <c r="BK33" s="280">
        <v>2</v>
      </c>
      <c r="BL33" s="280">
        <v>1</v>
      </c>
      <c r="BM33" s="280">
        <v>2</v>
      </c>
      <c r="BN33" s="280">
        <v>0</v>
      </c>
      <c r="BO33" s="277">
        <v>6</v>
      </c>
      <c r="BP33" s="282">
        <v>6</v>
      </c>
      <c r="BQ33" s="276">
        <v>0</v>
      </c>
      <c r="BR33" s="280">
        <v>0</v>
      </c>
      <c r="BS33" s="277">
        <v>0</v>
      </c>
      <c r="BT33" s="279">
        <v>0</v>
      </c>
      <c r="BU33" s="280">
        <v>1</v>
      </c>
      <c r="BV33" s="280">
        <v>1</v>
      </c>
      <c r="BW33" s="280">
        <v>0</v>
      </c>
      <c r="BX33" s="280">
        <v>0</v>
      </c>
      <c r="BY33" s="280">
        <v>0</v>
      </c>
      <c r="BZ33" s="277">
        <v>2</v>
      </c>
      <c r="CA33" s="282">
        <v>2</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0</v>
      </c>
      <c r="DV33" s="277">
        <v>2</v>
      </c>
      <c r="DW33" s="279">
        <v>0</v>
      </c>
      <c r="DX33" s="280">
        <v>3</v>
      </c>
      <c r="DY33" s="280">
        <v>3</v>
      </c>
      <c r="DZ33" s="280">
        <v>1</v>
      </c>
      <c r="EA33" s="280">
        <v>3</v>
      </c>
      <c r="EB33" s="280">
        <v>1</v>
      </c>
      <c r="EC33" s="277">
        <v>11</v>
      </c>
      <c r="ED33" s="282">
        <v>13</v>
      </c>
      <c r="EE33" s="276">
        <v>0</v>
      </c>
      <c r="EF33" s="280">
        <v>0</v>
      </c>
      <c r="EG33" s="277">
        <v>0</v>
      </c>
      <c r="EH33" s="279">
        <v>0</v>
      </c>
      <c r="EI33" s="280">
        <v>1</v>
      </c>
      <c r="EJ33" s="280">
        <v>0</v>
      </c>
      <c r="EK33" s="280">
        <v>0</v>
      </c>
      <c r="EL33" s="280">
        <v>0</v>
      </c>
      <c r="EM33" s="280">
        <v>0</v>
      </c>
      <c r="EN33" s="277">
        <v>1</v>
      </c>
      <c r="EO33" s="282">
        <v>1</v>
      </c>
      <c r="EP33" s="276">
        <v>2</v>
      </c>
      <c r="EQ33" s="280">
        <v>0</v>
      </c>
      <c r="ER33" s="277">
        <v>2</v>
      </c>
      <c r="ES33" s="279">
        <v>0</v>
      </c>
      <c r="ET33" s="280">
        <v>6</v>
      </c>
      <c r="EU33" s="280">
        <v>4</v>
      </c>
      <c r="EV33" s="280">
        <v>3</v>
      </c>
      <c r="EW33" s="280">
        <v>3</v>
      </c>
      <c r="EX33" s="280">
        <v>1</v>
      </c>
      <c r="EY33" s="277">
        <v>17</v>
      </c>
      <c r="EZ33" s="282">
        <v>19</v>
      </c>
    </row>
    <row r="34" spans="2:156" ht="21" customHeight="1" x14ac:dyDescent="0.2">
      <c r="B34" s="261" t="s">
        <v>32</v>
      </c>
      <c r="C34" s="276">
        <v>0</v>
      </c>
      <c r="D34" s="280">
        <v>0</v>
      </c>
      <c r="E34" s="382">
        <v>0</v>
      </c>
      <c r="F34" s="279">
        <v>0</v>
      </c>
      <c r="G34" s="280">
        <v>1</v>
      </c>
      <c r="H34" s="280">
        <v>0</v>
      </c>
      <c r="I34" s="280">
        <v>0</v>
      </c>
      <c r="J34" s="280">
        <v>1</v>
      </c>
      <c r="K34" s="280">
        <v>0</v>
      </c>
      <c r="L34" s="281">
        <v>2</v>
      </c>
      <c r="M34" s="282">
        <v>2</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3</v>
      </c>
      <c r="AE34" s="280">
        <v>0</v>
      </c>
      <c r="AF34" s="280">
        <v>0</v>
      </c>
      <c r="AG34" s="280">
        <v>0</v>
      </c>
      <c r="AH34" s="277">
        <v>3</v>
      </c>
      <c r="AI34" s="282">
        <v>3</v>
      </c>
      <c r="AJ34" s="276">
        <v>1</v>
      </c>
      <c r="AK34" s="280">
        <v>0</v>
      </c>
      <c r="AL34" s="277">
        <v>1</v>
      </c>
      <c r="AM34" s="279">
        <v>0</v>
      </c>
      <c r="AN34" s="280">
        <v>0</v>
      </c>
      <c r="AO34" s="280">
        <v>1</v>
      </c>
      <c r="AP34" s="280">
        <v>0</v>
      </c>
      <c r="AQ34" s="280">
        <v>1</v>
      </c>
      <c r="AR34" s="280">
        <v>0</v>
      </c>
      <c r="AS34" s="277">
        <v>2</v>
      </c>
      <c r="AT34" s="282">
        <v>3</v>
      </c>
      <c r="AU34" s="276">
        <v>0</v>
      </c>
      <c r="AV34" s="280">
        <v>0</v>
      </c>
      <c r="AW34" s="277">
        <v>0</v>
      </c>
      <c r="AX34" s="279">
        <v>0</v>
      </c>
      <c r="AY34" s="280">
        <v>0</v>
      </c>
      <c r="AZ34" s="280">
        <v>1</v>
      </c>
      <c r="BA34" s="280">
        <v>2</v>
      </c>
      <c r="BB34" s="280">
        <v>3</v>
      </c>
      <c r="BC34" s="280">
        <v>1</v>
      </c>
      <c r="BD34" s="281">
        <v>7</v>
      </c>
      <c r="BE34" s="282">
        <v>7</v>
      </c>
      <c r="BF34" s="276">
        <v>0</v>
      </c>
      <c r="BG34" s="280">
        <v>0</v>
      </c>
      <c r="BH34" s="277">
        <v>0</v>
      </c>
      <c r="BI34" s="279">
        <v>0</v>
      </c>
      <c r="BJ34" s="280">
        <v>4</v>
      </c>
      <c r="BK34" s="280">
        <v>2</v>
      </c>
      <c r="BL34" s="280">
        <v>1</v>
      </c>
      <c r="BM34" s="280">
        <v>0</v>
      </c>
      <c r="BN34" s="280">
        <v>0</v>
      </c>
      <c r="BO34" s="277">
        <v>7</v>
      </c>
      <c r="BP34" s="282">
        <v>7</v>
      </c>
      <c r="BQ34" s="276">
        <v>1</v>
      </c>
      <c r="BR34" s="280">
        <v>0</v>
      </c>
      <c r="BS34" s="277">
        <v>1</v>
      </c>
      <c r="BT34" s="279">
        <v>0</v>
      </c>
      <c r="BU34" s="280">
        <v>0</v>
      </c>
      <c r="BV34" s="280">
        <v>0</v>
      </c>
      <c r="BW34" s="280">
        <v>1</v>
      </c>
      <c r="BX34" s="280">
        <v>1</v>
      </c>
      <c r="BY34" s="280">
        <v>0</v>
      </c>
      <c r="BZ34" s="277">
        <v>2</v>
      </c>
      <c r="CA34" s="282">
        <v>3</v>
      </c>
      <c r="CB34" s="276">
        <v>0</v>
      </c>
      <c r="CC34" s="280">
        <v>0</v>
      </c>
      <c r="CD34" s="277">
        <v>0</v>
      </c>
      <c r="CE34" s="279">
        <v>0</v>
      </c>
      <c r="CF34" s="280">
        <v>0</v>
      </c>
      <c r="CG34" s="280">
        <v>0</v>
      </c>
      <c r="CH34" s="280">
        <v>1</v>
      </c>
      <c r="CI34" s="280">
        <v>0</v>
      </c>
      <c r="CJ34" s="280">
        <v>0</v>
      </c>
      <c r="CK34" s="277">
        <v>1</v>
      </c>
      <c r="CL34" s="282">
        <v>1</v>
      </c>
      <c r="CM34" s="276">
        <v>0</v>
      </c>
      <c r="CN34" s="280">
        <v>0</v>
      </c>
      <c r="CO34" s="277">
        <v>0</v>
      </c>
      <c r="CP34" s="279">
        <v>0</v>
      </c>
      <c r="CQ34" s="280">
        <v>0</v>
      </c>
      <c r="CR34" s="280">
        <v>1</v>
      </c>
      <c r="CS34" s="280">
        <v>0</v>
      </c>
      <c r="CT34" s="280">
        <v>0</v>
      </c>
      <c r="CU34" s="280">
        <v>0</v>
      </c>
      <c r="CV34" s="277">
        <v>1</v>
      </c>
      <c r="CW34" s="282">
        <v>1</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v>
      </c>
      <c r="DU34" s="280">
        <v>0</v>
      </c>
      <c r="DV34" s="277">
        <v>1</v>
      </c>
      <c r="DW34" s="279">
        <v>0</v>
      </c>
      <c r="DX34" s="280">
        <v>2</v>
      </c>
      <c r="DY34" s="280">
        <v>6</v>
      </c>
      <c r="DZ34" s="280">
        <v>2</v>
      </c>
      <c r="EA34" s="280">
        <v>2</v>
      </c>
      <c r="EB34" s="280">
        <v>0</v>
      </c>
      <c r="EC34" s="277">
        <v>12</v>
      </c>
      <c r="ED34" s="282">
        <v>13</v>
      </c>
      <c r="EE34" s="276">
        <v>0</v>
      </c>
      <c r="EF34" s="280">
        <v>0</v>
      </c>
      <c r="EG34" s="277">
        <v>0</v>
      </c>
      <c r="EH34" s="279">
        <v>0</v>
      </c>
      <c r="EI34" s="280">
        <v>0</v>
      </c>
      <c r="EJ34" s="280">
        <v>2</v>
      </c>
      <c r="EK34" s="280">
        <v>1</v>
      </c>
      <c r="EL34" s="280">
        <v>1</v>
      </c>
      <c r="EM34" s="280">
        <v>0</v>
      </c>
      <c r="EN34" s="277">
        <v>4</v>
      </c>
      <c r="EO34" s="282">
        <v>4</v>
      </c>
      <c r="EP34" s="276">
        <v>3</v>
      </c>
      <c r="EQ34" s="280">
        <v>0</v>
      </c>
      <c r="ER34" s="277">
        <v>3</v>
      </c>
      <c r="ES34" s="279">
        <v>0</v>
      </c>
      <c r="ET34" s="280">
        <v>8</v>
      </c>
      <c r="EU34" s="280">
        <v>6</v>
      </c>
      <c r="EV34" s="280">
        <v>3</v>
      </c>
      <c r="EW34" s="280">
        <v>2</v>
      </c>
      <c r="EX34" s="280">
        <v>0</v>
      </c>
      <c r="EY34" s="277">
        <v>19</v>
      </c>
      <c r="EZ34" s="282">
        <v>22</v>
      </c>
    </row>
    <row r="35" spans="2:156" ht="21" customHeight="1" x14ac:dyDescent="0.2">
      <c r="B35" s="261" t="s">
        <v>33</v>
      </c>
      <c r="C35" s="276">
        <v>0</v>
      </c>
      <c r="D35" s="280">
        <v>0</v>
      </c>
      <c r="E35" s="382">
        <v>0</v>
      </c>
      <c r="F35" s="279">
        <v>0</v>
      </c>
      <c r="G35" s="280">
        <v>2</v>
      </c>
      <c r="H35" s="280">
        <v>0</v>
      </c>
      <c r="I35" s="280">
        <v>1</v>
      </c>
      <c r="J35" s="280">
        <v>0</v>
      </c>
      <c r="K35" s="280">
        <v>1</v>
      </c>
      <c r="L35" s="281">
        <v>4</v>
      </c>
      <c r="M35" s="282">
        <v>4</v>
      </c>
      <c r="N35" s="276">
        <v>0</v>
      </c>
      <c r="O35" s="280">
        <v>0</v>
      </c>
      <c r="P35" s="277">
        <v>0</v>
      </c>
      <c r="Q35" s="279">
        <v>0</v>
      </c>
      <c r="R35" s="280">
        <v>0</v>
      </c>
      <c r="S35" s="280">
        <v>0</v>
      </c>
      <c r="T35" s="280">
        <v>0</v>
      </c>
      <c r="U35" s="280">
        <v>1</v>
      </c>
      <c r="V35" s="280">
        <v>0</v>
      </c>
      <c r="W35" s="277">
        <v>1</v>
      </c>
      <c r="X35" s="282">
        <v>1</v>
      </c>
      <c r="Y35" s="276">
        <v>0</v>
      </c>
      <c r="Z35" s="280">
        <v>0</v>
      </c>
      <c r="AA35" s="277">
        <v>0</v>
      </c>
      <c r="AB35" s="279">
        <v>0</v>
      </c>
      <c r="AC35" s="280">
        <v>0</v>
      </c>
      <c r="AD35" s="280">
        <v>1</v>
      </c>
      <c r="AE35" s="280">
        <v>1</v>
      </c>
      <c r="AF35" s="280">
        <v>0</v>
      </c>
      <c r="AG35" s="280">
        <v>0</v>
      </c>
      <c r="AH35" s="277">
        <v>2</v>
      </c>
      <c r="AI35" s="282">
        <v>2</v>
      </c>
      <c r="AJ35" s="276">
        <v>0</v>
      </c>
      <c r="AK35" s="280">
        <v>0</v>
      </c>
      <c r="AL35" s="277">
        <v>0</v>
      </c>
      <c r="AM35" s="279">
        <v>0</v>
      </c>
      <c r="AN35" s="280">
        <v>4</v>
      </c>
      <c r="AO35" s="280">
        <v>2</v>
      </c>
      <c r="AP35" s="280">
        <v>3</v>
      </c>
      <c r="AQ35" s="280">
        <v>0</v>
      </c>
      <c r="AR35" s="280">
        <v>0</v>
      </c>
      <c r="AS35" s="277">
        <v>9</v>
      </c>
      <c r="AT35" s="282">
        <v>9</v>
      </c>
      <c r="AU35" s="276">
        <v>1</v>
      </c>
      <c r="AV35" s="280">
        <v>1</v>
      </c>
      <c r="AW35" s="277">
        <v>2</v>
      </c>
      <c r="AX35" s="279">
        <v>0</v>
      </c>
      <c r="AY35" s="280">
        <v>1</v>
      </c>
      <c r="AZ35" s="280">
        <v>1</v>
      </c>
      <c r="BA35" s="280">
        <v>3</v>
      </c>
      <c r="BB35" s="280">
        <v>1</v>
      </c>
      <c r="BC35" s="280">
        <v>1</v>
      </c>
      <c r="BD35" s="281">
        <v>7</v>
      </c>
      <c r="BE35" s="282">
        <v>9</v>
      </c>
      <c r="BF35" s="276">
        <v>0</v>
      </c>
      <c r="BG35" s="280">
        <v>0</v>
      </c>
      <c r="BH35" s="277">
        <v>0</v>
      </c>
      <c r="BI35" s="279">
        <v>0</v>
      </c>
      <c r="BJ35" s="280">
        <v>2</v>
      </c>
      <c r="BK35" s="280">
        <v>0</v>
      </c>
      <c r="BL35" s="280">
        <v>0</v>
      </c>
      <c r="BM35" s="280">
        <v>0</v>
      </c>
      <c r="BN35" s="280">
        <v>1</v>
      </c>
      <c r="BO35" s="277">
        <v>3</v>
      </c>
      <c r="BP35" s="282">
        <v>3</v>
      </c>
      <c r="BQ35" s="276">
        <v>0</v>
      </c>
      <c r="BR35" s="280">
        <v>0</v>
      </c>
      <c r="BS35" s="277">
        <v>0</v>
      </c>
      <c r="BT35" s="279">
        <v>0</v>
      </c>
      <c r="BU35" s="280">
        <v>3</v>
      </c>
      <c r="BV35" s="280">
        <v>0</v>
      </c>
      <c r="BW35" s="280">
        <v>2</v>
      </c>
      <c r="BX35" s="280">
        <v>0</v>
      </c>
      <c r="BY35" s="280">
        <v>0</v>
      </c>
      <c r="BZ35" s="277">
        <v>5</v>
      </c>
      <c r="CA35" s="282">
        <v>5</v>
      </c>
      <c r="CB35" s="276">
        <v>0</v>
      </c>
      <c r="CC35" s="280">
        <v>0</v>
      </c>
      <c r="CD35" s="277">
        <v>0</v>
      </c>
      <c r="CE35" s="279">
        <v>0</v>
      </c>
      <c r="CF35" s="280">
        <v>0</v>
      </c>
      <c r="CG35" s="280">
        <v>0</v>
      </c>
      <c r="CH35" s="280">
        <v>1</v>
      </c>
      <c r="CI35" s="280">
        <v>1</v>
      </c>
      <c r="CJ35" s="280">
        <v>0</v>
      </c>
      <c r="CK35" s="277">
        <v>2</v>
      </c>
      <c r="CL35" s="282">
        <v>2</v>
      </c>
      <c r="CM35" s="276">
        <v>0</v>
      </c>
      <c r="CN35" s="280">
        <v>0</v>
      </c>
      <c r="CO35" s="277">
        <v>0</v>
      </c>
      <c r="CP35" s="279">
        <v>0</v>
      </c>
      <c r="CQ35" s="280">
        <v>1</v>
      </c>
      <c r="CR35" s="280">
        <v>0</v>
      </c>
      <c r="CS35" s="280">
        <v>0</v>
      </c>
      <c r="CT35" s="280">
        <v>1</v>
      </c>
      <c r="CU35" s="280">
        <v>0</v>
      </c>
      <c r="CV35" s="277">
        <v>2</v>
      </c>
      <c r="CW35" s="282">
        <v>2</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1</v>
      </c>
      <c r="DV35" s="277">
        <v>2</v>
      </c>
      <c r="DW35" s="279">
        <v>0</v>
      </c>
      <c r="DX35" s="280">
        <v>2</v>
      </c>
      <c r="DY35" s="280">
        <v>2</v>
      </c>
      <c r="DZ35" s="280">
        <v>2</v>
      </c>
      <c r="EA35" s="280">
        <v>1</v>
      </c>
      <c r="EB35" s="280">
        <v>2</v>
      </c>
      <c r="EC35" s="277">
        <v>9</v>
      </c>
      <c r="ED35" s="282">
        <v>11</v>
      </c>
      <c r="EE35" s="276">
        <v>1</v>
      </c>
      <c r="EF35" s="280">
        <v>1</v>
      </c>
      <c r="EG35" s="277">
        <v>2</v>
      </c>
      <c r="EH35" s="279">
        <v>0</v>
      </c>
      <c r="EI35" s="280">
        <v>1</v>
      </c>
      <c r="EJ35" s="280">
        <v>0</v>
      </c>
      <c r="EK35" s="280">
        <v>2</v>
      </c>
      <c r="EL35" s="280">
        <v>1</v>
      </c>
      <c r="EM35" s="280">
        <v>1</v>
      </c>
      <c r="EN35" s="277">
        <v>5</v>
      </c>
      <c r="EO35" s="282">
        <v>7</v>
      </c>
      <c r="EP35" s="276">
        <v>1</v>
      </c>
      <c r="EQ35" s="280">
        <v>1</v>
      </c>
      <c r="ER35" s="277">
        <v>2</v>
      </c>
      <c r="ES35" s="279">
        <v>0</v>
      </c>
      <c r="ET35" s="280">
        <v>7</v>
      </c>
      <c r="EU35" s="280">
        <v>2</v>
      </c>
      <c r="EV35" s="280">
        <v>3</v>
      </c>
      <c r="EW35" s="280">
        <v>2</v>
      </c>
      <c r="EX35" s="280">
        <v>1</v>
      </c>
      <c r="EY35" s="277">
        <v>15</v>
      </c>
      <c r="EZ35" s="282">
        <v>17</v>
      </c>
    </row>
    <row r="36" spans="2:156" ht="21" customHeight="1" x14ac:dyDescent="0.2">
      <c r="B36" s="261" t="s">
        <v>34</v>
      </c>
      <c r="C36" s="276">
        <v>0</v>
      </c>
      <c r="D36" s="280">
        <v>0</v>
      </c>
      <c r="E36" s="382">
        <v>0</v>
      </c>
      <c r="F36" s="279">
        <v>0</v>
      </c>
      <c r="G36" s="280">
        <v>1</v>
      </c>
      <c r="H36" s="280">
        <v>1</v>
      </c>
      <c r="I36" s="280">
        <v>0</v>
      </c>
      <c r="J36" s="280">
        <v>0</v>
      </c>
      <c r="K36" s="280">
        <v>0</v>
      </c>
      <c r="L36" s="281">
        <v>2</v>
      </c>
      <c r="M36" s="282">
        <v>2</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1</v>
      </c>
      <c r="AE36" s="280">
        <v>0</v>
      </c>
      <c r="AF36" s="280">
        <v>0</v>
      </c>
      <c r="AG36" s="280">
        <v>0</v>
      </c>
      <c r="AH36" s="277">
        <v>1</v>
      </c>
      <c r="AI36" s="282">
        <v>1</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2</v>
      </c>
      <c r="AZ36" s="280">
        <v>2</v>
      </c>
      <c r="BA36" s="280">
        <v>1</v>
      </c>
      <c r="BB36" s="280">
        <v>0</v>
      </c>
      <c r="BC36" s="280">
        <v>1</v>
      </c>
      <c r="BD36" s="281">
        <v>6</v>
      </c>
      <c r="BE36" s="282">
        <v>6</v>
      </c>
      <c r="BF36" s="276">
        <v>0</v>
      </c>
      <c r="BG36" s="280">
        <v>0</v>
      </c>
      <c r="BH36" s="277">
        <v>0</v>
      </c>
      <c r="BI36" s="279">
        <v>0</v>
      </c>
      <c r="BJ36" s="280">
        <v>0</v>
      </c>
      <c r="BK36" s="280">
        <v>2</v>
      </c>
      <c r="BL36" s="280">
        <v>1</v>
      </c>
      <c r="BM36" s="280">
        <v>0</v>
      </c>
      <c r="BN36" s="280">
        <v>0</v>
      </c>
      <c r="BO36" s="277">
        <v>3</v>
      </c>
      <c r="BP36" s="282">
        <v>3</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1</v>
      </c>
      <c r="DY36" s="280">
        <v>1</v>
      </c>
      <c r="DZ36" s="280">
        <v>0</v>
      </c>
      <c r="EA36" s="280">
        <v>0</v>
      </c>
      <c r="EB36" s="280">
        <v>1</v>
      </c>
      <c r="EC36" s="277">
        <v>3</v>
      </c>
      <c r="ED36" s="282">
        <v>3</v>
      </c>
      <c r="EE36" s="276">
        <v>0</v>
      </c>
      <c r="EF36" s="280">
        <v>0</v>
      </c>
      <c r="EG36" s="277">
        <v>0</v>
      </c>
      <c r="EH36" s="279">
        <v>0</v>
      </c>
      <c r="EI36" s="280">
        <v>0</v>
      </c>
      <c r="EJ36" s="280">
        <v>0</v>
      </c>
      <c r="EK36" s="280">
        <v>1</v>
      </c>
      <c r="EL36" s="280">
        <v>0</v>
      </c>
      <c r="EM36" s="280">
        <v>0</v>
      </c>
      <c r="EN36" s="277">
        <v>1</v>
      </c>
      <c r="EO36" s="282">
        <v>1</v>
      </c>
      <c r="EP36" s="276">
        <v>0</v>
      </c>
      <c r="EQ36" s="280">
        <v>0</v>
      </c>
      <c r="ER36" s="277">
        <v>0</v>
      </c>
      <c r="ES36" s="279">
        <v>0</v>
      </c>
      <c r="ET36" s="280">
        <v>1</v>
      </c>
      <c r="EU36" s="280">
        <v>3</v>
      </c>
      <c r="EV36" s="280">
        <v>1</v>
      </c>
      <c r="EW36" s="280">
        <v>0</v>
      </c>
      <c r="EX36" s="280">
        <v>0</v>
      </c>
      <c r="EY36" s="277">
        <v>5</v>
      </c>
      <c r="EZ36" s="282">
        <v>5</v>
      </c>
    </row>
    <row r="37" spans="2:156" ht="21" customHeight="1" x14ac:dyDescent="0.2">
      <c r="B37" s="261" t="s">
        <v>35</v>
      </c>
      <c r="C37" s="276">
        <v>0</v>
      </c>
      <c r="D37" s="280">
        <v>0</v>
      </c>
      <c r="E37" s="382">
        <v>0</v>
      </c>
      <c r="F37" s="279">
        <v>0</v>
      </c>
      <c r="G37" s="280">
        <v>5</v>
      </c>
      <c r="H37" s="280">
        <v>2</v>
      </c>
      <c r="I37" s="280">
        <v>2</v>
      </c>
      <c r="J37" s="280">
        <v>4</v>
      </c>
      <c r="K37" s="280">
        <v>1</v>
      </c>
      <c r="L37" s="281">
        <v>14</v>
      </c>
      <c r="M37" s="282">
        <v>14</v>
      </c>
      <c r="N37" s="276">
        <v>0</v>
      </c>
      <c r="O37" s="280">
        <v>0</v>
      </c>
      <c r="P37" s="277">
        <v>0</v>
      </c>
      <c r="Q37" s="279">
        <v>0</v>
      </c>
      <c r="R37" s="280">
        <v>0</v>
      </c>
      <c r="S37" s="280">
        <v>0</v>
      </c>
      <c r="T37" s="280">
        <v>0</v>
      </c>
      <c r="U37" s="280">
        <v>2</v>
      </c>
      <c r="V37" s="280">
        <v>0</v>
      </c>
      <c r="W37" s="277">
        <v>2</v>
      </c>
      <c r="X37" s="282">
        <v>2</v>
      </c>
      <c r="Y37" s="276">
        <v>1</v>
      </c>
      <c r="Z37" s="280">
        <v>2</v>
      </c>
      <c r="AA37" s="277">
        <v>3</v>
      </c>
      <c r="AB37" s="279">
        <v>0</v>
      </c>
      <c r="AC37" s="280">
        <v>3</v>
      </c>
      <c r="AD37" s="280">
        <v>1</v>
      </c>
      <c r="AE37" s="280">
        <v>2</v>
      </c>
      <c r="AF37" s="280">
        <v>3</v>
      </c>
      <c r="AG37" s="280">
        <v>1</v>
      </c>
      <c r="AH37" s="277">
        <v>10</v>
      </c>
      <c r="AI37" s="282">
        <v>13</v>
      </c>
      <c r="AJ37" s="276">
        <v>0</v>
      </c>
      <c r="AK37" s="280">
        <v>1</v>
      </c>
      <c r="AL37" s="277">
        <v>1</v>
      </c>
      <c r="AM37" s="279">
        <v>0</v>
      </c>
      <c r="AN37" s="280">
        <v>4</v>
      </c>
      <c r="AO37" s="280">
        <v>0</v>
      </c>
      <c r="AP37" s="280">
        <v>0</v>
      </c>
      <c r="AQ37" s="280">
        <v>0</v>
      </c>
      <c r="AR37" s="280">
        <v>0</v>
      </c>
      <c r="AS37" s="277">
        <v>4</v>
      </c>
      <c r="AT37" s="282">
        <v>5</v>
      </c>
      <c r="AU37" s="276">
        <v>4</v>
      </c>
      <c r="AV37" s="280">
        <v>2</v>
      </c>
      <c r="AW37" s="277">
        <v>6</v>
      </c>
      <c r="AX37" s="279">
        <v>0</v>
      </c>
      <c r="AY37" s="280">
        <v>2</v>
      </c>
      <c r="AZ37" s="280">
        <v>3</v>
      </c>
      <c r="BA37" s="280">
        <v>5</v>
      </c>
      <c r="BB37" s="280">
        <v>11</v>
      </c>
      <c r="BC37" s="280">
        <v>1</v>
      </c>
      <c r="BD37" s="281">
        <v>22</v>
      </c>
      <c r="BE37" s="282">
        <v>28</v>
      </c>
      <c r="BF37" s="276">
        <v>0</v>
      </c>
      <c r="BG37" s="280">
        <v>0</v>
      </c>
      <c r="BH37" s="277">
        <v>0</v>
      </c>
      <c r="BI37" s="279">
        <v>0</v>
      </c>
      <c r="BJ37" s="280">
        <v>5</v>
      </c>
      <c r="BK37" s="280">
        <v>2</v>
      </c>
      <c r="BL37" s="280">
        <v>1</v>
      </c>
      <c r="BM37" s="280">
        <v>1</v>
      </c>
      <c r="BN37" s="280">
        <v>0</v>
      </c>
      <c r="BO37" s="277">
        <v>9</v>
      </c>
      <c r="BP37" s="282">
        <v>9</v>
      </c>
      <c r="BQ37" s="276">
        <v>0</v>
      </c>
      <c r="BR37" s="280">
        <v>3</v>
      </c>
      <c r="BS37" s="277">
        <v>3</v>
      </c>
      <c r="BT37" s="279">
        <v>0</v>
      </c>
      <c r="BU37" s="280">
        <v>1</v>
      </c>
      <c r="BV37" s="280">
        <v>3</v>
      </c>
      <c r="BW37" s="280">
        <v>0</v>
      </c>
      <c r="BX37" s="280">
        <v>1</v>
      </c>
      <c r="BY37" s="280">
        <v>0</v>
      </c>
      <c r="BZ37" s="277">
        <v>5</v>
      </c>
      <c r="CA37" s="282">
        <v>8</v>
      </c>
      <c r="CB37" s="276">
        <v>0</v>
      </c>
      <c r="CC37" s="280">
        <v>0</v>
      </c>
      <c r="CD37" s="277">
        <v>0</v>
      </c>
      <c r="CE37" s="279">
        <v>0</v>
      </c>
      <c r="CF37" s="280">
        <v>2</v>
      </c>
      <c r="CG37" s="280">
        <v>0</v>
      </c>
      <c r="CH37" s="280">
        <v>0</v>
      </c>
      <c r="CI37" s="280">
        <v>3</v>
      </c>
      <c r="CJ37" s="280">
        <v>0</v>
      </c>
      <c r="CK37" s="277">
        <v>5</v>
      </c>
      <c r="CL37" s="282">
        <v>5</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1</v>
      </c>
      <c r="DU37" s="280">
        <v>3</v>
      </c>
      <c r="DV37" s="277">
        <v>4</v>
      </c>
      <c r="DW37" s="279">
        <v>0</v>
      </c>
      <c r="DX37" s="280">
        <v>7</v>
      </c>
      <c r="DY37" s="280">
        <v>5</v>
      </c>
      <c r="DZ37" s="280">
        <v>5</v>
      </c>
      <c r="EA37" s="280">
        <v>6</v>
      </c>
      <c r="EB37" s="280">
        <v>1</v>
      </c>
      <c r="EC37" s="277">
        <v>24</v>
      </c>
      <c r="ED37" s="282">
        <v>28</v>
      </c>
      <c r="EE37" s="276">
        <v>3</v>
      </c>
      <c r="EF37" s="280">
        <v>0</v>
      </c>
      <c r="EG37" s="277">
        <v>3</v>
      </c>
      <c r="EH37" s="279">
        <v>0</v>
      </c>
      <c r="EI37" s="280">
        <v>1</v>
      </c>
      <c r="EJ37" s="280">
        <v>2</v>
      </c>
      <c r="EK37" s="280">
        <v>4</v>
      </c>
      <c r="EL37" s="280">
        <v>5</v>
      </c>
      <c r="EM37" s="280">
        <v>0</v>
      </c>
      <c r="EN37" s="277">
        <v>12</v>
      </c>
      <c r="EO37" s="282">
        <v>15</v>
      </c>
      <c r="EP37" s="276">
        <v>2</v>
      </c>
      <c r="EQ37" s="280">
        <v>6</v>
      </c>
      <c r="ER37" s="277">
        <v>8</v>
      </c>
      <c r="ES37" s="279">
        <v>0</v>
      </c>
      <c r="ET37" s="280">
        <v>17</v>
      </c>
      <c r="EU37" s="280">
        <v>7</v>
      </c>
      <c r="EV37" s="280">
        <v>5</v>
      </c>
      <c r="EW37" s="280">
        <v>6</v>
      </c>
      <c r="EX37" s="280">
        <v>1</v>
      </c>
      <c r="EY37" s="277">
        <v>36</v>
      </c>
      <c r="EZ37" s="282">
        <v>44</v>
      </c>
    </row>
    <row r="38" spans="2:156" ht="21" customHeight="1" x14ac:dyDescent="0.2">
      <c r="B38" s="261" t="s">
        <v>36</v>
      </c>
      <c r="C38" s="276">
        <v>0</v>
      </c>
      <c r="D38" s="280">
        <v>0</v>
      </c>
      <c r="E38" s="382">
        <v>0</v>
      </c>
      <c r="F38" s="279">
        <v>0</v>
      </c>
      <c r="G38" s="280">
        <v>1</v>
      </c>
      <c r="H38" s="280">
        <v>1</v>
      </c>
      <c r="I38" s="280">
        <v>0</v>
      </c>
      <c r="J38" s="280">
        <v>2</v>
      </c>
      <c r="K38" s="280">
        <v>1</v>
      </c>
      <c r="L38" s="281">
        <v>5</v>
      </c>
      <c r="M38" s="282">
        <v>5</v>
      </c>
      <c r="N38" s="276">
        <v>0</v>
      </c>
      <c r="O38" s="280">
        <v>0</v>
      </c>
      <c r="P38" s="277">
        <v>0</v>
      </c>
      <c r="Q38" s="279">
        <v>0</v>
      </c>
      <c r="R38" s="280">
        <v>0</v>
      </c>
      <c r="S38" s="280">
        <v>0</v>
      </c>
      <c r="T38" s="280">
        <v>0</v>
      </c>
      <c r="U38" s="280">
        <v>0</v>
      </c>
      <c r="V38" s="280">
        <v>0</v>
      </c>
      <c r="W38" s="277">
        <v>0</v>
      </c>
      <c r="X38" s="282">
        <v>0</v>
      </c>
      <c r="Y38" s="276">
        <v>0</v>
      </c>
      <c r="Z38" s="280">
        <v>2</v>
      </c>
      <c r="AA38" s="277">
        <v>2</v>
      </c>
      <c r="AB38" s="279">
        <v>0</v>
      </c>
      <c r="AC38" s="280">
        <v>2</v>
      </c>
      <c r="AD38" s="280">
        <v>2</v>
      </c>
      <c r="AE38" s="280">
        <v>0</v>
      </c>
      <c r="AF38" s="280">
        <v>2</v>
      </c>
      <c r="AG38" s="280">
        <v>0</v>
      </c>
      <c r="AH38" s="277">
        <v>6</v>
      </c>
      <c r="AI38" s="282">
        <v>8</v>
      </c>
      <c r="AJ38" s="276">
        <v>0</v>
      </c>
      <c r="AK38" s="280">
        <v>0</v>
      </c>
      <c r="AL38" s="277">
        <v>0</v>
      </c>
      <c r="AM38" s="279">
        <v>0</v>
      </c>
      <c r="AN38" s="280">
        <v>1</v>
      </c>
      <c r="AO38" s="280">
        <v>0</v>
      </c>
      <c r="AP38" s="280">
        <v>0</v>
      </c>
      <c r="AQ38" s="280">
        <v>0</v>
      </c>
      <c r="AR38" s="280">
        <v>0</v>
      </c>
      <c r="AS38" s="277">
        <v>1</v>
      </c>
      <c r="AT38" s="282">
        <v>1</v>
      </c>
      <c r="AU38" s="276">
        <v>0</v>
      </c>
      <c r="AV38" s="280">
        <v>0</v>
      </c>
      <c r="AW38" s="277">
        <v>0</v>
      </c>
      <c r="AX38" s="279">
        <v>0</v>
      </c>
      <c r="AY38" s="280">
        <v>2</v>
      </c>
      <c r="AZ38" s="280">
        <v>1</v>
      </c>
      <c r="BA38" s="280">
        <v>2</v>
      </c>
      <c r="BB38" s="280">
        <v>6</v>
      </c>
      <c r="BC38" s="280">
        <v>2</v>
      </c>
      <c r="BD38" s="281">
        <v>13</v>
      </c>
      <c r="BE38" s="282">
        <v>13</v>
      </c>
      <c r="BF38" s="276">
        <v>0</v>
      </c>
      <c r="BG38" s="280">
        <v>0</v>
      </c>
      <c r="BH38" s="277">
        <v>0</v>
      </c>
      <c r="BI38" s="279">
        <v>0</v>
      </c>
      <c r="BJ38" s="280">
        <v>3</v>
      </c>
      <c r="BK38" s="280">
        <v>1</v>
      </c>
      <c r="BL38" s="280">
        <v>2</v>
      </c>
      <c r="BM38" s="280">
        <v>3</v>
      </c>
      <c r="BN38" s="280">
        <v>1</v>
      </c>
      <c r="BO38" s="277">
        <v>10</v>
      </c>
      <c r="BP38" s="282">
        <v>10</v>
      </c>
      <c r="BQ38" s="276">
        <v>0</v>
      </c>
      <c r="BR38" s="280">
        <v>0</v>
      </c>
      <c r="BS38" s="277">
        <v>0</v>
      </c>
      <c r="BT38" s="279">
        <v>0</v>
      </c>
      <c r="BU38" s="280">
        <v>1</v>
      </c>
      <c r="BV38" s="280">
        <v>0</v>
      </c>
      <c r="BW38" s="280">
        <v>0</v>
      </c>
      <c r="BX38" s="280">
        <v>0</v>
      </c>
      <c r="BY38" s="280">
        <v>0</v>
      </c>
      <c r="BZ38" s="277">
        <v>1</v>
      </c>
      <c r="CA38" s="282">
        <v>1</v>
      </c>
      <c r="CB38" s="276">
        <v>0</v>
      </c>
      <c r="CC38" s="280">
        <v>0</v>
      </c>
      <c r="CD38" s="277">
        <v>0</v>
      </c>
      <c r="CE38" s="279">
        <v>0</v>
      </c>
      <c r="CF38" s="280">
        <v>0</v>
      </c>
      <c r="CG38" s="280">
        <v>1</v>
      </c>
      <c r="CH38" s="280">
        <v>0</v>
      </c>
      <c r="CI38" s="280">
        <v>1</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0</v>
      </c>
      <c r="DV38" s="277">
        <v>0</v>
      </c>
      <c r="DW38" s="279">
        <v>0</v>
      </c>
      <c r="DX38" s="280">
        <v>6</v>
      </c>
      <c r="DY38" s="280">
        <v>3</v>
      </c>
      <c r="DZ38" s="280">
        <v>1</v>
      </c>
      <c r="EA38" s="280">
        <v>4</v>
      </c>
      <c r="EB38" s="280">
        <v>2</v>
      </c>
      <c r="EC38" s="277">
        <v>16</v>
      </c>
      <c r="ED38" s="282">
        <v>16</v>
      </c>
      <c r="EE38" s="276">
        <v>0</v>
      </c>
      <c r="EF38" s="280">
        <v>0</v>
      </c>
      <c r="EG38" s="277">
        <v>0</v>
      </c>
      <c r="EH38" s="279">
        <v>0</v>
      </c>
      <c r="EI38" s="280">
        <v>0</v>
      </c>
      <c r="EJ38" s="280">
        <v>1</v>
      </c>
      <c r="EK38" s="280">
        <v>2</v>
      </c>
      <c r="EL38" s="280">
        <v>3</v>
      </c>
      <c r="EM38" s="280">
        <v>0</v>
      </c>
      <c r="EN38" s="277">
        <v>6</v>
      </c>
      <c r="EO38" s="282">
        <v>6</v>
      </c>
      <c r="EP38" s="276">
        <v>0</v>
      </c>
      <c r="EQ38" s="280">
        <v>2</v>
      </c>
      <c r="ER38" s="277">
        <v>2</v>
      </c>
      <c r="ES38" s="279">
        <v>0</v>
      </c>
      <c r="ET38" s="280">
        <v>7</v>
      </c>
      <c r="EU38" s="280">
        <v>4</v>
      </c>
      <c r="EV38" s="280">
        <v>1</v>
      </c>
      <c r="EW38" s="280">
        <v>5</v>
      </c>
      <c r="EX38" s="280">
        <v>2</v>
      </c>
      <c r="EY38" s="277">
        <v>19</v>
      </c>
      <c r="EZ38" s="282">
        <v>21</v>
      </c>
    </row>
    <row r="39" spans="2:156" ht="21" customHeight="1" thickBot="1" x14ac:dyDescent="0.25">
      <c r="B39" s="262" t="s">
        <v>37</v>
      </c>
      <c r="C39" s="283">
        <v>0</v>
      </c>
      <c r="D39" s="287">
        <v>0</v>
      </c>
      <c r="E39" s="383">
        <v>0</v>
      </c>
      <c r="F39" s="286">
        <v>0</v>
      </c>
      <c r="G39" s="287">
        <v>0</v>
      </c>
      <c r="H39" s="287">
        <v>0</v>
      </c>
      <c r="I39" s="287">
        <v>0</v>
      </c>
      <c r="J39" s="287">
        <v>0</v>
      </c>
      <c r="K39" s="287">
        <v>1</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1</v>
      </c>
      <c r="BD39" s="288">
        <v>2</v>
      </c>
      <c r="BE39" s="289">
        <v>2</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1</v>
      </c>
      <c r="CV39" s="284">
        <v>1</v>
      </c>
      <c r="CW39" s="289">
        <v>1</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0</v>
      </c>
      <c r="DZ39" s="287">
        <v>0</v>
      </c>
      <c r="EA39" s="287">
        <v>0</v>
      </c>
      <c r="EB39" s="287">
        <v>1</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0</v>
      </c>
      <c r="ER39" s="284">
        <v>0</v>
      </c>
      <c r="ES39" s="286">
        <v>0</v>
      </c>
      <c r="ET39" s="287">
        <v>0</v>
      </c>
      <c r="EU39" s="287">
        <v>0</v>
      </c>
      <c r="EV39" s="287">
        <v>0</v>
      </c>
      <c r="EW39" s="287">
        <v>0</v>
      </c>
      <c r="EX39" s="287">
        <v>1</v>
      </c>
      <c r="EY39" s="284">
        <v>1</v>
      </c>
      <c r="EZ39" s="289">
        <v>1</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77734375" style="255" customWidth="1"/>
    <col min="18" max="27" width="9" style="255"/>
    <col min="28" max="28" width="6.88671875" style="255" customWidth="1"/>
    <col min="29" max="38" width="9" style="255"/>
    <col min="39" max="39" width="7.21875" style="255" customWidth="1"/>
    <col min="40" max="49" width="9" style="255"/>
    <col min="50" max="50" width="7.44140625" style="255" customWidth="1"/>
    <col min="51" max="60" width="9" style="255"/>
    <col min="61" max="61" width="7.6640625" style="255" customWidth="1"/>
    <col min="62" max="71" width="9" style="255"/>
    <col min="72" max="72" width="7.88671875" style="255" customWidth="1"/>
    <col min="73" max="82" width="9" style="255"/>
    <col min="83" max="83" width="7" style="255" customWidth="1"/>
    <col min="84" max="93" width="9" style="255"/>
    <col min="94" max="94" width="7.6640625" style="255" customWidth="1"/>
    <col min="95" max="16384" width="9" style="255"/>
  </cols>
  <sheetData>
    <row r="1" spans="2:112" ht="24" customHeight="1" x14ac:dyDescent="0.2">
      <c r="B1" s="290" t="s">
        <v>123</v>
      </c>
      <c r="J1" s="525">
        <f>第１表!F2</f>
        <v>5</v>
      </c>
      <c r="K1" s="525"/>
      <c r="L1" s="248">
        <f>第１表!G2</f>
        <v>7</v>
      </c>
      <c r="M1" s="529">
        <f>IF(L1&lt;3,L1+12-2,L1-2)</f>
        <v>5</v>
      </c>
      <c r="N1" s="529"/>
    </row>
    <row r="2" spans="2:112" ht="24" customHeight="1" thickBot="1" x14ac:dyDescent="0.25">
      <c r="B2" s="290" t="s">
        <v>138</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7</v>
      </c>
      <c r="CC3" s="547"/>
      <c r="CD3" s="547"/>
      <c r="CE3" s="547"/>
      <c r="CF3" s="547"/>
      <c r="CG3" s="547"/>
      <c r="CH3" s="547"/>
      <c r="CI3" s="547"/>
      <c r="CJ3" s="547"/>
      <c r="CK3" s="547"/>
      <c r="CL3" s="548"/>
      <c r="CM3" s="546" t="s">
        <v>105</v>
      </c>
      <c r="CN3" s="547"/>
      <c r="CO3" s="547"/>
      <c r="CP3" s="547"/>
      <c r="CQ3" s="547"/>
      <c r="CR3" s="547"/>
      <c r="CS3" s="547"/>
      <c r="CT3" s="547"/>
      <c r="CU3" s="547"/>
      <c r="CV3" s="547"/>
      <c r="CW3" s="548"/>
      <c r="CX3" s="546" t="s">
        <v>159</v>
      </c>
      <c r="CY3" s="547"/>
      <c r="CZ3" s="547"/>
      <c r="DA3" s="547"/>
      <c r="DB3" s="547"/>
      <c r="DC3" s="547"/>
      <c r="DD3" s="547"/>
      <c r="DE3" s="547"/>
      <c r="DF3" s="547"/>
      <c r="DG3" s="547"/>
      <c r="DH3" s="548"/>
    </row>
    <row r="4" spans="2:112" ht="21" customHeight="1" x14ac:dyDescent="0.2">
      <c r="B4" s="550"/>
      <c r="C4" s="554" t="s">
        <v>61</v>
      </c>
      <c r="D4" s="537"/>
      <c r="E4" s="538"/>
      <c r="F4" s="536" t="s">
        <v>62</v>
      </c>
      <c r="G4" s="537"/>
      <c r="H4" s="537"/>
      <c r="I4" s="537"/>
      <c r="J4" s="537"/>
      <c r="K4" s="537"/>
      <c r="L4" s="545"/>
      <c r="M4" s="539" t="s">
        <v>52</v>
      </c>
      <c r="N4" s="554" t="s">
        <v>61</v>
      </c>
      <c r="O4" s="537"/>
      <c r="P4" s="538"/>
      <c r="Q4" s="536" t="s">
        <v>62</v>
      </c>
      <c r="R4" s="537"/>
      <c r="S4" s="537"/>
      <c r="T4" s="537"/>
      <c r="U4" s="537"/>
      <c r="V4" s="537"/>
      <c r="W4" s="538"/>
      <c r="X4" s="539" t="s">
        <v>52</v>
      </c>
      <c r="Y4" s="541" t="s">
        <v>61</v>
      </c>
      <c r="Z4" s="537"/>
      <c r="AA4" s="545"/>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45"/>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row>
    <row r="5" spans="2:112" ht="30" customHeight="1" thickBot="1" x14ac:dyDescent="0.25">
      <c r="B5" s="551"/>
      <c r="C5" s="264" t="s">
        <v>43</v>
      </c>
      <c r="D5" s="259" t="s">
        <v>44</v>
      </c>
      <c r="E5" s="380" t="s">
        <v>45</v>
      </c>
      <c r="F5" s="267" t="s">
        <v>83</v>
      </c>
      <c r="G5" s="259" t="s">
        <v>47</v>
      </c>
      <c r="H5" s="259" t="s">
        <v>48</v>
      </c>
      <c r="I5" s="259" t="s">
        <v>49</v>
      </c>
      <c r="J5" s="259" t="s">
        <v>50</v>
      </c>
      <c r="K5" s="259" t="s">
        <v>51</v>
      </c>
      <c r="L5" s="268" t="s">
        <v>45</v>
      </c>
      <c r="M5" s="540"/>
      <c r="N5" s="264" t="s">
        <v>43</v>
      </c>
      <c r="O5" s="259" t="s">
        <v>44</v>
      </c>
      <c r="P5" s="265" t="s">
        <v>45</v>
      </c>
      <c r="Q5" s="267" t="s">
        <v>83</v>
      </c>
      <c r="R5" s="259" t="s">
        <v>47</v>
      </c>
      <c r="S5" s="259" t="s">
        <v>48</v>
      </c>
      <c r="T5" s="259" t="s">
        <v>49</v>
      </c>
      <c r="U5" s="259" t="s">
        <v>50</v>
      </c>
      <c r="V5" s="259" t="s">
        <v>51</v>
      </c>
      <c r="W5" s="265" t="s">
        <v>45</v>
      </c>
      <c r="X5" s="540"/>
      <c r="Y5" s="309" t="s">
        <v>43</v>
      </c>
      <c r="Z5" s="259" t="s">
        <v>44</v>
      </c>
      <c r="AA5" s="268" t="s">
        <v>45</v>
      </c>
      <c r="AB5" s="267" t="s">
        <v>83</v>
      </c>
      <c r="AC5" s="259" t="s">
        <v>47</v>
      </c>
      <c r="AD5" s="259" t="s">
        <v>48</v>
      </c>
      <c r="AE5" s="259" t="s">
        <v>49</v>
      </c>
      <c r="AF5" s="259" t="s">
        <v>50</v>
      </c>
      <c r="AG5" s="259" t="s">
        <v>51</v>
      </c>
      <c r="AH5" s="265" t="s">
        <v>45</v>
      </c>
      <c r="AI5" s="540"/>
      <c r="AJ5" s="263" t="s">
        <v>43</v>
      </c>
      <c r="AK5" s="259" t="s">
        <v>44</v>
      </c>
      <c r="AL5" s="265" t="s">
        <v>45</v>
      </c>
      <c r="AM5" s="267" t="s">
        <v>83</v>
      </c>
      <c r="AN5" s="259" t="s">
        <v>47</v>
      </c>
      <c r="AO5" s="259" t="s">
        <v>48</v>
      </c>
      <c r="AP5" s="259" t="s">
        <v>49</v>
      </c>
      <c r="AQ5" s="259" t="s">
        <v>50</v>
      </c>
      <c r="AR5" s="259" t="s">
        <v>51</v>
      </c>
      <c r="AS5" s="265" t="s">
        <v>45</v>
      </c>
      <c r="AT5" s="540"/>
      <c r="AU5" s="309" t="s">
        <v>43</v>
      </c>
      <c r="AV5" s="259" t="s">
        <v>44</v>
      </c>
      <c r="AW5" s="268" t="s">
        <v>45</v>
      </c>
      <c r="AX5" s="267" t="s">
        <v>83</v>
      </c>
      <c r="AY5" s="259" t="s">
        <v>47</v>
      </c>
      <c r="AZ5" s="259" t="s">
        <v>48</v>
      </c>
      <c r="BA5" s="259" t="s">
        <v>49</v>
      </c>
      <c r="BB5" s="259" t="s">
        <v>50</v>
      </c>
      <c r="BC5" s="259" t="s">
        <v>51</v>
      </c>
      <c r="BD5" s="268" t="s">
        <v>45</v>
      </c>
      <c r="BE5" s="540"/>
      <c r="BF5" s="309" t="s">
        <v>43</v>
      </c>
      <c r="BG5" s="259" t="s">
        <v>44</v>
      </c>
      <c r="BH5" s="265" t="s">
        <v>45</v>
      </c>
      <c r="BI5" s="267" t="s">
        <v>83</v>
      </c>
      <c r="BJ5" s="259" t="s">
        <v>47</v>
      </c>
      <c r="BK5" s="259" t="s">
        <v>48</v>
      </c>
      <c r="BL5" s="259" t="s">
        <v>49</v>
      </c>
      <c r="BM5" s="259" t="s">
        <v>50</v>
      </c>
      <c r="BN5" s="259" t="s">
        <v>51</v>
      </c>
      <c r="BO5" s="265" t="s">
        <v>45</v>
      </c>
      <c r="BP5" s="540"/>
      <c r="BQ5" s="309" t="s">
        <v>43</v>
      </c>
      <c r="BR5" s="259" t="s">
        <v>44</v>
      </c>
      <c r="BS5" s="265" t="s">
        <v>45</v>
      </c>
      <c r="BT5" s="267" t="s">
        <v>83</v>
      </c>
      <c r="BU5" s="259" t="s">
        <v>47</v>
      </c>
      <c r="BV5" s="259" t="s">
        <v>48</v>
      </c>
      <c r="BW5" s="259" t="s">
        <v>49</v>
      </c>
      <c r="BX5" s="259" t="s">
        <v>50</v>
      </c>
      <c r="BY5" s="259" t="s">
        <v>51</v>
      </c>
      <c r="BZ5" s="265" t="s">
        <v>45</v>
      </c>
      <c r="CA5" s="540"/>
      <c r="CB5" s="309" t="s">
        <v>43</v>
      </c>
      <c r="CC5" s="259" t="s">
        <v>44</v>
      </c>
      <c r="CD5" s="265" t="s">
        <v>45</v>
      </c>
      <c r="CE5" s="267" t="s">
        <v>83</v>
      </c>
      <c r="CF5" s="259" t="s">
        <v>47</v>
      </c>
      <c r="CG5" s="259" t="s">
        <v>48</v>
      </c>
      <c r="CH5" s="259" t="s">
        <v>49</v>
      </c>
      <c r="CI5" s="259" t="s">
        <v>50</v>
      </c>
      <c r="CJ5" s="259" t="s">
        <v>51</v>
      </c>
      <c r="CK5" s="265" t="s">
        <v>45</v>
      </c>
      <c r="CL5" s="540"/>
      <c r="CM5" s="309" t="s">
        <v>43</v>
      </c>
      <c r="CN5" s="259" t="s">
        <v>44</v>
      </c>
      <c r="CO5" s="265" t="s">
        <v>45</v>
      </c>
      <c r="CP5" s="267" t="s">
        <v>83</v>
      </c>
      <c r="CQ5" s="259" t="s">
        <v>47</v>
      </c>
      <c r="CR5" s="259" t="s">
        <v>48</v>
      </c>
      <c r="CS5" s="259" t="s">
        <v>49</v>
      </c>
      <c r="CT5" s="259" t="s">
        <v>50</v>
      </c>
      <c r="CU5" s="259" t="s">
        <v>51</v>
      </c>
      <c r="CV5" s="265" t="s">
        <v>45</v>
      </c>
      <c r="CW5" s="540"/>
      <c r="CX5" s="363" t="s">
        <v>43</v>
      </c>
      <c r="CY5" s="259" t="s">
        <v>44</v>
      </c>
      <c r="CZ5" s="265" t="s">
        <v>45</v>
      </c>
      <c r="DA5" s="267" t="s">
        <v>83</v>
      </c>
      <c r="DB5" s="259" t="s">
        <v>47</v>
      </c>
      <c r="DC5" s="259" t="s">
        <v>48</v>
      </c>
      <c r="DD5" s="259" t="s">
        <v>49</v>
      </c>
      <c r="DE5" s="259" t="s">
        <v>50</v>
      </c>
      <c r="DF5" s="259" t="s">
        <v>51</v>
      </c>
      <c r="DG5" s="265" t="s">
        <v>45</v>
      </c>
      <c r="DH5" s="540"/>
    </row>
    <row r="6" spans="2:112" ht="21" customHeight="1" x14ac:dyDescent="0.2">
      <c r="B6" s="260" t="s">
        <v>4</v>
      </c>
      <c r="C6" s="269">
        <v>0</v>
      </c>
      <c r="D6" s="273">
        <v>0</v>
      </c>
      <c r="E6" s="381">
        <v>0</v>
      </c>
      <c r="F6" s="272">
        <v>0</v>
      </c>
      <c r="G6" s="273">
        <v>216226</v>
      </c>
      <c r="H6" s="273">
        <v>348804</v>
      </c>
      <c r="I6" s="273">
        <v>372139</v>
      </c>
      <c r="J6" s="273">
        <v>442116</v>
      </c>
      <c r="K6" s="273">
        <v>426780</v>
      </c>
      <c r="L6" s="274">
        <v>1806065</v>
      </c>
      <c r="M6" s="275">
        <v>1806065</v>
      </c>
      <c r="N6" s="269">
        <v>2</v>
      </c>
      <c r="O6" s="273">
        <v>69</v>
      </c>
      <c r="P6" s="270">
        <v>71</v>
      </c>
      <c r="Q6" s="272">
        <v>0</v>
      </c>
      <c r="R6" s="273">
        <v>417</v>
      </c>
      <c r="S6" s="273">
        <v>2073</v>
      </c>
      <c r="T6" s="273">
        <v>3833</v>
      </c>
      <c r="U6" s="273">
        <v>9804</v>
      </c>
      <c r="V6" s="273">
        <v>19070</v>
      </c>
      <c r="W6" s="270">
        <v>35197</v>
      </c>
      <c r="X6" s="275">
        <v>35268</v>
      </c>
      <c r="Y6" s="269">
        <v>12779</v>
      </c>
      <c r="Z6" s="273">
        <v>42282</v>
      </c>
      <c r="AA6" s="270">
        <v>55061</v>
      </c>
      <c r="AB6" s="272">
        <v>0</v>
      </c>
      <c r="AC6" s="273">
        <v>105793</v>
      </c>
      <c r="AD6" s="273">
        <v>170367</v>
      </c>
      <c r="AE6" s="273">
        <v>110484</v>
      </c>
      <c r="AF6" s="273">
        <v>97821</v>
      </c>
      <c r="AG6" s="273">
        <v>78639</v>
      </c>
      <c r="AH6" s="270">
        <v>563104</v>
      </c>
      <c r="AI6" s="275">
        <v>618165</v>
      </c>
      <c r="AJ6" s="269">
        <v>2067</v>
      </c>
      <c r="AK6" s="273">
        <v>8217</v>
      </c>
      <c r="AL6" s="270">
        <v>10284</v>
      </c>
      <c r="AM6" s="272">
        <v>0</v>
      </c>
      <c r="AN6" s="273">
        <v>12744</v>
      </c>
      <c r="AO6" s="273">
        <v>22374</v>
      </c>
      <c r="AP6" s="273">
        <v>14161</v>
      </c>
      <c r="AQ6" s="273">
        <v>13255</v>
      </c>
      <c r="AR6" s="273">
        <v>7807</v>
      </c>
      <c r="AS6" s="270">
        <v>70341</v>
      </c>
      <c r="AT6" s="275">
        <v>80625</v>
      </c>
      <c r="AU6" s="269">
        <v>0</v>
      </c>
      <c r="AV6" s="273">
        <v>0</v>
      </c>
      <c r="AW6" s="270">
        <v>0</v>
      </c>
      <c r="AX6" s="272">
        <v>0</v>
      </c>
      <c r="AY6" s="273">
        <v>193541</v>
      </c>
      <c r="AZ6" s="273">
        <v>199121</v>
      </c>
      <c r="BA6" s="273">
        <v>122842</v>
      </c>
      <c r="BB6" s="273">
        <v>73405</v>
      </c>
      <c r="BC6" s="273">
        <v>33796</v>
      </c>
      <c r="BD6" s="274">
        <v>622705</v>
      </c>
      <c r="BE6" s="275">
        <v>622705</v>
      </c>
      <c r="BF6" s="269">
        <v>0</v>
      </c>
      <c r="BG6" s="273">
        <v>0</v>
      </c>
      <c r="BH6" s="270">
        <v>0</v>
      </c>
      <c r="BI6" s="272">
        <v>0</v>
      </c>
      <c r="BJ6" s="273">
        <v>31049</v>
      </c>
      <c r="BK6" s="273">
        <v>49114</v>
      </c>
      <c r="BL6" s="273">
        <v>30312</v>
      </c>
      <c r="BM6" s="273">
        <v>19190</v>
      </c>
      <c r="BN6" s="273">
        <v>6942</v>
      </c>
      <c r="BO6" s="270">
        <v>136607</v>
      </c>
      <c r="BP6" s="275">
        <v>136607</v>
      </c>
      <c r="BQ6" s="269">
        <v>309</v>
      </c>
      <c r="BR6" s="273">
        <v>1260</v>
      </c>
      <c r="BS6" s="270">
        <v>1569</v>
      </c>
      <c r="BT6" s="272">
        <v>0</v>
      </c>
      <c r="BU6" s="273">
        <v>16390</v>
      </c>
      <c r="BV6" s="273">
        <v>31878</v>
      </c>
      <c r="BW6" s="273">
        <v>56076</v>
      </c>
      <c r="BX6" s="273">
        <v>43459</v>
      </c>
      <c r="BY6" s="273">
        <v>21676</v>
      </c>
      <c r="BZ6" s="270">
        <v>169479</v>
      </c>
      <c r="CA6" s="275">
        <v>171048</v>
      </c>
      <c r="CB6" s="269">
        <v>6</v>
      </c>
      <c r="CC6" s="273">
        <v>134</v>
      </c>
      <c r="CD6" s="270">
        <v>140</v>
      </c>
      <c r="CE6" s="272">
        <v>0</v>
      </c>
      <c r="CF6" s="273">
        <v>1179</v>
      </c>
      <c r="CG6" s="273">
        <v>3247</v>
      </c>
      <c r="CH6" s="273">
        <v>4629</v>
      </c>
      <c r="CI6" s="273">
        <v>4728</v>
      </c>
      <c r="CJ6" s="273">
        <v>2705</v>
      </c>
      <c r="CK6" s="270">
        <v>16488</v>
      </c>
      <c r="CL6" s="275">
        <v>16628</v>
      </c>
      <c r="CM6" s="269">
        <v>0</v>
      </c>
      <c r="CN6" s="273">
        <v>0</v>
      </c>
      <c r="CO6" s="270">
        <v>0</v>
      </c>
      <c r="CP6" s="272">
        <v>0</v>
      </c>
      <c r="CQ6" s="273">
        <v>0</v>
      </c>
      <c r="CR6" s="273">
        <v>8</v>
      </c>
      <c r="CS6" s="273">
        <v>0</v>
      </c>
      <c r="CT6" s="273">
        <v>0</v>
      </c>
      <c r="CU6" s="273">
        <v>0</v>
      </c>
      <c r="CV6" s="270">
        <v>8</v>
      </c>
      <c r="CW6" s="275">
        <v>8</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2">
        <v>0</v>
      </c>
      <c r="F7" s="279">
        <v>0</v>
      </c>
      <c r="G7" s="280">
        <v>73149</v>
      </c>
      <c r="H7" s="280">
        <v>149702</v>
      </c>
      <c r="I7" s="280">
        <v>136890</v>
      </c>
      <c r="J7" s="280">
        <v>156914</v>
      </c>
      <c r="K7" s="280">
        <v>157589</v>
      </c>
      <c r="L7" s="281">
        <v>674244</v>
      </c>
      <c r="M7" s="282">
        <v>674244</v>
      </c>
      <c r="N7" s="276">
        <v>0</v>
      </c>
      <c r="O7" s="280">
        <v>27</v>
      </c>
      <c r="P7" s="277">
        <v>27</v>
      </c>
      <c r="Q7" s="279">
        <v>0</v>
      </c>
      <c r="R7" s="280">
        <v>65</v>
      </c>
      <c r="S7" s="280">
        <v>677</v>
      </c>
      <c r="T7" s="280">
        <v>1467</v>
      </c>
      <c r="U7" s="280">
        <v>3868</v>
      </c>
      <c r="V7" s="280">
        <v>8215</v>
      </c>
      <c r="W7" s="277">
        <v>14292</v>
      </c>
      <c r="X7" s="282">
        <v>14319</v>
      </c>
      <c r="Y7" s="276">
        <v>5499</v>
      </c>
      <c r="Z7" s="280">
        <v>22045</v>
      </c>
      <c r="AA7" s="277">
        <v>27544</v>
      </c>
      <c r="AB7" s="279">
        <v>0</v>
      </c>
      <c r="AC7" s="280">
        <v>38454</v>
      </c>
      <c r="AD7" s="280">
        <v>89665</v>
      </c>
      <c r="AE7" s="280">
        <v>55489</v>
      </c>
      <c r="AF7" s="280">
        <v>46302</v>
      </c>
      <c r="AG7" s="280">
        <v>36424</v>
      </c>
      <c r="AH7" s="277">
        <v>266334</v>
      </c>
      <c r="AI7" s="282">
        <v>293878</v>
      </c>
      <c r="AJ7" s="276">
        <v>824</v>
      </c>
      <c r="AK7" s="280">
        <v>4376</v>
      </c>
      <c r="AL7" s="277">
        <v>5200</v>
      </c>
      <c r="AM7" s="279">
        <v>0</v>
      </c>
      <c r="AN7" s="280">
        <v>3074</v>
      </c>
      <c r="AO7" s="280">
        <v>9144</v>
      </c>
      <c r="AP7" s="280">
        <v>6161</v>
      </c>
      <c r="AQ7" s="280">
        <v>5557</v>
      </c>
      <c r="AR7" s="280">
        <v>2966</v>
      </c>
      <c r="AS7" s="277">
        <v>26902</v>
      </c>
      <c r="AT7" s="282">
        <v>32102</v>
      </c>
      <c r="AU7" s="276">
        <v>0</v>
      </c>
      <c r="AV7" s="280">
        <v>0</v>
      </c>
      <c r="AW7" s="277">
        <v>0</v>
      </c>
      <c r="AX7" s="279">
        <v>0</v>
      </c>
      <c r="AY7" s="280">
        <v>60406</v>
      </c>
      <c r="AZ7" s="280">
        <v>78514</v>
      </c>
      <c r="BA7" s="280">
        <v>42827</v>
      </c>
      <c r="BB7" s="280">
        <v>24624</v>
      </c>
      <c r="BC7" s="280">
        <v>11296</v>
      </c>
      <c r="BD7" s="281">
        <v>217667</v>
      </c>
      <c r="BE7" s="282">
        <v>217667</v>
      </c>
      <c r="BF7" s="276">
        <v>0</v>
      </c>
      <c r="BG7" s="280">
        <v>0</v>
      </c>
      <c r="BH7" s="277">
        <v>0</v>
      </c>
      <c r="BI7" s="279">
        <v>0</v>
      </c>
      <c r="BJ7" s="280">
        <v>9332</v>
      </c>
      <c r="BK7" s="280">
        <v>21871</v>
      </c>
      <c r="BL7" s="280">
        <v>13110</v>
      </c>
      <c r="BM7" s="280">
        <v>8354</v>
      </c>
      <c r="BN7" s="280">
        <v>3070</v>
      </c>
      <c r="BO7" s="277">
        <v>55737</v>
      </c>
      <c r="BP7" s="282">
        <v>55737</v>
      </c>
      <c r="BQ7" s="276">
        <v>107</v>
      </c>
      <c r="BR7" s="280">
        <v>466</v>
      </c>
      <c r="BS7" s="277">
        <v>573</v>
      </c>
      <c r="BT7" s="279">
        <v>0</v>
      </c>
      <c r="BU7" s="280">
        <v>4569</v>
      </c>
      <c r="BV7" s="280">
        <v>12497</v>
      </c>
      <c r="BW7" s="280">
        <v>22270</v>
      </c>
      <c r="BX7" s="280">
        <v>16305</v>
      </c>
      <c r="BY7" s="280">
        <v>8222</v>
      </c>
      <c r="BZ7" s="277">
        <v>63863</v>
      </c>
      <c r="CA7" s="282">
        <v>64436</v>
      </c>
      <c r="CB7" s="276">
        <v>0</v>
      </c>
      <c r="CC7" s="280">
        <v>98</v>
      </c>
      <c r="CD7" s="277">
        <v>98</v>
      </c>
      <c r="CE7" s="279">
        <v>0</v>
      </c>
      <c r="CF7" s="280">
        <v>477</v>
      </c>
      <c r="CG7" s="280">
        <v>1872</v>
      </c>
      <c r="CH7" s="280">
        <v>2716</v>
      </c>
      <c r="CI7" s="280">
        <v>2599</v>
      </c>
      <c r="CJ7" s="280">
        <v>1646</v>
      </c>
      <c r="CK7" s="277">
        <v>9310</v>
      </c>
      <c r="CL7" s="282">
        <v>9408</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2">
        <v>0</v>
      </c>
      <c r="F8" s="279">
        <v>0</v>
      </c>
      <c r="G8" s="280">
        <v>37132</v>
      </c>
      <c r="H8" s="280">
        <v>48710</v>
      </c>
      <c r="I8" s="280">
        <v>54669</v>
      </c>
      <c r="J8" s="280">
        <v>70770</v>
      </c>
      <c r="K8" s="280">
        <v>71304</v>
      </c>
      <c r="L8" s="281">
        <v>282585</v>
      </c>
      <c r="M8" s="282">
        <v>282585</v>
      </c>
      <c r="N8" s="276">
        <v>2</v>
      </c>
      <c r="O8" s="280">
        <v>9</v>
      </c>
      <c r="P8" s="277">
        <v>11</v>
      </c>
      <c r="Q8" s="279">
        <v>0</v>
      </c>
      <c r="R8" s="280">
        <v>64</v>
      </c>
      <c r="S8" s="280">
        <v>288</v>
      </c>
      <c r="T8" s="280">
        <v>487</v>
      </c>
      <c r="U8" s="280">
        <v>1335</v>
      </c>
      <c r="V8" s="280">
        <v>2859</v>
      </c>
      <c r="W8" s="277">
        <v>5033</v>
      </c>
      <c r="X8" s="282">
        <v>5044</v>
      </c>
      <c r="Y8" s="276">
        <v>2087</v>
      </c>
      <c r="Z8" s="280">
        <v>6357</v>
      </c>
      <c r="AA8" s="277">
        <v>8444</v>
      </c>
      <c r="AB8" s="279">
        <v>0</v>
      </c>
      <c r="AC8" s="280">
        <v>22351</v>
      </c>
      <c r="AD8" s="280">
        <v>24057</v>
      </c>
      <c r="AE8" s="280">
        <v>16860</v>
      </c>
      <c r="AF8" s="280">
        <v>15928</v>
      </c>
      <c r="AG8" s="280">
        <v>12085</v>
      </c>
      <c r="AH8" s="277">
        <v>91281</v>
      </c>
      <c r="AI8" s="282">
        <v>99725</v>
      </c>
      <c r="AJ8" s="276">
        <v>96</v>
      </c>
      <c r="AK8" s="280">
        <v>348</v>
      </c>
      <c r="AL8" s="277">
        <v>444</v>
      </c>
      <c r="AM8" s="279">
        <v>0</v>
      </c>
      <c r="AN8" s="280">
        <v>1822</v>
      </c>
      <c r="AO8" s="280">
        <v>2397</v>
      </c>
      <c r="AP8" s="280">
        <v>1102</v>
      </c>
      <c r="AQ8" s="280">
        <v>1957</v>
      </c>
      <c r="AR8" s="280">
        <v>963</v>
      </c>
      <c r="AS8" s="277">
        <v>8241</v>
      </c>
      <c r="AT8" s="282">
        <v>8685</v>
      </c>
      <c r="AU8" s="276">
        <v>0</v>
      </c>
      <c r="AV8" s="280">
        <v>0</v>
      </c>
      <c r="AW8" s="277">
        <v>0</v>
      </c>
      <c r="AX8" s="279">
        <v>0</v>
      </c>
      <c r="AY8" s="280">
        <v>31973</v>
      </c>
      <c r="AZ8" s="280">
        <v>26607</v>
      </c>
      <c r="BA8" s="280">
        <v>16850</v>
      </c>
      <c r="BB8" s="280">
        <v>11518</v>
      </c>
      <c r="BC8" s="280">
        <v>5236</v>
      </c>
      <c r="BD8" s="281">
        <v>92184</v>
      </c>
      <c r="BE8" s="282">
        <v>92184</v>
      </c>
      <c r="BF8" s="276">
        <v>0</v>
      </c>
      <c r="BG8" s="280">
        <v>0</v>
      </c>
      <c r="BH8" s="277">
        <v>0</v>
      </c>
      <c r="BI8" s="279">
        <v>0</v>
      </c>
      <c r="BJ8" s="280">
        <v>4095</v>
      </c>
      <c r="BK8" s="280">
        <v>5474</v>
      </c>
      <c r="BL8" s="280">
        <v>3728</v>
      </c>
      <c r="BM8" s="280">
        <v>2735</v>
      </c>
      <c r="BN8" s="280">
        <v>988</v>
      </c>
      <c r="BO8" s="277">
        <v>17020</v>
      </c>
      <c r="BP8" s="282">
        <v>17020</v>
      </c>
      <c r="BQ8" s="276">
        <v>33</v>
      </c>
      <c r="BR8" s="280">
        <v>120</v>
      </c>
      <c r="BS8" s="277">
        <v>153</v>
      </c>
      <c r="BT8" s="279">
        <v>0</v>
      </c>
      <c r="BU8" s="280">
        <v>2208</v>
      </c>
      <c r="BV8" s="280">
        <v>3584</v>
      </c>
      <c r="BW8" s="280">
        <v>5886</v>
      </c>
      <c r="BX8" s="280">
        <v>4824</v>
      </c>
      <c r="BY8" s="280">
        <v>2672</v>
      </c>
      <c r="BZ8" s="277">
        <v>19174</v>
      </c>
      <c r="CA8" s="282">
        <v>19327</v>
      </c>
      <c r="CB8" s="276">
        <v>0</v>
      </c>
      <c r="CC8" s="280">
        <v>13</v>
      </c>
      <c r="CD8" s="277">
        <v>13</v>
      </c>
      <c r="CE8" s="279">
        <v>0</v>
      </c>
      <c r="CF8" s="280">
        <v>179</v>
      </c>
      <c r="CG8" s="280">
        <v>347</v>
      </c>
      <c r="CH8" s="280">
        <v>621</v>
      </c>
      <c r="CI8" s="280">
        <v>788</v>
      </c>
      <c r="CJ8" s="280">
        <v>332</v>
      </c>
      <c r="CK8" s="277">
        <v>2267</v>
      </c>
      <c r="CL8" s="282">
        <v>2280</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2">
        <v>0</v>
      </c>
      <c r="F9" s="279">
        <v>0</v>
      </c>
      <c r="G9" s="280">
        <v>13515</v>
      </c>
      <c r="H9" s="280">
        <v>26176</v>
      </c>
      <c r="I9" s="280">
        <v>31500</v>
      </c>
      <c r="J9" s="280">
        <v>29491</v>
      </c>
      <c r="K9" s="280">
        <v>27297</v>
      </c>
      <c r="L9" s="281">
        <v>127979</v>
      </c>
      <c r="M9" s="282">
        <v>127979</v>
      </c>
      <c r="N9" s="276">
        <v>0</v>
      </c>
      <c r="O9" s="280">
        <v>11</v>
      </c>
      <c r="P9" s="277">
        <v>11</v>
      </c>
      <c r="Q9" s="279">
        <v>0</v>
      </c>
      <c r="R9" s="280">
        <v>10</v>
      </c>
      <c r="S9" s="280">
        <v>99</v>
      </c>
      <c r="T9" s="280">
        <v>229</v>
      </c>
      <c r="U9" s="280">
        <v>709</v>
      </c>
      <c r="V9" s="280">
        <v>1138</v>
      </c>
      <c r="W9" s="277">
        <v>2185</v>
      </c>
      <c r="X9" s="282">
        <v>2196</v>
      </c>
      <c r="Y9" s="276">
        <v>668</v>
      </c>
      <c r="Z9" s="280">
        <v>3142</v>
      </c>
      <c r="AA9" s="277">
        <v>3810</v>
      </c>
      <c r="AB9" s="279">
        <v>0</v>
      </c>
      <c r="AC9" s="280">
        <v>5547</v>
      </c>
      <c r="AD9" s="280">
        <v>11902</v>
      </c>
      <c r="AE9" s="280">
        <v>8510</v>
      </c>
      <c r="AF9" s="280">
        <v>7243</v>
      </c>
      <c r="AG9" s="280">
        <v>5584</v>
      </c>
      <c r="AH9" s="277">
        <v>38786</v>
      </c>
      <c r="AI9" s="282">
        <v>42596</v>
      </c>
      <c r="AJ9" s="276">
        <v>51</v>
      </c>
      <c r="AK9" s="280">
        <v>448</v>
      </c>
      <c r="AL9" s="277">
        <v>499</v>
      </c>
      <c r="AM9" s="279">
        <v>0</v>
      </c>
      <c r="AN9" s="280">
        <v>286</v>
      </c>
      <c r="AO9" s="280">
        <v>997</v>
      </c>
      <c r="AP9" s="280">
        <v>672</v>
      </c>
      <c r="AQ9" s="280">
        <v>664</v>
      </c>
      <c r="AR9" s="280">
        <v>191</v>
      </c>
      <c r="AS9" s="277">
        <v>2810</v>
      </c>
      <c r="AT9" s="282">
        <v>3309</v>
      </c>
      <c r="AU9" s="276">
        <v>0</v>
      </c>
      <c r="AV9" s="280">
        <v>0</v>
      </c>
      <c r="AW9" s="277">
        <v>0</v>
      </c>
      <c r="AX9" s="279">
        <v>0</v>
      </c>
      <c r="AY9" s="280">
        <v>14199</v>
      </c>
      <c r="AZ9" s="280">
        <v>17729</v>
      </c>
      <c r="BA9" s="280">
        <v>13600</v>
      </c>
      <c r="BB9" s="280">
        <v>6835</v>
      </c>
      <c r="BC9" s="280">
        <v>3482</v>
      </c>
      <c r="BD9" s="281">
        <v>55845</v>
      </c>
      <c r="BE9" s="282">
        <v>55845</v>
      </c>
      <c r="BF9" s="276">
        <v>0</v>
      </c>
      <c r="BG9" s="280">
        <v>0</v>
      </c>
      <c r="BH9" s="277">
        <v>0</v>
      </c>
      <c r="BI9" s="279">
        <v>0</v>
      </c>
      <c r="BJ9" s="280">
        <v>906</v>
      </c>
      <c r="BK9" s="280">
        <v>2860</v>
      </c>
      <c r="BL9" s="280">
        <v>1991</v>
      </c>
      <c r="BM9" s="280">
        <v>1206</v>
      </c>
      <c r="BN9" s="280">
        <v>401</v>
      </c>
      <c r="BO9" s="277">
        <v>7364</v>
      </c>
      <c r="BP9" s="282">
        <v>7364</v>
      </c>
      <c r="BQ9" s="276">
        <v>4</v>
      </c>
      <c r="BR9" s="280">
        <v>64</v>
      </c>
      <c r="BS9" s="277">
        <v>68</v>
      </c>
      <c r="BT9" s="279">
        <v>0</v>
      </c>
      <c r="BU9" s="280">
        <v>959</v>
      </c>
      <c r="BV9" s="280">
        <v>2100</v>
      </c>
      <c r="BW9" s="280">
        <v>4720</v>
      </c>
      <c r="BX9" s="280">
        <v>4246</v>
      </c>
      <c r="BY9" s="280">
        <v>2197</v>
      </c>
      <c r="BZ9" s="277">
        <v>14222</v>
      </c>
      <c r="CA9" s="282">
        <v>14290</v>
      </c>
      <c r="CB9" s="276">
        <v>0</v>
      </c>
      <c r="CC9" s="280">
        <v>0</v>
      </c>
      <c r="CD9" s="277">
        <v>0</v>
      </c>
      <c r="CE9" s="279">
        <v>0</v>
      </c>
      <c r="CF9" s="280">
        <v>18</v>
      </c>
      <c r="CG9" s="280">
        <v>69</v>
      </c>
      <c r="CH9" s="280">
        <v>81</v>
      </c>
      <c r="CI9" s="280">
        <v>70</v>
      </c>
      <c r="CJ9" s="280">
        <v>57</v>
      </c>
      <c r="CK9" s="277">
        <v>295</v>
      </c>
      <c r="CL9" s="282">
        <v>295</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2">
        <v>0</v>
      </c>
      <c r="F10" s="279">
        <v>0</v>
      </c>
      <c r="G10" s="280">
        <v>17609</v>
      </c>
      <c r="H10" s="280">
        <v>18642</v>
      </c>
      <c r="I10" s="280">
        <v>20634</v>
      </c>
      <c r="J10" s="280">
        <v>27449</v>
      </c>
      <c r="K10" s="280">
        <v>23476</v>
      </c>
      <c r="L10" s="281">
        <v>107810</v>
      </c>
      <c r="M10" s="282">
        <v>107810</v>
      </c>
      <c r="N10" s="276">
        <v>0</v>
      </c>
      <c r="O10" s="280">
        <v>0</v>
      </c>
      <c r="P10" s="277">
        <v>0</v>
      </c>
      <c r="Q10" s="279">
        <v>0</v>
      </c>
      <c r="R10" s="280">
        <v>42</v>
      </c>
      <c r="S10" s="280">
        <v>205</v>
      </c>
      <c r="T10" s="280">
        <v>274</v>
      </c>
      <c r="U10" s="280">
        <v>649</v>
      </c>
      <c r="V10" s="280">
        <v>995</v>
      </c>
      <c r="W10" s="277">
        <v>2165</v>
      </c>
      <c r="X10" s="282">
        <v>2165</v>
      </c>
      <c r="Y10" s="276">
        <v>180</v>
      </c>
      <c r="Z10" s="280">
        <v>171</v>
      </c>
      <c r="AA10" s="277">
        <v>351</v>
      </c>
      <c r="AB10" s="279">
        <v>0</v>
      </c>
      <c r="AC10" s="280">
        <v>4124</v>
      </c>
      <c r="AD10" s="280">
        <v>5028</v>
      </c>
      <c r="AE10" s="280">
        <v>3133</v>
      </c>
      <c r="AF10" s="280">
        <v>3404</v>
      </c>
      <c r="AG10" s="280">
        <v>2887</v>
      </c>
      <c r="AH10" s="277">
        <v>18576</v>
      </c>
      <c r="AI10" s="282">
        <v>18927</v>
      </c>
      <c r="AJ10" s="276">
        <v>24</v>
      </c>
      <c r="AK10" s="280">
        <v>55</v>
      </c>
      <c r="AL10" s="277">
        <v>79</v>
      </c>
      <c r="AM10" s="279">
        <v>0</v>
      </c>
      <c r="AN10" s="280">
        <v>769</v>
      </c>
      <c r="AO10" s="280">
        <v>928</v>
      </c>
      <c r="AP10" s="280">
        <v>660</v>
      </c>
      <c r="AQ10" s="280">
        <v>751</v>
      </c>
      <c r="AR10" s="280">
        <v>489</v>
      </c>
      <c r="AS10" s="277">
        <v>3597</v>
      </c>
      <c r="AT10" s="282">
        <v>3676</v>
      </c>
      <c r="AU10" s="276">
        <v>0</v>
      </c>
      <c r="AV10" s="280">
        <v>0</v>
      </c>
      <c r="AW10" s="277">
        <v>0</v>
      </c>
      <c r="AX10" s="279">
        <v>0</v>
      </c>
      <c r="AY10" s="280">
        <v>14332</v>
      </c>
      <c r="AZ10" s="280">
        <v>10014</v>
      </c>
      <c r="BA10" s="280">
        <v>5420</v>
      </c>
      <c r="BB10" s="280">
        <v>3036</v>
      </c>
      <c r="BC10" s="280">
        <v>1532</v>
      </c>
      <c r="BD10" s="281">
        <v>34334</v>
      </c>
      <c r="BE10" s="282">
        <v>34334</v>
      </c>
      <c r="BF10" s="276">
        <v>0</v>
      </c>
      <c r="BG10" s="280">
        <v>0</v>
      </c>
      <c r="BH10" s="277">
        <v>0</v>
      </c>
      <c r="BI10" s="279">
        <v>0</v>
      </c>
      <c r="BJ10" s="280">
        <v>1969</v>
      </c>
      <c r="BK10" s="280">
        <v>1704</v>
      </c>
      <c r="BL10" s="280">
        <v>1204</v>
      </c>
      <c r="BM10" s="280">
        <v>653</v>
      </c>
      <c r="BN10" s="280">
        <v>253</v>
      </c>
      <c r="BO10" s="277">
        <v>5783</v>
      </c>
      <c r="BP10" s="282">
        <v>5783</v>
      </c>
      <c r="BQ10" s="276">
        <v>5</v>
      </c>
      <c r="BR10" s="280">
        <v>31</v>
      </c>
      <c r="BS10" s="277">
        <v>36</v>
      </c>
      <c r="BT10" s="279">
        <v>0</v>
      </c>
      <c r="BU10" s="280">
        <v>1667</v>
      </c>
      <c r="BV10" s="280">
        <v>2307</v>
      </c>
      <c r="BW10" s="280">
        <v>3035</v>
      </c>
      <c r="BX10" s="280">
        <v>2317</v>
      </c>
      <c r="BY10" s="280">
        <v>1080</v>
      </c>
      <c r="BZ10" s="277">
        <v>10406</v>
      </c>
      <c r="CA10" s="282">
        <v>10442</v>
      </c>
      <c r="CB10" s="276">
        <v>0</v>
      </c>
      <c r="CC10" s="280">
        <v>2</v>
      </c>
      <c r="CD10" s="277">
        <v>2</v>
      </c>
      <c r="CE10" s="279">
        <v>0</v>
      </c>
      <c r="CF10" s="280">
        <v>90</v>
      </c>
      <c r="CG10" s="280">
        <v>94</v>
      </c>
      <c r="CH10" s="280">
        <v>197</v>
      </c>
      <c r="CI10" s="280">
        <v>182</v>
      </c>
      <c r="CJ10" s="280">
        <v>19</v>
      </c>
      <c r="CK10" s="277">
        <v>582</v>
      </c>
      <c r="CL10" s="282">
        <v>584</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2">
        <v>0</v>
      </c>
      <c r="F11" s="279">
        <v>0</v>
      </c>
      <c r="G11" s="280">
        <v>6664</v>
      </c>
      <c r="H11" s="280">
        <v>11760</v>
      </c>
      <c r="I11" s="280">
        <v>15104</v>
      </c>
      <c r="J11" s="280">
        <v>16285</v>
      </c>
      <c r="K11" s="280">
        <v>15199</v>
      </c>
      <c r="L11" s="281">
        <v>65012</v>
      </c>
      <c r="M11" s="282">
        <v>65012</v>
      </c>
      <c r="N11" s="276">
        <v>0</v>
      </c>
      <c r="O11" s="280">
        <v>0</v>
      </c>
      <c r="P11" s="277">
        <v>0</v>
      </c>
      <c r="Q11" s="279">
        <v>0</v>
      </c>
      <c r="R11" s="280">
        <v>32</v>
      </c>
      <c r="S11" s="280">
        <v>83</v>
      </c>
      <c r="T11" s="280">
        <v>96</v>
      </c>
      <c r="U11" s="280">
        <v>302</v>
      </c>
      <c r="V11" s="280">
        <v>561</v>
      </c>
      <c r="W11" s="277">
        <v>1074</v>
      </c>
      <c r="X11" s="282">
        <v>1074</v>
      </c>
      <c r="Y11" s="276">
        <v>241</v>
      </c>
      <c r="Z11" s="280">
        <v>373</v>
      </c>
      <c r="AA11" s="277">
        <v>614</v>
      </c>
      <c r="AB11" s="279">
        <v>0</v>
      </c>
      <c r="AC11" s="280">
        <v>1779</v>
      </c>
      <c r="AD11" s="280">
        <v>2627</v>
      </c>
      <c r="AE11" s="280">
        <v>1880</v>
      </c>
      <c r="AF11" s="280">
        <v>1834</v>
      </c>
      <c r="AG11" s="280">
        <v>1615</v>
      </c>
      <c r="AH11" s="277">
        <v>9735</v>
      </c>
      <c r="AI11" s="282">
        <v>10349</v>
      </c>
      <c r="AJ11" s="276">
        <v>69</v>
      </c>
      <c r="AK11" s="280">
        <v>176</v>
      </c>
      <c r="AL11" s="277">
        <v>245</v>
      </c>
      <c r="AM11" s="279">
        <v>0</v>
      </c>
      <c r="AN11" s="280">
        <v>870</v>
      </c>
      <c r="AO11" s="280">
        <v>1105</v>
      </c>
      <c r="AP11" s="280">
        <v>673</v>
      </c>
      <c r="AQ11" s="280">
        <v>518</v>
      </c>
      <c r="AR11" s="280">
        <v>234</v>
      </c>
      <c r="AS11" s="277">
        <v>3400</v>
      </c>
      <c r="AT11" s="282">
        <v>3645</v>
      </c>
      <c r="AU11" s="276">
        <v>0</v>
      </c>
      <c r="AV11" s="280">
        <v>0</v>
      </c>
      <c r="AW11" s="277">
        <v>0</v>
      </c>
      <c r="AX11" s="279">
        <v>0</v>
      </c>
      <c r="AY11" s="280">
        <v>5443</v>
      </c>
      <c r="AZ11" s="280">
        <v>6640</v>
      </c>
      <c r="BA11" s="280">
        <v>4391</v>
      </c>
      <c r="BB11" s="280">
        <v>2595</v>
      </c>
      <c r="BC11" s="280">
        <v>1385</v>
      </c>
      <c r="BD11" s="281">
        <v>20454</v>
      </c>
      <c r="BE11" s="282">
        <v>20454</v>
      </c>
      <c r="BF11" s="276">
        <v>0</v>
      </c>
      <c r="BG11" s="280">
        <v>0</v>
      </c>
      <c r="BH11" s="277">
        <v>0</v>
      </c>
      <c r="BI11" s="279">
        <v>0</v>
      </c>
      <c r="BJ11" s="280">
        <v>790</v>
      </c>
      <c r="BK11" s="280">
        <v>1210</v>
      </c>
      <c r="BL11" s="280">
        <v>839</v>
      </c>
      <c r="BM11" s="280">
        <v>439</v>
      </c>
      <c r="BN11" s="280">
        <v>160</v>
      </c>
      <c r="BO11" s="277">
        <v>3438</v>
      </c>
      <c r="BP11" s="282">
        <v>3438</v>
      </c>
      <c r="BQ11" s="276">
        <v>9</v>
      </c>
      <c r="BR11" s="280">
        <v>71</v>
      </c>
      <c r="BS11" s="277">
        <v>80</v>
      </c>
      <c r="BT11" s="279">
        <v>0</v>
      </c>
      <c r="BU11" s="280">
        <v>510</v>
      </c>
      <c r="BV11" s="280">
        <v>1212</v>
      </c>
      <c r="BW11" s="280">
        <v>2763</v>
      </c>
      <c r="BX11" s="280">
        <v>1716</v>
      </c>
      <c r="BY11" s="280">
        <v>674</v>
      </c>
      <c r="BZ11" s="277">
        <v>6875</v>
      </c>
      <c r="CA11" s="282">
        <v>6955</v>
      </c>
      <c r="CB11" s="276">
        <v>0</v>
      </c>
      <c r="CC11" s="280">
        <v>0</v>
      </c>
      <c r="CD11" s="277">
        <v>0</v>
      </c>
      <c r="CE11" s="279">
        <v>0</v>
      </c>
      <c r="CF11" s="280">
        <v>0</v>
      </c>
      <c r="CG11" s="280">
        <v>52</v>
      </c>
      <c r="CH11" s="280">
        <v>22</v>
      </c>
      <c r="CI11" s="280">
        <v>16</v>
      </c>
      <c r="CJ11" s="280">
        <v>4</v>
      </c>
      <c r="CK11" s="277">
        <v>94</v>
      </c>
      <c r="CL11" s="282">
        <v>94</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2">
        <v>0</v>
      </c>
      <c r="F12" s="279">
        <v>0</v>
      </c>
      <c r="G12" s="280">
        <v>6553</v>
      </c>
      <c r="H12" s="280">
        <v>9575</v>
      </c>
      <c r="I12" s="280">
        <v>11062</v>
      </c>
      <c r="J12" s="280">
        <v>16510</v>
      </c>
      <c r="K12" s="280">
        <v>16329</v>
      </c>
      <c r="L12" s="281">
        <v>60029</v>
      </c>
      <c r="M12" s="282">
        <v>60029</v>
      </c>
      <c r="N12" s="276">
        <v>0</v>
      </c>
      <c r="O12" s="280">
        <v>0</v>
      </c>
      <c r="P12" s="277">
        <v>0</v>
      </c>
      <c r="Q12" s="279">
        <v>0</v>
      </c>
      <c r="R12" s="280">
        <v>8</v>
      </c>
      <c r="S12" s="280">
        <v>36</v>
      </c>
      <c r="T12" s="280">
        <v>83</v>
      </c>
      <c r="U12" s="280">
        <v>263</v>
      </c>
      <c r="V12" s="280">
        <v>451</v>
      </c>
      <c r="W12" s="277">
        <v>841</v>
      </c>
      <c r="X12" s="282">
        <v>841</v>
      </c>
      <c r="Y12" s="276">
        <v>274</v>
      </c>
      <c r="Z12" s="280">
        <v>618</v>
      </c>
      <c r="AA12" s="277">
        <v>892</v>
      </c>
      <c r="AB12" s="279">
        <v>0</v>
      </c>
      <c r="AC12" s="280">
        <v>3176</v>
      </c>
      <c r="AD12" s="280">
        <v>3254</v>
      </c>
      <c r="AE12" s="280">
        <v>2474</v>
      </c>
      <c r="AF12" s="280">
        <v>2706</v>
      </c>
      <c r="AG12" s="280">
        <v>2228</v>
      </c>
      <c r="AH12" s="277">
        <v>13838</v>
      </c>
      <c r="AI12" s="282">
        <v>14730</v>
      </c>
      <c r="AJ12" s="276">
        <v>16</v>
      </c>
      <c r="AK12" s="280">
        <v>95</v>
      </c>
      <c r="AL12" s="277">
        <v>111</v>
      </c>
      <c r="AM12" s="279">
        <v>0</v>
      </c>
      <c r="AN12" s="280">
        <v>511</v>
      </c>
      <c r="AO12" s="280">
        <v>554</v>
      </c>
      <c r="AP12" s="280">
        <v>597</v>
      </c>
      <c r="AQ12" s="280">
        <v>494</v>
      </c>
      <c r="AR12" s="280">
        <v>282</v>
      </c>
      <c r="AS12" s="277">
        <v>2438</v>
      </c>
      <c r="AT12" s="282">
        <v>2549</v>
      </c>
      <c r="AU12" s="276">
        <v>0</v>
      </c>
      <c r="AV12" s="280">
        <v>0</v>
      </c>
      <c r="AW12" s="277">
        <v>0</v>
      </c>
      <c r="AX12" s="279">
        <v>0</v>
      </c>
      <c r="AY12" s="280">
        <v>4529</v>
      </c>
      <c r="AZ12" s="280">
        <v>3777</v>
      </c>
      <c r="BA12" s="280">
        <v>2644</v>
      </c>
      <c r="BB12" s="280">
        <v>1597</v>
      </c>
      <c r="BC12" s="280">
        <v>427</v>
      </c>
      <c r="BD12" s="281">
        <v>12974</v>
      </c>
      <c r="BE12" s="282">
        <v>12974</v>
      </c>
      <c r="BF12" s="276">
        <v>0</v>
      </c>
      <c r="BG12" s="280">
        <v>0</v>
      </c>
      <c r="BH12" s="277">
        <v>0</v>
      </c>
      <c r="BI12" s="279">
        <v>0</v>
      </c>
      <c r="BJ12" s="280">
        <v>956</v>
      </c>
      <c r="BK12" s="280">
        <v>1020</v>
      </c>
      <c r="BL12" s="280">
        <v>662</v>
      </c>
      <c r="BM12" s="280">
        <v>489</v>
      </c>
      <c r="BN12" s="280">
        <v>169</v>
      </c>
      <c r="BO12" s="277">
        <v>3296</v>
      </c>
      <c r="BP12" s="282">
        <v>3296</v>
      </c>
      <c r="BQ12" s="276">
        <v>5</v>
      </c>
      <c r="BR12" s="280">
        <v>29</v>
      </c>
      <c r="BS12" s="277">
        <v>34</v>
      </c>
      <c r="BT12" s="279">
        <v>0</v>
      </c>
      <c r="BU12" s="280">
        <v>539</v>
      </c>
      <c r="BV12" s="280">
        <v>864</v>
      </c>
      <c r="BW12" s="280">
        <v>1721</v>
      </c>
      <c r="BX12" s="280">
        <v>1089</v>
      </c>
      <c r="BY12" s="280">
        <v>525</v>
      </c>
      <c r="BZ12" s="277">
        <v>4738</v>
      </c>
      <c r="CA12" s="282">
        <v>4772</v>
      </c>
      <c r="CB12" s="276">
        <v>0</v>
      </c>
      <c r="CC12" s="280">
        <v>0</v>
      </c>
      <c r="CD12" s="277">
        <v>0</v>
      </c>
      <c r="CE12" s="279">
        <v>0</v>
      </c>
      <c r="CF12" s="280">
        <v>68</v>
      </c>
      <c r="CG12" s="280">
        <v>52</v>
      </c>
      <c r="CH12" s="280">
        <v>120</v>
      </c>
      <c r="CI12" s="280">
        <v>186</v>
      </c>
      <c r="CJ12" s="280">
        <v>153</v>
      </c>
      <c r="CK12" s="277">
        <v>579</v>
      </c>
      <c r="CL12" s="282">
        <v>579</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2">
        <v>0</v>
      </c>
      <c r="F13" s="279">
        <v>0</v>
      </c>
      <c r="G13" s="280">
        <v>18396</v>
      </c>
      <c r="H13" s="280">
        <v>17316</v>
      </c>
      <c r="I13" s="280">
        <v>23048</v>
      </c>
      <c r="J13" s="280">
        <v>27643</v>
      </c>
      <c r="K13" s="280">
        <v>24429</v>
      </c>
      <c r="L13" s="281">
        <v>110832</v>
      </c>
      <c r="M13" s="282">
        <v>110832</v>
      </c>
      <c r="N13" s="276">
        <v>0</v>
      </c>
      <c r="O13" s="280">
        <v>0</v>
      </c>
      <c r="P13" s="277">
        <v>0</v>
      </c>
      <c r="Q13" s="279">
        <v>0</v>
      </c>
      <c r="R13" s="280">
        <v>40</v>
      </c>
      <c r="S13" s="280">
        <v>148</v>
      </c>
      <c r="T13" s="280">
        <v>192</v>
      </c>
      <c r="U13" s="280">
        <v>392</v>
      </c>
      <c r="V13" s="280">
        <v>946</v>
      </c>
      <c r="W13" s="277">
        <v>1718</v>
      </c>
      <c r="X13" s="282">
        <v>1718</v>
      </c>
      <c r="Y13" s="276">
        <v>962</v>
      </c>
      <c r="Z13" s="280">
        <v>2171</v>
      </c>
      <c r="AA13" s="277">
        <v>3133</v>
      </c>
      <c r="AB13" s="279">
        <v>0</v>
      </c>
      <c r="AC13" s="280">
        <v>7924</v>
      </c>
      <c r="AD13" s="280">
        <v>6042</v>
      </c>
      <c r="AE13" s="280">
        <v>3509</v>
      </c>
      <c r="AF13" s="280">
        <v>3159</v>
      </c>
      <c r="AG13" s="280">
        <v>3549</v>
      </c>
      <c r="AH13" s="277">
        <v>24183</v>
      </c>
      <c r="AI13" s="282">
        <v>27316</v>
      </c>
      <c r="AJ13" s="276">
        <v>198</v>
      </c>
      <c r="AK13" s="280">
        <v>542</v>
      </c>
      <c r="AL13" s="277">
        <v>740</v>
      </c>
      <c r="AM13" s="279">
        <v>0</v>
      </c>
      <c r="AN13" s="280">
        <v>1287</v>
      </c>
      <c r="AO13" s="280">
        <v>1165</v>
      </c>
      <c r="AP13" s="280">
        <v>786</v>
      </c>
      <c r="AQ13" s="280">
        <v>401</v>
      </c>
      <c r="AR13" s="280">
        <v>592</v>
      </c>
      <c r="AS13" s="277">
        <v>4231</v>
      </c>
      <c r="AT13" s="282">
        <v>4971</v>
      </c>
      <c r="AU13" s="276">
        <v>0</v>
      </c>
      <c r="AV13" s="280">
        <v>0</v>
      </c>
      <c r="AW13" s="277">
        <v>0</v>
      </c>
      <c r="AX13" s="279">
        <v>0</v>
      </c>
      <c r="AY13" s="280">
        <v>13855</v>
      </c>
      <c r="AZ13" s="280">
        <v>8517</v>
      </c>
      <c r="BA13" s="280">
        <v>5471</v>
      </c>
      <c r="BB13" s="280">
        <v>3698</v>
      </c>
      <c r="BC13" s="280">
        <v>1403</v>
      </c>
      <c r="BD13" s="281">
        <v>32944</v>
      </c>
      <c r="BE13" s="282">
        <v>32944</v>
      </c>
      <c r="BF13" s="276">
        <v>0</v>
      </c>
      <c r="BG13" s="280">
        <v>0</v>
      </c>
      <c r="BH13" s="277">
        <v>0</v>
      </c>
      <c r="BI13" s="279">
        <v>0</v>
      </c>
      <c r="BJ13" s="280">
        <v>1845</v>
      </c>
      <c r="BK13" s="280">
        <v>1592</v>
      </c>
      <c r="BL13" s="280">
        <v>783</v>
      </c>
      <c r="BM13" s="280">
        <v>499</v>
      </c>
      <c r="BN13" s="280">
        <v>157</v>
      </c>
      <c r="BO13" s="277">
        <v>4876</v>
      </c>
      <c r="BP13" s="282">
        <v>4876</v>
      </c>
      <c r="BQ13" s="276">
        <v>34</v>
      </c>
      <c r="BR13" s="280">
        <v>151</v>
      </c>
      <c r="BS13" s="277">
        <v>185</v>
      </c>
      <c r="BT13" s="279">
        <v>0</v>
      </c>
      <c r="BU13" s="280">
        <v>1323</v>
      </c>
      <c r="BV13" s="280">
        <v>1479</v>
      </c>
      <c r="BW13" s="280">
        <v>2205</v>
      </c>
      <c r="BX13" s="280">
        <v>2013</v>
      </c>
      <c r="BY13" s="280">
        <v>1083</v>
      </c>
      <c r="BZ13" s="277">
        <v>8103</v>
      </c>
      <c r="CA13" s="282">
        <v>8288</v>
      </c>
      <c r="CB13" s="276">
        <v>0</v>
      </c>
      <c r="CC13" s="280">
        <v>8</v>
      </c>
      <c r="CD13" s="277">
        <v>8</v>
      </c>
      <c r="CE13" s="279">
        <v>0</v>
      </c>
      <c r="CF13" s="280">
        <v>50</v>
      </c>
      <c r="CG13" s="280">
        <v>123</v>
      </c>
      <c r="CH13" s="280">
        <v>134</v>
      </c>
      <c r="CI13" s="280">
        <v>97</v>
      </c>
      <c r="CJ13" s="280">
        <v>74</v>
      </c>
      <c r="CK13" s="277">
        <v>478</v>
      </c>
      <c r="CL13" s="282">
        <v>486</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2">
        <v>0</v>
      </c>
      <c r="F14" s="279">
        <v>0</v>
      </c>
      <c r="G14" s="280">
        <v>5288</v>
      </c>
      <c r="H14" s="280">
        <v>8484</v>
      </c>
      <c r="I14" s="280">
        <v>9436</v>
      </c>
      <c r="J14" s="280">
        <v>11698</v>
      </c>
      <c r="K14" s="280">
        <v>10300</v>
      </c>
      <c r="L14" s="281">
        <v>45206</v>
      </c>
      <c r="M14" s="282">
        <v>45206</v>
      </c>
      <c r="N14" s="276">
        <v>0</v>
      </c>
      <c r="O14" s="280">
        <v>3</v>
      </c>
      <c r="P14" s="277">
        <v>3</v>
      </c>
      <c r="Q14" s="279">
        <v>0</v>
      </c>
      <c r="R14" s="280">
        <v>13</v>
      </c>
      <c r="S14" s="280">
        <v>56</v>
      </c>
      <c r="T14" s="280">
        <v>111</v>
      </c>
      <c r="U14" s="280">
        <v>287</v>
      </c>
      <c r="V14" s="280">
        <v>424</v>
      </c>
      <c r="W14" s="277">
        <v>891</v>
      </c>
      <c r="X14" s="282">
        <v>894</v>
      </c>
      <c r="Y14" s="276">
        <v>218</v>
      </c>
      <c r="Z14" s="280">
        <v>347</v>
      </c>
      <c r="AA14" s="277">
        <v>565</v>
      </c>
      <c r="AB14" s="279">
        <v>0</v>
      </c>
      <c r="AC14" s="280">
        <v>2750</v>
      </c>
      <c r="AD14" s="280">
        <v>2326</v>
      </c>
      <c r="AE14" s="280">
        <v>1768</v>
      </c>
      <c r="AF14" s="280">
        <v>1761</v>
      </c>
      <c r="AG14" s="280">
        <v>1505</v>
      </c>
      <c r="AH14" s="277">
        <v>10110</v>
      </c>
      <c r="AI14" s="282">
        <v>10675</v>
      </c>
      <c r="AJ14" s="276">
        <v>54</v>
      </c>
      <c r="AK14" s="280">
        <v>68</v>
      </c>
      <c r="AL14" s="277">
        <v>122</v>
      </c>
      <c r="AM14" s="279">
        <v>0</v>
      </c>
      <c r="AN14" s="280">
        <v>303</v>
      </c>
      <c r="AO14" s="280">
        <v>318</v>
      </c>
      <c r="AP14" s="280">
        <v>387</v>
      </c>
      <c r="AQ14" s="280">
        <v>347</v>
      </c>
      <c r="AR14" s="280">
        <v>77</v>
      </c>
      <c r="AS14" s="277">
        <v>1432</v>
      </c>
      <c r="AT14" s="282">
        <v>1554</v>
      </c>
      <c r="AU14" s="276">
        <v>0</v>
      </c>
      <c r="AV14" s="280">
        <v>0</v>
      </c>
      <c r="AW14" s="277">
        <v>0</v>
      </c>
      <c r="AX14" s="279">
        <v>0</v>
      </c>
      <c r="AY14" s="280">
        <v>6690</v>
      </c>
      <c r="AZ14" s="280">
        <v>4418</v>
      </c>
      <c r="BA14" s="280">
        <v>3132</v>
      </c>
      <c r="BB14" s="280">
        <v>2225</v>
      </c>
      <c r="BC14" s="280">
        <v>1026</v>
      </c>
      <c r="BD14" s="281">
        <v>17491</v>
      </c>
      <c r="BE14" s="282">
        <v>17491</v>
      </c>
      <c r="BF14" s="276">
        <v>0</v>
      </c>
      <c r="BG14" s="280">
        <v>0</v>
      </c>
      <c r="BH14" s="277">
        <v>0</v>
      </c>
      <c r="BI14" s="279">
        <v>0</v>
      </c>
      <c r="BJ14" s="280">
        <v>1387</v>
      </c>
      <c r="BK14" s="280">
        <v>1113</v>
      </c>
      <c r="BL14" s="280">
        <v>781</v>
      </c>
      <c r="BM14" s="280">
        <v>499</v>
      </c>
      <c r="BN14" s="280">
        <v>161</v>
      </c>
      <c r="BO14" s="277">
        <v>3941</v>
      </c>
      <c r="BP14" s="282">
        <v>3941</v>
      </c>
      <c r="BQ14" s="276">
        <v>27</v>
      </c>
      <c r="BR14" s="280">
        <v>58</v>
      </c>
      <c r="BS14" s="277">
        <v>85</v>
      </c>
      <c r="BT14" s="279">
        <v>0</v>
      </c>
      <c r="BU14" s="280">
        <v>750</v>
      </c>
      <c r="BV14" s="280">
        <v>969</v>
      </c>
      <c r="BW14" s="280">
        <v>1229</v>
      </c>
      <c r="BX14" s="280">
        <v>888</v>
      </c>
      <c r="BY14" s="280">
        <v>558</v>
      </c>
      <c r="BZ14" s="277">
        <v>4394</v>
      </c>
      <c r="CA14" s="282">
        <v>4479</v>
      </c>
      <c r="CB14" s="276">
        <v>0</v>
      </c>
      <c r="CC14" s="280">
        <v>0</v>
      </c>
      <c r="CD14" s="277">
        <v>0</v>
      </c>
      <c r="CE14" s="279">
        <v>0</v>
      </c>
      <c r="CF14" s="280">
        <v>16</v>
      </c>
      <c r="CG14" s="280">
        <v>52</v>
      </c>
      <c r="CH14" s="280">
        <v>82</v>
      </c>
      <c r="CI14" s="280">
        <v>66</v>
      </c>
      <c r="CJ14" s="280">
        <v>94</v>
      </c>
      <c r="CK14" s="277">
        <v>310</v>
      </c>
      <c r="CL14" s="282">
        <v>310</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2">
        <v>0</v>
      </c>
      <c r="F15" s="279">
        <v>0</v>
      </c>
      <c r="G15" s="280">
        <v>6229</v>
      </c>
      <c r="H15" s="280">
        <v>8761</v>
      </c>
      <c r="I15" s="280">
        <v>10095</v>
      </c>
      <c r="J15" s="280">
        <v>13151</v>
      </c>
      <c r="K15" s="280">
        <v>13963</v>
      </c>
      <c r="L15" s="281">
        <v>52199</v>
      </c>
      <c r="M15" s="282">
        <v>52199</v>
      </c>
      <c r="N15" s="276">
        <v>0</v>
      </c>
      <c r="O15" s="280">
        <v>19</v>
      </c>
      <c r="P15" s="277">
        <v>19</v>
      </c>
      <c r="Q15" s="279">
        <v>0</v>
      </c>
      <c r="R15" s="280">
        <v>18</v>
      </c>
      <c r="S15" s="280">
        <v>74</v>
      </c>
      <c r="T15" s="280">
        <v>109</v>
      </c>
      <c r="U15" s="280">
        <v>348</v>
      </c>
      <c r="V15" s="280">
        <v>462</v>
      </c>
      <c r="W15" s="277">
        <v>1011</v>
      </c>
      <c r="X15" s="282">
        <v>1030</v>
      </c>
      <c r="Y15" s="276">
        <v>487</v>
      </c>
      <c r="Z15" s="280">
        <v>1668</v>
      </c>
      <c r="AA15" s="277">
        <v>2155</v>
      </c>
      <c r="AB15" s="279">
        <v>0</v>
      </c>
      <c r="AC15" s="280">
        <v>2002</v>
      </c>
      <c r="AD15" s="280">
        <v>2782</v>
      </c>
      <c r="AE15" s="280">
        <v>1909</v>
      </c>
      <c r="AF15" s="280">
        <v>1826</v>
      </c>
      <c r="AG15" s="280">
        <v>1592</v>
      </c>
      <c r="AH15" s="277">
        <v>10111</v>
      </c>
      <c r="AI15" s="282">
        <v>12266</v>
      </c>
      <c r="AJ15" s="276">
        <v>34</v>
      </c>
      <c r="AK15" s="280">
        <v>239</v>
      </c>
      <c r="AL15" s="277">
        <v>273</v>
      </c>
      <c r="AM15" s="279">
        <v>0</v>
      </c>
      <c r="AN15" s="280">
        <v>162</v>
      </c>
      <c r="AO15" s="280">
        <v>484</v>
      </c>
      <c r="AP15" s="280">
        <v>341</v>
      </c>
      <c r="AQ15" s="280">
        <v>248</v>
      </c>
      <c r="AR15" s="280">
        <v>173</v>
      </c>
      <c r="AS15" s="277">
        <v>1408</v>
      </c>
      <c r="AT15" s="282">
        <v>1681</v>
      </c>
      <c r="AU15" s="276">
        <v>0</v>
      </c>
      <c r="AV15" s="280">
        <v>0</v>
      </c>
      <c r="AW15" s="277">
        <v>0</v>
      </c>
      <c r="AX15" s="279">
        <v>0</v>
      </c>
      <c r="AY15" s="280">
        <v>6004</v>
      </c>
      <c r="AZ15" s="280">
        <v>4684</v>
      </c>
      <c r="BA15" s="280">
        <v>3195</v>
      </c>
      <c r="BB15" s="280">
        <v>2431</v>
      </c>
      <c r="BC15" s="280">
        <v>1176</v>
      </c>
      <c r="BD15" s="281">
        <v>17490</v>
      </c>
      <c r="BE15" s="282">
        <v>17490</v>
      </c>
      <c r="BF15" s="276">
        <v>0</v>
      </c>
      <c r="BG15" s="280">
        <v>0</v>
      </c>
      <c r="BH15" s="277">
        <v>0</v>
      </c>
      <c r="BI15" s="279">
        <v>0</v>
      </c>
      <c r="BJ15" s="280">
        <v>1030</v>
      </c>
      <c r="BK15" s="280">
        <v>1347</v>
      </c>
      <c r="BL15" s="280">
        <v>981</v>
      </c>
      <c r="BM15" s="280">
        <v>689</v>
      </c>
      <c r="BN15" s="280">
        <v>199</v>
      </c>
      <c r="BO15" s="277">
        <v>4246</v>
      </c>
      <c r="BP15" s="282">
        <v>4246</v>
      </c>
      <c r="BQ15" s="276">
        <v>14</v>
      </c>
      <c r="BR15" s="280">
        <v>72</v>
      </c>
      <c r="BS15" s="277">
        <v>86</v>
      </c>
      <c r="BT15" s="279">
        <v>0</v>
      </c>
      <c r="BU15" s="280">
        <v>679</v>
      </c>
      <c r="BV15" s="280">
        <v>875</v>
      </c>
      <c r="BW15" s="280">
        <v>1426</v>
      </c>
      <c r="BX15" s="280">
        <v>1090</v>
      </c>
      <c r="BY15" s="280">
        <v>832</v>
      </c>
      <c r="BZ15" s="277">
        <v>4902</v>
      </c>
      <c r="CA15" s="282">
        <v>4988</v>
      </c>
      <c r="CB15" s="276">
        <v>0</v>
      </c>
      <c r="CC15" s="280">
        <v>0</v>
      </c>
      <c r="CD15" s="277">
        <v>0</v>
      </c>
      <c r="CE15" s="279">
        <v>0</v>
      </c>
      <c r="CF15" s="280">
        <v>9</v>
      </c>
      <c r="CG15" s="280">
        <v>46</v>
      </c>
      <c r="CH15" s="280">
        <v>48</v>
      </c>
      <c r="CI15" s="280">
        <v>28</v>
      </c>
      <c r="CJ15" s="280">
        <v>8</v>
      </c>
      <c r="CK15" s="277">
        <v>139</v>
      </c>
      <c r="CL15" s="282">
        <v>139</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2">
        <v>0</v>
      </c>
      <c r="F16" s="279">
        <v>0</v>
      </c>
      <c r="G16" s="280">
        <v>2161</v>
      </c>
      <c r="H16" s="280">
        <v>3610</v>
      </c>
      <c r="I16" s="280">
        <v>3415</v>
      </c>
      <c r="J16" s="280">
        <v>5296</v>
      </c>
      <c r="K16" s="280">
        <v>6756</v>
      </c>
      <c r="L16" s="281">
        <v>21238</v>
      </c>
      <c r="M16" s="282">
        <v>21238</v>
      </c>
      <c r="N16" s="276">
        <v>0</v>
      </c>
      <c r="O16" s="280">
        <v>0</v>
      </c>
      <c r="P16" s="277">
        <v>0</v>
      </c>
      <c r="Q16" s="279">
        <v>0</v>
      </c>
      <c r="R16" s="280">
        <v>3</v>
      </c>
      <c r="S16" s="280">
        <v>9</v>
      </c>
      <c r="T16" s="280">
        <v>27</v>
      </c>
      <c r="U16" s="280">
        <v>74</v>
      </c>
      <c r="V16" s="280">
        <v>192</v>
      </c>
      <c r="W16" s="277">
        <v>305</v>
      </c>
      <c r="X16" s="282">
        <v>305</v>
      </c>
      <c r="Y16" s="276">
        <v>58</v>
      </c>
      <c r="Z16" s="280">
        <v>208</v>
      </c>
      <c r="AA16" s="277">
        <v>266</v>
      </c>
      <c r="AB16" s="279">
        <v>0</v>
      </c>
      <c r="AC16" s="280">
        <v>1030</v>
      </c>
      <c r="AD16" s="280">
        <v>1193</v>
      </c>
      <c r="AE16" s="280">
        <v>882</v>
      </c>
      <c r="AF16" s="280">
        <v>806</v>
      </c>
      <c r="AG16" s="280">
        <v>862</v>
      </c>
      <c r="AH16" s="277">
        <v>4773</v>
      </c>
      <c r="AI16" s="282">
        <v>5039</v>
      </c>
      <c r="AJ16" s="276">
        <v>9</v>
      </c>
      <c r="AK16" s="280">
        <v>84</v>
      </c>
      <c r="AL16" s="277">
        <v>93</v>
      </c>
      <c r="AM16" s="279">
        <v>0</v>
      </c>
      <c r="AN16" s="280">
        <v>179</v>
      </c>
      <c r="AO16" s="280">
        <v>210</v>
      </c>
      <c r="AP16" s="280">
        <v>90</v>
      </c>
      <c r="AQ16" s="280">
        <v>136</v>
      </c>
      <c r="AR16" s="280">
        <v>142</v>
      </c>
      <c r="AS16" s="277">
        <v>757</v>
      </c>
      <c r="AT16" s="282">
        <v>850</v>
      </c>
      <c r="AU16" s="276">
        <v>0</v>
      </c>
      <c r="AV16" s="280">
        <v>0</v>
      </c>
      <c r="AW16" s="277">
        <v>0</v>
      </c>
      <c r="AX16" s="279">
        <v>0</v>
      </c>
      <c r="AY16" s="280">
        <v>1516</v>
      </c>
      <c r="AZ16" s="280">
        <v>1607</v>
      </c>
      <c r="BA16" s="280">
        <v>1094</v>
      </c>
      <c r="BB16" s="280">
        <v>645</v>
      </c>
      <c r="BC16" s="280">
        <v>288</v>
      </c>
      <c r="BD16" s="281">
        <v>5150</v>
      </c>
      <c r="BE16" s="282">
        <v>5150</v>
      </c>
      <c r="BF16" s="276">
        <v>0</v>
      </c>
      <c r="BG16" s="280">
        <v>0</v>
      </c>
      <c r="BH16" s="277">
        <v>0</v>
      </c>
      <c r="BI16" s="279">
        <v>0</v>
      </c>
      <c r="BJ16" s="280">
        <v>247</v>
      </c>
      <c r="BK16" s="280">
        <v>303</v>
      </c>
      <c r="BL16" s="280">
        <v>195</v>
      </c>
      <c r="BM16" s="280">
        <v>265</v>
      </c>
      <c r="BN16" s="280">
        <v>106</v>
      </c>
      <c r="BO16" s="277">
        <v>1116</v>
      </c>
      <c r="BP16" s="282">
        <v>1116</v>
      </c>
      <c r="BQ16" s="276">
        <v>0</v>
      </c>
      <c r="BR16" s="280">
        <v>1</v>
      </c>
      <c r="BS16" s="277">
        <v>1</v>
      </c>
      <c r="BT16" s="279">
        <v>0</v>
      </c>
      <c r="BU16" s="280">
        <v>125</v>
      </c>
      <c r="BV16" s="280">
        <v>204</v>
      </c>
      <c r="BW16" s="280">
        <v>574</v>
      </c>
      <c r="BX16" s="280">
        <v>433</v>
      </c>
      <c r="BY16" s="280">
        <v>190</v>
      </c>
      <c r="BZ16" s="277">
        <v>1526</v>
      </c>
      <c r="CA16" s="282">
        <v>1527</v>
      </c>
      <c r="CB16" s="276">
        <v>0</v>
      </c>
      <c r="CC16" s="280">
        <v>0</v>
      </c>
      <c r="CD16" s="277">
        <v>0</v>
      </c>
      <c r="CE16" s="279">
        <v>0</v>
      </c>
      <c r="CF16" s="280">
        <v>12</v>
      </c>
      <c r="CG16" s="280">
        <v>21</v>
      </c>
      <c r="CH16" s="280">
        <v>60</v>
      </c>
      <c r="CI16" s="280">
        <v>33</v>
      </c>
      <c r="CJ16" s="280">
        <v>3</v>
      </c>
      <c r="CK16" s="277">
        <v>129</v>
      </c>
      <c r="CL16" s="282">
        <v>129</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2">
        <v>0</v>
      </c>
      <c r="F17" s="279">
        <v>0</v>
      </c>
      <c r="G17" s="280">
        <v>1031</v>
      </c>
      <c r="H17" s="280">
        <v>2544</v>
      </c>
      <c r="I17" s="280">
        <v>2157</v>
      </c>
      <c r="J17" s="280">
        <v>2065</v>
      </c>
      <c r="K17" s="280">
        <v>2729</v>
      </c>
      <c r="L17" s="281">
        <v>10526</v>
      </c>
      <c r="M17" s="282">
        <v>10526</v>
      </c>
      <c r="N17" s="276">
        <v>0</v>
      </c>
      <c r="O17" s="280">
        <v>0</v>
      </c>
      <c r="P17" s="277">
        <v>0</v>
      </c>
      <c r="Q17" s="279">
        <v>0</v>
      </c>
      <c r="R17" s="280">
        <v>0</v>
      </c>
      <c r="S17" s="280">
        <v>5</v>
      </c>
      <c r="T17" s="280">
        <v>50</v>
      </c>
      <c r="U17" s="280">
        <v>58</v>
      </c>
      <c r="V17" s="280">
        <v>140</v>
      </c>
      <c r="W17" s="277">
        <v>253</v>
      </c>
      <c r="X17" s="282">
        <v>253</v>
      </c>
      <c r="Y17" s="276">
        <v>2</v>
      </c>
      <c r="Z17" s="280">
        <v>87</v>
      </c>
      <c r="AA17" s="277">
        <v>89</v>
      </c>
      <c r="AB17" s="279">
        <v>0</v>
      </c>
      <c r="AC17" s="280">
        <v>347</v>
      </c>
      <c r="AD17" s="280">
        <v>498</v>
      </c>
      <c r="AE17" s="280">
        <v>356</v>
      </c>
      <c r="AF17" s="280">
        <v>327</v>
      </c>
      <c r="AG17" s="280">
        <v>417</v>
      </c>
      <c r="AH17" s="277">
        <v>1945</v>
      </c>
      <c r="AI17" s="282">
        <v>2034</v>
      </c>
      <c r="AJ17" s="276">
        <v>0</v>
      </c>
      <c r="AK17" s="280">
        <v>18</v>
      </c>
      <c r="AL17" s="277">
        <v>18</v>
      </c>
      <c r="AM17" s="279">
        <v>0</v>
      </c>
      <c r="AN17" s="280">
        <v>79</v>
      </c>
      <c r="AO17" s="280">
        <v>165</v>
      </c>
      <c r="AP17" s="280">
        <v>32</v>
      </c>
      <c r="AQ17" s="280">
        <v>28</v>
      </c>
      <c r="AR17" s="280">
        <v>78</v>
      </c>
      <c r="AS17" s="277">
        <v>382</v>
      </c>
      <c r="AT17" s="282">
        <v>400</v>
      </c>
      <c r="AU17" s="276">
        <v>0</v>
      </c>
      <c r="AV17" s="280">
        <v>0</v>
      </c>
      <c r="AW17" s="277">
        <v>0</v>
      </c>
      <c r="AX17" s="279">
        <v>0</v>
      </c>
      <c r="AY17" s="280">
        <v>981</v>
      </c>
      <c r="AZ17" s="280">
        <v>1205</v>
      </c>
      <c r="BA17" s="280">
        <v>674</v>
      </c>
      <c r="BB17" s="280">
        <v>262</v>
      </c>
      <c r="BC17" s="280">
        <v>121</v>
      </c>
      <c r="BD17" s="281">
        <v>3243</v>
      </c>
      <c r="BE17" s="282">
        <v>3243</v>
      </c>
      <c r="BF17" s="276">
        <v>0</v>
      </c>
      <c r="BG17" s="280">
        <v>0</v>
      </c>
      <c r="BH17" s="277">
        <v>0</v>
      </c>
      <c r="BI17" s="279">
        <v>0</v>
      </c>
      <c r="BJ17" s="280">
        <v>226</v>
      </c>
      <c r="BK17" s="280">
        <v>254</v>
      </c>
      <c r="BL17" s="280">
        <v>218</v>
      </c>
      <c r="BM17" s="280">
        <v>107</v>
      </c>
      <c r="BN17" s="280">
        <v>66</v>
      </c>
      <c r="BO17" s="277">
        <v>871</v>
      </c>
      <c r="BP17" s="282">
        <v>871</v>
      </c>
      <c r="BQ17" s="276">
        <v>2</v>
      </c>
      <c r="BR17" s="280">
        <v>0</v>
      </c>
      <c r="BS17" s="277">
        <v>2</v>
      </c>
      <c r="BT17" s="279">
        <v>0</v>
      </c>
      <c r="BU17" s="280">
        <v>122</v>
      </c>
      <c r="BV17" s="280">
        <v>402</v>
      </c>
      <c r="BW17" s="280">
        <v>928</v>
      </c>
      <c r="BX17" s="280">
        <v>898</v>
      </c>
      <c r="BY17" s="280">
        <v>271</v>
      </c>
      <c r="BZ17" s="277">
        <v>2621</v>
      </c>
      <c r="CA17" s="282">
        <v>2623</v>
      </c>
      <c r="CB17" s="276">
        <v>0</v>
      </c>
      <c r="CC17" s="280">
        <v>0</v>
      </c>
      <c r="CD17" s="277">
        <v>0</v>
      </c>
      <c r="CE17" s="279">
        <v>0</v>
      </c>
      <c r="CF17" s="280">
        <v>54</v>
      </c>
      <c r="CG17" s="280">
        <v>3</v>
      </c>
      <c r="CH17" s="280">
        <v>21</v>
      </c>
      <c r="CI17" s="280">
        <v>22</v>
      </c>
      <c r="CJ17" s="280">
        <v>0</v>
      </c>
      <c r="CK17" s="277">
        <v>100</v>
      </c>
      <c r="CL17" s="282">
        <v>10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2">
        <v>0</v>
      </c>
      <c r="F18" s="279">
        <v>0</v>
      </c>
      <c r="G18" s="280">
        <v>2233</v>
      </c>
      <c r="H18" s="280">
        <v>4304</v>
      </c>
      <c r="I18" s="280">
        <v>4284</v>
      </c>
      <c r="J18" s="280">
        <v>6131</v>
      </c>
      <c r="K18" s="280">
        <v>4548</v>
      </c>
      <c r="L18" s="281">
        <v>21500</v>
      </c>
      <c r="M18" s="282">
        <v>21500</v>
      </c>
      <c r="N18" s="276">
        <v>0</v>
      </c>
      <c r="O18" s="280">
        <v>0</v>
      </c>
      <c r="P18" s="277">
        <v>0</v>
      </c>
      <c r="Q18" s="279">
        <v>0</v>
      </c>
      <c r="R18" s="280">
        <v>7</v>
      </c>
      <c r="S18" s="280">
        <v>47</v>
      </c>
      <c r="T18" s="280">
        <v>50</v>
      </c>
      <c r="U18" s="280">
        <v>85</v>
      </c>
      <c r="V18" s="280">
        <v>201</v>
      </c>
      <c r="W18" s="277">
        <v>390</v>
      </c>
      <c r="X18" s="282">
        <v>390</v>
      </c>
      <c r="Y18" s="276">
        <v>90</v>
      </c>
      <c r="Z18" s="280">
        <v>300</v>
      </c>
      <c r="AA18" s="277">
        <v>390</v>
      </c>
      <c r="AB18" s="279">
        <v>0</v>
      </c>
      <c r="AC18" s="280">
        <v>1393</v>
      </c>
      <c r="AD18" s="280">
        <v>2608</v>
      </c>
      <c r="AE18" s="280">
        <v>1587</v>
      </c>
      <c r="AF18" s="280">
        <v>1397</v>
      </c>
      <c r="AG18" s="280">
        <v>919</v>
      </c>
      <c r="AH18" s="277">
        <v>7904</v>
      </c>
      <c r="AI18" s="282">
        <v>8294</v>
      </c>
      <c r="AJ18" s="276">
        <v>41</v>
      </c>
      <c r="AK18" s="280">
        <v>139</v>
      </c>
      <c r="AL18" s="277">
        <v>180</v>
      </c>
      <c r="AM18" s="279">
        <v>0</v>
      </c>
      <c r="AN18" s="280">
        <v>133</v>
      </c>
      <c r="AO18" s="280">
        <v>594</v>
      </c>
      <c r="AP18" s="280">
        <v>179</v>
      </c>
      <c r="AQ18" s="280">
        <v>101</v>
      </c>
      <c r="AR18" s="280">
        <v>218</v>
      </c>
      <c r="AS18" s="277">
        <v>1225</v>
      </c>
      <c r="AT18" s="282">
        <v>1405</v>
      </c>
      <c r="AU18" s="276">
        <v>0</v>
      </c>
      <c r="AV18" s="280">
        <v>0</v>
      </c>
      <c r="AW18" s="277">
        <v>0</v>
      </c>
      <c r="AX18" s="279">
        <v>0</v>
      </c>
      <c r="AY18" s="280">
        <v>3357</v>
      </c>
      <c r="AZ18" s="280">
        <v>4921</v>
      </c>
      <c r="BA18" s="280">
        <v>2941</v>
      </c>
      <c r="BB18" s="280">
        <v>1968</v>
      </c>
      <c r="BC18" s="280">
        <v>1249</v>
      </c>
      <c r="BD18" s="281">
        <v>14436</v>
      </c>
      <c r="BE18" s="282">
        <v>14436</v>
      </c>
      <c r="BF18" s="276">
        <v>0</v>
      </c>
      <c r="BG18" s="280">
        <v>0</v>
      </c>
      <c r="BH18" s="277">
        <v>0</v>
      </c>
      <c r="BI18" s="279">
        <v>0</v>
      </c>
      <c r="BJ18" s="280">
        <v>1513</v>
      </c>
      <c r="BK18" s="280">
        <v>2165</v>
      </c>
      <c r="BL18" s="280">
        <v>1041</v>
      </c>
      <c r="BM18" s="280">
        <v>544</v>
      </c>
      <c r="BN18" s="280">
        <v>170</v>
      </c>
      <c r="BO18" s="277">
        <v>5433</v>
      </c>
      <c r="BP18" s="282">
        <v>5433</v>
      </c>
      <c r="BQ18" s="276">
        <v>0</v>
      </c>
      <c r="BR18" s="280">
        <v>0</v>
      </c>
      <c r="BS18" s="277">
        <v>0</v>
      </c>
      <c r="BT18" s="279">
        <v>0</v>
      </c>
      <c r="BU18" s="280">
        <v>259</v>
      </c>
      <c r="BV18" s="280">
        <v>663</v>
      </c>
      <c r="BW18" s="280">
        <v>796</v>
      </c>
      <c r="BX18" s="280">
        <v>641</v>
      </c>
      <c r="BY18" s="280">
        <v>185</v>
      </c>
      <c r="BZ18" s="277">
        <v>2544</v>
      </c>
      <c r="CA18" s="282">
        <v>2544</v>
      </c>
      <c r="CB18" s="276">
        <v>0</v>
      </c>
      <c r="CC18" s="280">
        <v>0</v>
      </c>
      <c r="CD18" s="277">
        <v>0</v>
      </c>
      <c r="CE18" s="279">
        <v>0</v>
      </c>
      <c r="CF18" s="280">
        <v>14</v>
      </c>
      <c r="CG18" s="280">
        <v>84</v>
      </c>
      <c r="CH18" s="280">
        <v>49</v>
      </c>
      <c r="CI18" s="280">
        <v>31</v>
      </c>
      <c r="CJ18" s="280">
        <v>15</v>
      </c>
      <c r="CK18" s="277">
        <v>193</v>
      </c>
      <c r="CL18" s="282">
        <v>193</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2">
        <v>0</v>
      </c>
      <c r="F19" s="279">
        <v>0</v>
      </c>
      <c r="G19" s="280">
        <v>2645</v>
      </c>
      <c r="H19" s="280">
        <v>7179</v>
      </c>
      <c r="I19" s="280">
        <v>9211</v>
      </c>
      <c r="J19" s="280">
        <v>11115</v>
      </c>
      <c r="K19" s="280">
        <v>11793</v>
      </c>
      <c r="L19" s="281">
        <v>41943</v>
      </c>
      <c r="M19" s="282">
        <v>41943</v>
      </c>
      <c r="N19" s="276">
        <v>0</v>
      </c>
      <c r="O19" s="280">
        <v>0</v>
      </c>
      <c r="P19" s="277">
        <v>0</v>
      </c>
      <c r="Q19" s="279">
        <v>0</v>
      </c>
      <c r="R19" s="280">
        <v>1</v>
      </c>
      <c r="S19" s="280">
        <v>37</v>
      </c>
      <c r="T19" s="280">
        <v>93</v>
      </c>
      <c r="U19" s="280">
        <v>188</v>
      </c>
      <c r="V19" s="280">
        <v>416</v>
      </c>
      <c r="W19" s="277">
        <v>735</v>
      </c>
      <c r="X19" s="282">
        <v>735</v>
      </c>
      <c r="Y19" s="276">
        <v>151</v>
      </c>
      <c r="Z19" s="280">
        <v>526</v>
      </c>
      <c r="AA19" s="277">
        <v>677</v>
      </c>
      <c r="AB19" s="279">
        <v>0</v>
      </c>
      <c r="AC19" s="280">
        <v>1288</v>
      </c>
      <c r="AD19" s="280">
        <v>2629</v>
      </c>
      <c r="AE19" s="280">
        <v>2175</v>
      </c>
      <c r="AF19" s="280">
        <v>1703</v>
      </c>
      <c r="AG19" s="280">
        <v>1704</v>
      </c>
      <c r="AH19" s="277">
        <v>9499</v>
      </c>
      <c r="AI19" s="282">
        <v>10176</v>
      </c>
      <c r="AJ19" s="276">
        <v>43</v>
      </c>
      <c r="AK19" s="280">
        <v>126</v>
      </c>
      <c r="AL19" s="277">
        <v>169</v>
      </c>
      <c r="AM19" s="279">
        <v>0</v>
      </c>
      <c r="AN19" s="280">
        <v>140</v>
      </c>
      <c r="AO19" s="280">
        <v>432</v>
      </c>
      <c r="AP19" s="280">
        <v>362</v>
      </c>
      <c r="AQ19" s="280">
        <v>208</v>
      </c>
      <c r="AR19" s="280">
        <v>187</v>
      </c>
      <c r="AS19" s="277">
        <v>1329</v>
      </c>
      <c r="AT19" s="282">
        <v>1498</v>
      </c>
      <c r="AU19" s="276">
        <v>0</v>
      </c>
      <c r="AV19" s="280">
        <v>0</v>
      </c>
      <c r="AW19" s="277">
        <v>0</v>
      </c>
      <c r="AX19" s="279">
        <v>0</v>
      </c>
      <c r="AY19" s="280">
        <v>3202</v>
      </c>
      <c r="AZ19" s="280">
        <v>5474</v>
      </c>
      <c r="BA19" s="280">
        <v>3608</v>
      </c>
      <c r="BB19" s="280">
        <v>2284</v>
      </c>
      <c r="BC19" s="280">
        <v>1062</v>
      </c>
      <c r="BD19" s="281">
        <v>15630</v>
      </c>
      <c r="BE19" s="282">
        <v>15630</v>
      </c>
      <c r="BF19" s="276">
        <v>0</v>
      </c>
      <c r="BG19" s="280">
        <v>0</v>
      </c>
      <c r="BH19" s="277">
        <v>0</v>
      </c>
      <c r="BI19" s="279">
        <v>0</v>
      </c>
      <c r="BJ19" s="280">
        <v>512</v>
      </c>
      <c r="BK19" s="280">
        <v>1490</v>
      </c>
      <c r="BL19" s="280">
        <v>904</v>
      </c>
      <c r="BM19" s="280">
        <v>354</v>
      </c>
      <c r="BN19" s="280">
        <v>165</v>
      </c>
      <c r="BO19" s="277">
        <v>3425</v>
      </c>
      <c r="BP19" s="282">
        <v>3425</v>
      </c>
      <c r="BQ19" s="276">
        <v>2</v>
      </c>
      <c r="BR19" s="280">
        <v>19</v>
      </c>
      <c r="BS19" s="277">
        <v>21</v>
      </c>
      <c r="BT19" s="279">
        <v>0</v>
      </c>
      <c r="BU19" s="280">
        <v>351</v>
      </c>
      <c r="BV19" s="280">
        <v>717</v>
      </c>
      <c r="BW19" s="280">
        <v>1383</v>
      </c>
      <c r="BX19" s="280">
        <v>1131</v>
      </c>
      <c r="BY19" s="280">
        <v>477</v>
      </c>
      <c r="BZ19" s="277">
        <v>4059</v>
      </c>
      <c r="CA19" s="282">
        <v>4080</v>
      </c>
      <c r="CB19" s="276">
        <v>0</v>
      </c>
      <c r="CC19" s="280">
        <v>0</v>
      </c>
      <c r="CD19" s="277">
        <v>0</v>
      </c>
      <c r="CE19" s="279">
        <v>0</v>
      </c>
      <c r="CF19" s="280">
        <v>44</v>
      </c>
      <c r="CG19" s="280">
        <v>184</v>
      </c>
      <c r="CH19" s="280">
        <v>154</v>
      </c>
      <c r="CI19" s="280">
        <v>120</v>
      </c>
      <c r="CJ19" s="280">
        <v>81</v>
      </c>
      <c r="CK19" s="277">
        <v>583</v>
      </c>
      <c r="CL19" s="282">
        <v>583</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2">
        <v>0</v>
      </c>
      <c r="F20" s="279">
        <v>0</v>
      </c>
      <c r="G20" s="280">
        <v>5676</v>
      </c>
      <c r="H20" s="280">
        <v>7819</v>
      </c>
      <c r="I20" s="280">
        <v>9854</v>
      </c>
      <c r="J20" s="280">
        <v>12729</v>
      </c>
      <c r="K20" s="280">
        <v>9409</v>
      </c>
      <c r="L20" s="281">
        <v>45487</v>
      </c>
      <c r="M20" s="282">
        <v>45487</v>
      </c>
      <c r="N20" s="276">
        <v>0</v>
      </c>
      <c r="O20" s="280">
        <v>0</v>
      </c>
      <c r="P20" s="277">
        <v>0</v>
      </c>
      <c r="Q20" s="279">
        <v>0</v>
      </c>
      <c r="R20" s="280">
        <v>10</v>
      </c>
      <c r="S20" s="280">
        <v>44</v>
      </c>
      <c r="T20" s="280">
        <v>66</v>
      </c>
      <c r="U20" s="280">
        <v>281</v>
      </c>
      <c r="V20" s="280">
        <v>449</v>
      </c>
      <c r="W20" s="277">
        <v>850</v>
      </c>
      <c r="X20" s="282">
        <v>850</v>
      </c>
      <c r="Y20" s="276">
        <v>270</v>
      </c>
      <c r="Z20" s="280">
        <v>746</v>
      </c>
      <c r="AA20" s="277">
        <v>1016</v>
      </c>
      <c r="AB20" s="279">
        <v>0</v>
      </c>
      <c r="AC20" s="280">
        <v>2835</v>
      </c>
      <c r="AD20" s="280">
        <v>3271</v>
      </c>
      <c r="AE20" s="280">
        <v>2204</v>
      </c>
      <c r="AF20" s="280">
        <v>1951</v>
      </c>
      <c r="AG20" s="280">
        <v>1632</v>
      </c>
      <c r="AH20" s="277">
        <v>11893</v>
      </c>
      <c r="AI20" s="282">
        <v>12909</v>
      </c>
      <c r="AJ20" s="276">
        <v>64</v>
      </c>
      <c r="AK20" s="280">
        <v>172</v>
      </c>
      <c r="AL20" s="277">
        <v>236</v>
      </c>
      <c r="AM20" s="279">
        <v>0</v>
      </c>
      <c r="AN20" s="280">
        <v>490</v>
      </c>
      <c r="AO20" s="280">
        <v>905</v>
      </c>
      <c r="AP20" s="280">
        <v>390</v>
      </c>
      <c r="AQ20" s="280">
        <v>286</v>
      </c>
      <c r="AR20" s="280">
        <v>263</v>
      </c>
      <c r="AS20" s="277">
        <v>2334</v>
      </c>
      <c r="AT20" s="282">
        <v>2570</v>
      </c>
      <c r="AU20" s="276">
        <v>0</v>
      </c>
      <c r="AV20" s="280">
        <v>0</v>
      </c>
      <c r="AW20" s="277">
        <v>0</v>
      </c>
      <c r="AX20" s="279">
        <v>0</v>
      </c>
      <c r="AY20" s="280">
        <v>6246</v>
      </c>
      <c r="AZ20" s="280">
        <v>6141</v>
      </c>
      <c r="BA20" s="280">
        <v>4811</v>
      </c>
      <c r="BB20" s="280">
        <v>2381</v>
      </c>
      <c r="BC20" s="280">
        <v>1142</v>
      </c>
      <c r="BD20" s="281">
        <v>20721</v>
      </c>
      <c r="BE20" s="282">
        <v>20721</v>
      </c>
      <c r="BF20" s="276">
        <v>0</v>
      </c>
      <c r="BG20" s="280">
        <v>0</v>
      </c>
      <c r="BH20" s="277">
        <v>0</v>
      </c>
      <c r="BI20" s="279">
        <v>0</v>
      </c>
      <c r="BJ20" s="280">
        <v>1266</v>
      </c>
      <c r="BK20" s="280">
        <v>1523</v>
      </c>
      <c r="BL20" s="280">
        <v>853</v>
      </c>
      <c r="BM20" s="280">
        <v>500</v>
      </c>
      <c r="BN20" s="280">
        <v>208</v>
      </c>
      <c r="BO20" s="277">
        <v>4350</v>
      </c>
      <c r="BP20" s="282">
        <v>4350</v>
      </c>
      <c r="BQ20" s="276">
        <v>0</v>
      </c>
      <c r="BR20" s="280">
        <v>47</v>
      </c>
      <c r="BS20" s="277">
        <v>47</v>
      </c>
      <c r="BT20" s="279">
        <v>0</v>
      </c>
      <c r="BU20" s="280">
        <v>429</v>
      </c>
      <c r="BV20" s="280">
        <v>880</v>
      </c>
      <c r="BW20" s="280">
        <v>1692</v>
      </c>
      <c r="BX20" s="280">
        <v>1430</v>
      </c>
      <c r="BY20" s="280">
        <v>740</v>
      </c>
      <c r="BZ20" s="277">
        <v>5171</v>
      </c>
      <c r="CA20" s="282">
        <v>5218</v>
      </c>
      <c r="CB20" s="276">
        <v>0</v>
      </c>
      <c r="CC20" s="280">
        <v>0</v>
      </c>
      <c r="CD20" s="277">
        <v>0</v>
      </c>
      <c r="CE20" s="279">
        <v>0</v>
      </c>
      <c r="CF20" s="280">
        <v>2</v>
      </c>
      <c r="CG20" s="280">
        <v>13</v>
      </c>
      <c r="CH20" s="280">
        <v>17</v>
      </c>
      <c r="CI20" s="280">
        <v>22</v>
      </c>
      <c r="CJ20" s="280">
        <v>0</v>
      </c>
      <c r="CK20" s="277">
        <v>54</v>
      </c>
      <c r="CL20" s="282">
        <v>54</v>
      </c>
      <c r="CM20" s="276">
        <v>0</v>
      </c>
      <c r="CN20" s="280">
        <v>0</v>
      </c>
      <c r="CO20" s="277">
        <v>0</v>
      </c>
      <c r="CP20" s="279">
        <v>0</v>
      </c>
      <c r="CQ20" s="280">
        <v>0</v>
      </c>
      <c r="CR20" s="280">
        <v>8</v>
      </c>
      <c r="CS20" s="280">
        <v>0</v>
      </c>
      <c r="CT20" s="280">
        <v>0</v>
      </c>
      <c r="CU20" s="280">
        <v>0</v>
      </c>
      <c r="CV20" s="277">
        <v>8</v>
      </c>
      <c r="CW20" s="282">
        <v>8</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2">
        <v>0</v>
      </c>
      <c r="F21" s="279">
        <v>0</v>
      </c>
      <c r="G21" s="280">
        <v>1834</v>
      </c>
      <c r="H21" s="280">
        <v>2593</v>
      </c>
      <c r="I21" s="280">
        <v>2690</v>
      </c>
      <c r="J21" s="280">
        <v>3859</v>
      </c>
      <c r="K21" s="280">
        <v>3023</v>
      </c>
      <c r="L21" s="281">
        <v>13999</v>
      </c>
      <c r="M21" s="282">
        <v>13999</v>
      </c>
      <c r="N21" s="276">
        <v>0</v>
      </c>
      <c r="O21" s="280">
        <v>0</v>
      </c>
      <c r="P21" s="277">
        <v>0</v>
      </c>
      <c r="Q21" s="279">
        <v>0</v>
      </c>
      <c r="R21" s="280">
        <v>19</v>
      </c>
      <c r="S21" s="280">
        <v>20</v>
      </c>
      <c r="T21" s="280">
        <v>73</v>
      </c>
      <c r="U21" s="280">
        <v>78</v>
      </c>
      <c r="V21" s="280">
        <v>195</v>
      </c>
      <c r="W21" s="277">
        <v>385</v>
      </c>
      <c r="X21" s="282">
        <v>385</v>
      </c>
      <c r="Y21" s="276">
        <v>157</v>
      </c>
      <c r="Z21" s="280">
        <v>232</v>
      </c>
      <c r="AA21" s="277">
        <v>389</v>
      </c>
      <c r="AB21" s="279">
        <v>0</v>
      </c>
      <c r="AC21" s="280">
        <v>1429</v>
      </c>
      <c r="AD21" s="280">
        <v>1375</v>
      </c>
      <c r="AE21" s="280">
        <v>1164</v>
      </c>
      <c r="AF21" s="280">
        <v>840</v>
      </c>
      <c r="AG21" s="280">
        <v>804</v>
      </c>
      <c r="AH21" s="277">
        <v>5612</v>
      </c>
      <c r="AI21" s="282">
        <v>6001</v>
      </c>
      <c r="AJ21" s="276">
        <v>26</v>
      </c>
      <c r="AK21" s="280">
        <v>58</v>
      </c>
      <c r="AL21" s="277">
        <v>84</v>
      </c>
      <c r="AM21" s="279">
        <v>0</v>
      </c>
      <c r="AN21" s="280">
        <v>249</v>
      </c>
      <c r="AO21" s="280">
        <v>197</v>
      </c>
      <c r="AP21" s="280">
        <v>149</v>
      </c>
      <c r="AQ21" s="280">
        <v>200</v>
      </c>
      <c r="AR21" s="280">
        <v>49</v>
      </c>
      <c r="AS21" s="277">
        <v>844</v>
      </c>
      <c r="AT21" s="282">
        <v>928</v>
      </c>
      <c r="AU21" s="276">
        <v>0</v>
      </c>
      <c r="AV21" s="280">
        <v>0</v>
      </c>
      <c r="AW21" s="277">
        <v>0</v>
      </c>
      <c r="AX21" s="279">
        <v>0</v>
      </c>
      <c r="AY21" s="280">
        <v>2312</v>
      </c>
      <c r="AZ21" s="280">
        <v>2032</v>
      </c>
      <c r="BA21" s="280">
        <v>1441</v>
      </c>
      <c r="BB21" s="280">
        <v>609</v>
      </c>
      <c r="BC21" s="280">
        <v>504</v>
      </c>
      <c r="BD21" s="281">
        <v>6898</v>
      </c>
      <c r="BE21" s="282">
        <v>6898</v>
      </c>
      <c r="BF21" s="276">
        <v>0</v>
      </c>
      <c r="BG21" s="280">
        <v>0</v>
      </c>
      <c r="BH21" s="277">
        <v>0</v>
      </c>
      <c r="BI21" s="279">
        <v>0</v>
      </c>
      <c r="BJ21" s="280">
        <v>760</v>
      </c>
      <c r="BK21" s="280">
        <v>838</v>
      </c>
      <c r="BL21" s="280">
        <v>507</v>
      </c>
      <c r="BM21" s="280">
        <v>257</v>
      </c>
      <c r="BN21" s="280">
        <v>102</v>
      </c>
      <c r="BO21" s="277">
        <v>2464</v>
      </c>
      <c r="BP21" s="282">
        <v>2464</v>
      </c>
      <c r="BQ21" s="276">
        <v>0</v>
      </c>
      <c r="BR21" s="280">
        <v>9</v>
      </c>
      <c r="BS21" s="277">
        <v>9</v>
      </c>
      <c r="BT21" s="279">
        <v>0</v>
      </c>
      <c r="BU21" s="280">
        <v>165</v>
      </c>
      <c r="BV21" s="280">
        <v>361</v>
      </c>
      <c r="BW21" s="280">
        <v>551</v>
      </c>
      <c r="BX21" s="280">
        <v>235</v>
      </c>
      <c r="BY21" s="280">
        <v>268</v>
      </c>
      <c r="BZ21" s="277">
        <v>1580</v>
      </c>
      <c r="CA21" s="282">
        <v>1589</v>
      </c>
      <c r="CB21" s="276">
        <v>0</v>
      </c>
      <c r="CC21" s="280">
        <v>0</v>
      </c>
      <c r="CD21" s="277">
        <v>0</v>
      </c>
      <c r="CE21" s="279">
        <v>0</v>
      </c>
      <c r="CF21" s="280">
        <v>7</v>
      </c>
      <c r="CG21" s="280">
        <v>42</v>
      </c>
      <c r="CH21" s="280">
        <v>60</v>
      </c>
      <c r="CI21" s="280">
        <v>124</v>
      </c>
      <c r="CJ21" s="280">
        <v>43</v>
      </c>
      <c r="CK21" s="277">
        <v>276</v>
      </c>
      <c r="CL21" s="282">
        <v>276</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2">
        <v>0</v>
      </c>
      <c r="F22" s="279">
        <v>0</v>
      </c>
      <c r="G22" s="280">
        <v>3323</v>
      </c>
      <c r="H22" s="280">
        <v>3052</v>
      </c>
      <c r="I22" s="280">
        <v>6022</v>
      </c>
      <c r="J22" s="280">
        <v>4799</v>
      </c>
      <c r="K22" s="280">
        <v>4762</v>
      </c>
      <c r="L22" s="281">
        <v>21958</v>
      </c>
      <c r="M22" s="282">
        <v>21958</v>
      </c>
      <c r="N22" s="276">
        <v>0</v>
      </c>
      <c r="O22" s="280">
        <v>0</v>
      </c>
      <c r="P22" s="277">
        <v>0</v>
      </c>
      <c r="Q22" s="279">
        <v>0</v>
      </c>
      <c r="R22" s="280">
        <v>15</v>
      </c>
      <c r="S22" s="280">
        <v>17</v>
      </c>
      <c r="T22" s="280">
        <v>72</v>
      </c>
      <c r="U22" s="280">
        <v>129</v>
      </c>
      <c r="V22" s="280">
        <v>259</v>
      </c>
      <c r="W22" s="277">
        <v>492</v>
      </c>
      <c r="X22" s="282">
        <v>492</v>
      </c>
      <c r="Y22" s="276">
        <v>277</v>
      </c>
      <c r="Z22" s="280">
        <v>668</v>
      </c>
      <c r="AA22" s="277">
        <v>945</v>
      </c>
      <c r="AB22" s="279">
        <v>0</v>
      </c>
      <c r="AC22" s="280">
        <v>2362</v>
      </c>
      <c r="AD22" s="280">
        <v>1960</v>
      </c>
      <c r="AE22" s="280">
        <v>1250</v>
      </c>
      <c r="AF22" s="280">
        <v>1031</v>
      </c>
      <c r="AG22" s="280">
        <v>764</v>
      </c>
      <c r="AH22" s="277">
        <v>7367</v>
      </c>
      <c r="AI22" s="282">
        <v>8312</v>
      </c>
      <c r="AJ22" s="276">
        <v>106</v>
      </c>
      <c r="AK22" s="280">
        <v>366</v>
      </c>
      <c r="AL22" s="277">
        <v>472</v>
      </c>
      <c r="AM22" s="279">
        <v>0</v>
      </c>
      <c r="AN22" s="280">
        <v>728</v>
      </c>
      <c r="AO22" s="280">
        <v>691</v>
      </c>
      <c r="AP22" s="280">
        <v>506</v>
      </c>
      <c r="AQ22" s="280">
        <v>362</v>
      </c>
      <c r="AR22" s="280">
        <v>203</v>
      </c>
      <c r="AS22" s="277">
        <v>2490</v>
      </c>
      <c r="AT22" s="282">
        <v>2962</v>
      </c>
      <c r="AU22" s="276">
        <v>0</v>
      </c>
      <c r="AV22" s="280">
        <v>0</v>
      </c>
      <c r="AW22" s="277">
        <v>0</v>
      </c>
      <c r="AX22" s="279">
        <v>0</v>
      </c>
      <c r="AY22" s="280">
        <v>2948</v>
      </c>
      <c r="AZ22" s="280">
        <v>2466</v>
      </c>
      <c r="BA22" s="280">
        <v>1696</v>
      </c>
      <c r="BB22" s="280">
        <v>947</v>
      </c>
      <c r="BC22" s="280">
        <v>435</v>
      </c>
      <c r="BD22" s="281">
        <v>8492</v>
      </c>
      <c r="BE22" s="282">
        <v>8492</v>
      </c>
      <c r="BF22" s="276">
        <v>0</v>
      </c>
      <c r="BG22" s="280">
        <v>0</v>
      </c>
      <c r="BH22" s="277">
        <v>0</v>
      </c>
      <c r="BI22" s="279">
        <v>0</v>
      </c>
      <c r="BJ22" s="280">
        <v>1054</v>
      </c>
      <c r="BK22" s="280">
        <v>971</v>
      </c>
      <c r="BL22" s="280">
        <v>550</v>
      </c>
      <c r="BM22" s="280">
        <v>384</v>
      </c>
      <c r="BN22" s="280">
        <v>105</v>
      </c>
      <c r="BO22" s="277">
        <v>3064</v>
      </c>
      <c r="BP22" s="282">
        <v>3064</v>
      </c>
      <c r="BQ22" s="276">
        <v>44</v>
      </c>
      <c r="BR22" s="280">
        <v>37</v>
      </c>
      <c r="BS22" s="277">
        <v>81</v>
      </c>
      <c r="BT22" s="279">
        <v>0</v>
      </c>
      <c r="BU22" s="280">
        <v>417</v>
      </c>
      <c r="BV22" s="280">
        <v>609</v>
      </c>
      <c r="BW22" s="280">
        <v>1159</v>
      </c>
      <c r="BX22" s="280">
        <v>1023</v>
      </c>
      <c r="BY22" s="280">
        <v>165</v>
      </c>
      <c r="BZ22" s="277">
        <v>3373</v>
      </c>
      <c r="CA22" s="282">
        <v>3454</v>
      </c>
      <c r="CB22" s="276">
        <v>0</v>
      </c>
      <c r="CC22" s="280">
        <v>0</v>
      </c>
      <c r="CD22" s="277">
        <v>0</v>
      </c>
      <c r="CE22" s="279">
        <v>0</v>
      </c>
      <c r="CF22" s="280">
        <v>-6</v>
      </c>
      <c r="CG22" s="280">
        <v>28</v>
      </c>
      <c r="CH22" s="280">
        <v>45</v>
      </c>
      <c r="CI22" s="280">
        <v>81</v>
      </c>
      <c r="CJ22" s="280">
        <v>20</v>
      </c>
      <c r="CK22" s="277">
        <v>168</v>
      </c>
      <c r="CL22" s="282">
        <v>168</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2">
        <v>0</v>
      </c>
      <c r="F23" s="279">
        <v>0</v>
      </c>
      <c r="G23" s="280">
        <v>3066</v>
      </c>
      <c r="H23" s="280">
        <v>6228</v>
      </c>
      <c r="I23" s="280">
        <v>6268</v>
      </c>
      <c r="J23" s="280">
        <v>7764</v>
      </c>
      <c r="K23" s="280">
        <v>5251</v>
      </c>
      <c r="L23" s="281">
        <v>28577</v>
      </c>
      <c r="M23" s="282">
        <v>28577</v>
      </c>
      <c r="N23" s="276">
        <v>0</v>
      </c>
      <c r="O23" s="280">
        <v>0</v>
      </c>
      <c r="P23" s="277">
        <v>0</v>
      </c>
      <c r="Q23" s="279">
        <v>0</v>
      </c>
      <c r="R23" s="280">
        <v>0</v>
      </c>
      <c r="S23" s="280">
        <v>29</v>
      </c>
      <c r="T23" s="280">
        <v>61</v>
      </c>
      <c r="U23" s="280">
        <v>148</v>
      </c>
      <c r="V23" s="280">
        <v>214</v>
      </c>
      <c r="W23" s="277">
        <v>452</v>
      </c>
      <c r="X23" s="282">
        <v>452</v>
      </c>
      <c r="Y23" s="276">
        <v>309</v>
      </c>
      <c r="Z23" s="280">
        <v>780</v>
      </c>
      <c r="AA23" s="277">
        <v>1089</v>
      </c>
      <c r="AB23" s="279">
        <v>0</v>
      </c>
      <c r="AC23" s="280">
        <v>1828</v>
      </c>
      <c r="AD23" s="280">
        <v>2955</v>
      </c>
      <c r="AE23" s="280">
        <v>1549</v>
      </c>
      <c r="AF23" s="280">
        <v>1529</v>
      </c>
      <c r="AG23" s="280">
        <v>950</v>
      </c>
      <c r="AH23" s="277">
        <v>8811</v>
      </c>
      <c r="AI23" s="282">
        <v>9900</v>
      </c>
      <c r="AJ23" s="276">
        <v>147</v>
      </c>
      <c r="AK23" s="280">
        <v>294</v>
      </c>
      <c r="AL23" s="277">
        <v>441</v>
      </c>
      <c r="AM23" s="279">
        <v>0</v>
      </c>
      <c r="AN23" s="280">
        <v>279</v>
      </c>
      <c r="AO23" s="280">
        <v>472</v>
      </c>
      <c r="AP23" s="280">
        <v>230</v>
      </c>
      <c r="AQ23" s="280">
        <v>149</v>
      </c>
      <c r="AR23" s="280">
        <v>136</v>
      </c>
      <c r="AS23" s="277">
        <v>1266</v>
      </c>
      <c r="AT23" s="282">
        <v>1707</v>
      </c>
      <c r="AU23" s="276">
        <v>0</v>
      </c>
      <c r="AV23" s="280">
        <v>0</v>
      </c>
      <c r="AW23" s="277">
        <v>0</v>
      </c>
      <c r="AX23" s="279">
        <v>0</v>
      </c>
      <c r="AY23" s="280">
        <v>2958</v>
      </c>
      <c r="AZ23" s="280">
        <v>3444</v>
      </c>
      <c r="BA23" s="280">
        <v>2387</v>
      </c>
      <c r="BB23" s="280">
        <v>1210</v>
      </c>
      <c r="BC23" s="280">
        <v>330</v>
      </c>
      <c r="BD23" s="281">
        <v>10329</v>
      </c>
      <c r="BE23" s="282">
        <v>10329</v>
      </c>
      <c r="BF23" s="276">
        <v>0</v>
      </c>
      <c r="BG23" s="280">
        <v>0</v>
      </c>
      <c r="BH23" s="277">
        <v>0</v>
      </c>
      <c r="BI23" s="279">
        <v>0</v>
      </c>
      <c r="BJ23" s="280">
        <v>416</v>
      </c>
      <c r="BK23" s="280">
        <v>473</v>
      </c>
      <c r="BL23" s="280">
        <v>256</v>
      </c>
      <c r="BM23" s="280">
        <v>124</v>
      </c>
      <c r="BN23" s="280">
        <v>65</v>
      </c>
      <c r="BO23" s="277">
        <v>1334</v>
      </c>
      <c r="BP23" s="282">
        <v>1334</v>
      </c>
      <c r="BQ23" s="276">
        <v>3</v>
      </c>
      <c r="BR23" s="280">
        <v>16</v>
      </c>
      <c r="BS23" s="277">
        <v>19</v>
      </c>
      <c r="BT23" s="279">
        <v>0</v>
      </c>
      <c r="BU23" s="280">
        <v>149</v>
      </c>
      <c r="BV23" s="280">
        <v>336</v>
      </c>
      <c r="BW23" s="280">
        <v>915</v>
      </c>
      <c r="BX23" s="280">
        <v>1001</v>
      </c>
      <c r="BY23" s="280">
        <v>434</v>
      </c>
      <c r="BZ23" s="277">
        <v>2835</v>
      </c>
      <c r="CA23" s="282">
        <v>2854</v>
      </c>
      <c r="CB23" s="276">
        <v>0</v>
      </c>
      <c r="CC23" s="280">
        <v>0</v>
      </c>
      <c r="CD23" s="277">
        <v>0</v>
      </c>
      <c r="CE23" s="279">
        <v>0</v>
      </c>
      <c r="CF23" s="280">
        <v>2</v>
      </c>
      <c r="CG23" s="280">
        <v>11</v>
      </c>
      <c r="CH23" s="280">
        <v>24</v>
      </c>
      <c r="CI23" s="280">
        <v>31</v>
      </c>
      <c r="CJ23" s="280">
        <v>23</v>
      </c>
      <c r="CK23" s="277">
        <v>91</v>
      </c>
      <c r="CL23" s="282">
        <v>91</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2">
        <v>0</v>
      </c>
      <c r="F24" s="279">
        <v>0</v>
      </c>
      <c r="G24" s="280">
        <v>757</v>
      </c>
      <c r="H24" s="280">
        <v>869</v>
      </c>
      <c r="I24" s="280">
        <v>1222</v>
      </c>
      <c r="J24" s="280">
        <v>1783</v>
      </c>
      <c r="K24" s="280">
        <v>1938</v>
      </c>
      <c r="L24" s="281">
        <v>6569</v>
      </c>
      <c r="M24" s="282">
        <v>6569</v>
      </c>
      <c r="N24" s="276">
        <v>0</v>
      </c>
      <c r="O24" s="280">
        <v>0</v>
      </c>
      <c r="P24" s="277">
        <v>0</v>
      </c>
      <c r="Q24" s="279">
        <v>0</v>
      </c>
      <c r="R24" s="280">
        <v>14</v>
      </c>
      <c r="S24" s="280">
        <v>5</v>
      </c>
      <c r="T24" s="280">
        <v>27</v>
      </c>
      <c r="U24" s="280">
        <v>49</v>
      </c>
      <c r="V24" s="280">
        <v>99</v>
      </c>
      <c r="W24" s="277">
        <v>194</v>
      </c>
      <c r="X24" s="282">
        <v>194</v>
      </c>
      <c r="Y24" s="276">
        <v>19</v>
      </c>
      <c r="Z24" s="280">
        <v>20</v>
      </c>
      <c r="AA24" s="277">
        <v>39</v>
      </c>
      <c r="AB24" s="279">
        <v>0</v>
      </c>
      <c r="AC24" s="280">
        <v>406</v>
      </c>
      <c r="AD24" s="280">
        <v>561</v>
      </c>
      <c r="AE24" s="280">
        <v>332</v>
      </c>
      <c r="AF24" s="280">
        <v>323</v>
      </c>
      <c r="AG24" s="280">
        <v>340</v>
      </c>
      <c r="AH24" s="277">
        <v>1962</v>
      </c>
      <c r="AI24" s="282">
        <v>2001</v>
      </c>
      <c r="AJ24" s="276">
        <v>0</v>
      </c>
      <c r="AK24" s="280">
        <v>24</v>
      </c>
      <c r="AL24" s="277">
        <v>24</v>
      </c>
      <c r="AM24" s="279">
        <v>0</v>
      </c>
      <c r="AN24" s="280">
        <v>89</v>
      </c>
      <c r="AO24" s="280">
        <v>198</v>
      </c>
      <c r="AP24" s="280">
        <v>69</v>
      </c>
      <c r="AQ24" s="280">
        <v>38</v>
      </c>
      <c r="AR24" s="280">
        <v>61</v>
      </c>
      <c r="AS24" s="277">
        <v>455</v>
      </c>
      <c r="AT24" s="282">
        <v>479</v>
      </c>
      <c r="AU24" s="276">
        <v>0</v>
      </c>
      <c r="AV24" s="280">
        <v>0</v>
      </c>
      <c r="AW24" s="277">
        <v>0</v>
      </c>
      <c r="AX24" s="279">
        <v>0</v>
      </c>
      <c r="AY24" s="280">
        <v>1123</v>
      </c>
      <c r="AZ24" s="280">
        <v>1148</v>
      </c>
      <c r="BA24" s="280">
        <v>575</v>
      </c>
      <c r="BB24" s="280">
        <v>390</v>
      </c>
      <c r="BC24" s="280">
        <v>192</v>
      </c>
      <c r="BD24" s="281">
        <v>3428</v>
      </c>
      <c r="BE24" s="282">
        <v>3428</v>
      </c>
      <c r="BF24" s="276">
        <v>0</v>
      </c>
      <c r="BG24" s="280">
        <v>0</v>
      </c>
      <c r="BH24" s="277">
        <v>0</v>
      </c>
      <c r="BI24" s="279">
        <v>0</v>
      </c>
      <c r="BJ24" s="280">
        <v>160</v>
      </c>
      <c r="BK24" s="280">
        <v>271</v>
      </c>
      <c r="BL24" s="280">
        <v>144</v>
      </c>
      <c r="BM24" s="280">
        <v>101</v>
      </c>
      <c r="BN24" s="280">
        <v>62</v>
      </c>
      <c r="BO24" s="277">
        <v>738</v>
      </c>
      <c r="BP24" s="282">
        <v>738</v>
      </c>
      <c r="BQ24" s="276">
        <v>0</v>
      </c>
      <c r="BR24" s="280">
        <v>0</v>
      </c>
      <c r="BS24" s="277">
        <v>0</v>
      </c>
      <c r="BT24" s="279">
        <v>0</v>
      </c>
      <c r="BU24" s="280">
        <v>113</v>
      </c>
      <c r="BV24" s="280">
        <v>153</v>
      </c>
      <c r="BW24" s="280">
        <v>253</v>
      </c>
      <c r="BX24" s="280">
        <v>271</v>
      </c>
      <c r="BY24" s="280">
        <v>155</v>
      </c>
      <c r="BZ24" s="277">
        <v>945</v>
      </c>
      <c r="CA24" s="282">
        <v>945</v>
      </c>
      <c r="CB24" s="276">
        <v>0</v>
      </c>
      <c r="CC24" s="280">
        <v>0</v>
      </c>
      <c r="CD24" s="277">
        <v>0</v>
      </c>
      <c r="CE24" s="279">
        <v>0</v>
      </c>
      <c r="CF24" s="280">
        <v>0</v>
      </c>
      <c r="CG24" s="280">
        <v>8</v>
      </c>
      <c r="CH24" s="280">
        <v>30</v>
      </c>
      <c r="CI24" s="280">
        <v>39</v>
      </c>
      <c r="CJ24" s="280">
        <v>13</v>
      </c>
      <c r="CK24" s="277">
        <v>90</v>
      </c>
      <c r="CL24" s="282">
        <v>90</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2">
        <v>0</v>
      </c>
      <c r="F25" s="279">
        <v>0</v>
      </c>
      <c r="G25" s="280">
        <v>1832</v>
      </c>
      <c r="H25" s="280">
        <v>2059</v>
      </c>
      <c r="I25" s="280">
        <v>2747</v>
      </c>
      <c r="J25" s="280">
        <v>3197</v>
      </c>
      <c r="K25" s="280">
        <v>2108</v>
      </c>
      <c r="L25" s="281">
        <v>11943</v>
      </c>
      <c r="M25" s="282">
        <v>11943</v>
      </c>
      <c r="N25" s="276">
        <v>0</v>
      </c>
      <c r="O25" s="280">
        <v>0</v>
      </c>
      <c r="P25" s="277">
        <v>0</v>
      </c>
      <c r="Q25" s="279">
        <v>0</v>
      </c>
      <c r="R25" s="280">
        <v>4</v>
      </c>
      <c r="S25" s="280">
        <v>14</v>
      </c>
      <c r="T25" s="280">
        <v>67</v>
      </c>
      <c r="U25" s="280">
        <v>77</v>
      </c>
      <c r="V25" s="280">
        <v>110</v>
      </c>
      <c r="W25" s="277">
        <v>272</v>
      </c>
      <c r="X25" s="282">
        <v>272</v>
      </c>
      <c r="Y25" s="276">
        <v>206</v>
      </c>
      <c r="Z25" s="280">
        <v>487</v>
      </c>
      <c r="AA25" s="277">
        <v>693</v>
      </c>
      <c r="AB25" s="279">
        <v>0</v>
      </c>
      <c r="AC25" s="280">
        <v>970</v>
      </c>
      <c r="AD25" s="280">
        <v>1646</v>
      </c>
      <c r="AE25" s="280">
        <v>783</v>
      </c>
      <c r="AF25" s="280">
        <v>919</v>
      </c>
      <c r="AG25" s="280">
        <v>554</v>
      </c>
      <c r="AH25" s="277">
        <v>4872</v>
      </c>
      <c r="AI25" s="282">
        <v>5565</v>
      </c>
      <c r="AJ25" s="276">
        <v>47</v>
      </c>
      <c r="AK25" s="280">
        <v>85</v>
      </c>
      <c r="AL25" s="277">
        <v>132</v>
      </c>
      <c r="AM25" s="279">
        <v>0</v>
      </c>
      <c r="AN25" s="280">
        <v>114</v>
      </c>
      <c r="AO25" s="280">
        <v>248</v>
      </c>
      <c r="AP25" s="280">
        <v>127</v>
      </c>
      <c r="AQ25" s="280">
        <v>169</v>
      </c>
      <c r="AR25" s="280">
        <v>108</v>
      </c>
      <c r="AS25" s="277">
        <v>766</v>
      </c>
      <c r="AT25" s="282">
        <v>898</v>
      </c>
      <c r="AU25" s="276">
        <v>0</v>
      </c>
      <c r="AV25" s="280">
        <v>0</v>
      </c>
      <c r="AW25" s="277">
        <v>0</v>
      </c>
      <c r="AX25" s="279">
        <v>0</v>
      </c>
      <c r="AY25" s="280">
        <v>2694</v>
      </c>
      <c r="AZ25" s="280">
        <v>2444</v>
      </c>
      <c r="BA25" s="280">
        <v>1508</v>
      </c>
      <c r="BB25" s="280">
        <v>1012</v>
      </c>
      <c r="BC25" s="280">
        <v>404</v>
      </c>
      <c r="BD25" s="281">
        <v>8062</v>
      </c>
      <c r="BE25" s="282">
        <v>8062</v>
      </c>
      <c r="BF25" s="276">
        <v>0</v>
      </c>
      <c r="BG25" s="280">
        <v>0</v>
      </c>
      <c r="BH25" s="277">
        <v>0</v>
      </c>
      <c r="BI25" s="279">
        <v>0</v>
      </c>
      <c r="BJ25" s="280">
        <v>300</v>
      </c>
      <c r="BK25" s="280">
        <v>393</v>
      </c>
      <c r="BL25" s="280">
        <v>314</v>
      </c>
      <c r="BM25" s="280">
        <v>202</v>
      </c>
      <c r="BN25" s="280">
        <v>31</v>
      </c>
      <c r="BO25" s="277">
        <v>1240</v>
      </c>
      <c r="BP25" s="282">
        <v>1240</v>
      </c>
      <c r="BQ25" s="276">
        <v>6</v>
      </c>
      <c r="BR25" s="280">
        <v>25</v>
      </c>
      <c r="BS25" s="277">
        <v>31</v>
      </c>
      <c r="BT25" s="279">
        <v>0</v>
      </c>
      <c r="BU25" s="280">
        <v>115</v>
      </c>
      <c r="BV25" s="280">
        <v>419</v>
      </c>
      <c r="BW25" s="280">
        <v>567</v>
      </c>
      <c r="BX25" s="280">
        <v>387</v>
      </c>
      <c r="BY25" s="280">
        <v>196</v>
      </c>
      <c r="BZ25" s="277">
        <v>1684</v>
      </c>
      <c r="CA25" s="282">
        <v>1715</v>
      </c>
      <c r="CB25" s="276">
        <v>3</v>
      </c>
      <c r="CC25" s="280">
        <v>0</v>
      </c>
      <c r="CD25" s="277">
        <v>3</v>
      </c>
      <c r="CE25" s="279">
        <v>0</v>
      </c>
      <c r="CF25" s="280">
        <v>11</v>
      </c>
      <c r="CG25" s="280">
        <v>17</v>
      </c>
      <c r="CH25" s="280">
        <v>3</v>
      </c>
      <c r="CI25" s="280">
        <v>27</v>
      </c>
      <c r="CJ25" s="280">
        <v>33</v>
      </c>
      <c r="CK25" s="277">
        <v>91</v>
      </c>
      <c r="CL25" s="282">
        <v>94</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2">
        <v>0</v>
      </c>
      <c r="F26" s="279">
        <v>0</v>
      </c>
      <c r="G26" s="280">
        <v>814</v>
      </c>
      <c r="H26" s="280">
        <v>1040</v>
      </c>
      <c r="I26" s="280">
        <v>1373</v>
      </c>
      <c r="J26" s="280">
        <v>1658</v>
      </c>
      <c r="K26" s="280">
        <v>1621</v>
      </c>
      <c r="L26" s="281">
        <v>6506</v>
      </c>
      <c r="M26" s="282">
        <v>6506</v>
      </c>
      <c r="N26" s="276">
        <v>0</v>
      </c>
      <c r="O26" s="280">
        <v>0</v>
      </c>
      <c r="P26" s="277">
        <v>0</v>
      </c>
      <c r="Q26" s="279">
        <v>0</v>
      </c>
      <c r="R26" s="280">
        <v>0</v>
      </c>
      <c r="S26" s="280">
        <v>6</v>
      </c>
      <c r="T26" s="280">
        <v>21</v>
      </c>
      <c r="U26" s="280">
        <v>36</v>
      </c>
      <c r="V26" s="280">
        <v>113</v>
      </c>
      <c r="W26" s="277">
        <v>176</v>
      </c>
      <c r="X26" s="282">
        <v>176</v>
      </c>
      <c r="Y26" s="276">
        <v>129</v>
      </c>
      <c r="Z26" s="280">
        <v>217</v>
      </c>
      <c r="AA26" s="277">
        <v>346</v>
      </c>
      <c r="AB26" s="279">
        <v>0</v>
      </c>
      <c r="AC26" s="280">
        <v>402</v>
      </c>
      <c r="AD26" s="280">
        <v>574</v>
      </c>
      <c r="AE26" s="280">
        <v>344</v>
      </c>
      <c r="AF26" s="280">
        <v>437</v>
      </c>
      <c r="AG26" s="280">
        <v>332</v>
      </c>
      <c r="AH26" s="277">
        <v>2089</v>
      </c>
      <c r="AI26" s="282">
        <v>2435</v>
      </c>
      <c r="AJ26" s="276">
        <v>0</v>
      </c>
      <c r="AK26" s="280">
        <v>8</v>
      </c>
      <c r="AL26" s="277">
        <v>8</v>
      </c>
      <c r="AM26" s="279">
        <v>0</v>
      </c>
      <c r="AN26" s="280">
        <v>43</v>
      </c>
      <c r="AO26" s="280">
        <v>85</v>
      </c>
      <c r="AP26" s="280">
        <v>34</v>
      </c>
      <c r="AQ26" s="280">
        <v>60</v>
      </c>
      <c r="AR26" s="280">
        <v>36</v>
      </c>
      <c r="AS26" s="277">
        <v>258</v>
      </c>
      <c r="AT26" s="282">
        <v>266</v>
      </c>
      <c r="AU26" s="276">
        <v>0</v>
      </c>
      <c r="AV26" s="280">
        <v>0</v>
      </c>
      <c r="AW26" s="277">
        <v>0</v>
      </c>
      <c r="AX26" s="279">
        <v>0</v>
      </c>
      <c r="AY26" s="280">
        <v>1021</v>
      </c>
      <c r="AZ26" s="280">
        <v>830</v>
      </c>
      <c r="BA26" s="280">
        <v>427</v>
      </c>
      <c r="BB26" s="280">
        <v>245</v>
      </c>
      <c r="BC26" s="280">
        <v>59</v>
      </c>
      <c r="BD26" s="281">
        <v>2582</v>
      </c>
      <c r="BE26" s="282">
        <v>2582</v>
      </c>
      <c r="BF26" s="276">
        <v>0</v>
      </c>
      <c r="BG26" s="280">
        <v>0</v>
      </c>
      <c r="BH26" s="277">
        <v>0</v>
      </c>
      <c r="BI26" s="279">
        <v>0</v>
      </c>
      <c r="BJ26" s="280">
        <v>388</v>
      </c>
      <c r="BK26" s="280">
        <v>353</v>
      </c>
      <c r="BL26" s="280">
        <v>197</v>
      </c>
      <c r="BM26" s="280">
        <v>84</v>
      </c>
      <c r="BN26" s="280">
        <v>129</v>
      </c>
      <c r="BO26" s="277">
        <v>1151</v>
      </c>
      <c r="BP26" s="282">
        <v>1151</v>
      </c>
      <c r="BQ26" s="276">
        <v>4</v>
      </c>
      <c r="BR26" s="280">
        <v>6</v>
      </c>
      <c r="BS26" s="277">
        <v>10</v>
      </c>
      <c r="BT26" s="279">
        <v>0</v>
      </c>
      <c r="BU26" s="280">
        <v>130</v>
      </c>
      <c r="BV26" s="280">
        <v>155</v>
      </c>
      <c r="BW26" s="280">
        <v>225</v>
      </c>
      <c r="BX26" s="280">
        <v>182</v>
      </c>
      <c r="BY26" s="280">
        <v>67</v>
      </c>
      <c r="BZ26" s="277">
        <v>759</v>
      </c>
      <c r="CA26" s="282">
        <v>769</v>
      </c>
      <c r="CB26" s="276">
        <v>0</v>
      </c>
      <c r="CC26" s="280">
        <v>8</v>
      </c>
      <c r="CD26" s="277">
        <v>8</v>
      </c>
      <c r="CE26" s="279">
        <v>0</v>
      </c>
      <c r="CF26" s="280">
        <v>26</v>
      </c>
      <c r="CG26" s="280">
        <v>10</v>
      </c>
      <c r="CH26" s="280">
        <v>12</v>
      </c>
      <c r="CI26" s="280">
        <v>6</v>
      </c>
      <c r="CJ26" s="280">
        <v>25</v>
      </c>
      <c r="CK26" s="277">
        <v>79</v>
      </c>
      <c r="CL26" s="282">
        <v>87</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2">
        <v>0</v>
      </c>
      <c r="F27" s="279">
        <v>0</v>
      </c>
      <c r="G27" s="280">
        <v>1330</v>
      </c>
      <c r="H27" s="280">
        <v>1715</v>
      </c>
      <c r="I27" s="280">
        <v>1929</v>
      </c>
      <c r="J27" s="280">
        <v>2081</v>
      </c>
      <c r="K27" s="280">
        <v>2722</v>
      </c>
      <c r="L27" s="281">
        <v>9777</v>
      </c>
      <c r="M27" s="282">
        <v>9777</v>
      </c>
      <c r="N27" s="276">
        <v>0</v>
      </c>
      <c r="O27" s="280">
        <v>0</v>
      </c>
      <c r="P27" s="277">
        <v>0</v>
      </c>
      <c r="Q27" s="279">
        <v>0</v>
      </c>
      <c r="R27" s="280">
        <v>12</v>
      </c>
      <c r="S27" s="280">
        <v>58</v>
      </c>
      <c r="T27" s="280">
        <v>58</v>
      </c>
      <c r="U27" s="280">
        <v>83</v>
      </c>
      <c r="V27" s="280">
        <v>127</v>
      </c>
      <c r="W27" s="277">
        <v>338</v>
      </c>
      <c r="X27" s="282">
        <v>338</v>
      </c>
      <c r="Y27" s="276">
        <v>99</v>
      </c>
      <c r="Z27" s="280">
        <v>241</v>
      </c>
      <c r="AA27" s="277">
        <v>340</v>
      </c>
      <c r="AB27" s="279">
        <v>0</v>
      </c>
      <c r="AC27" s="280">
        <v>593</v>
      </c>
      <c r="AD27" s="280">
        <v>761</v>
      </c>
      <c r="AE27" s="280">
        <v>400</v>
      </c>
      <c r="AF27" s="280">
        <v>304</v>
      </c>
      <c r="AG27" s="280">
        <v>281</v>
      </c>
      <c r="AH27" s="277">
        <v>2339</v>
      </c>
      <c r="AI27" s="282">
        <v>2679</v>
      </c>
      <c r="AJ27" s="276">
        <v>12</v>
      </c>
      <c r="AK27" s="280">
        <v>66</v>
      </c>
      <c r="AL27" s="277">
        <v>78</v>
      </c>
      <c r="AM27" s="279">
        <v>0</v>
      </c>
      <c r="AN27" s="280">
        <v>16</v>
      </c>
      <c r="AO27" s="280">
        <v>143</v>
      </c>
      <c r="AP27" s="280">
        <v>92</v>
      </c>
      <c r="AQ27" s="280">
        <v>40</v>
      </c>
      <c r="AR27" s="280">
        <v>49</v>
      </c>
      <c r="AS27" s="277">
        <v>340</v>
      </c>
      <c r="AT27" s="282">
        <v>418</v>
      </c>
      <c r="AU27" s="276">
        <v>0</v>
      </c>
      <c r="AV27" s="280">
        <v>0</v>
      </c>
      <c r="AW27" s="277">
        <v>0</v>
      </c>
      <c r="AX27" s="279">
        <v>0</v>
      </c>
      <c r="AY27" s="280">
        <v>1378</v>
      </c>
      <c r="AZ27" s="280">
        <v>922</v>
      </c>
      <c r="BA27" s="280">
        <v>651</v>
      </c>
      <c r="BB27" s="280">
        <v>536</v>
      </c>
      <c r="BC27" s="280">
        <v>44</v>
      </c>
      <c r="BD27" s="281">
        <v>3531</v>
      </c>
      <c r="BE27" s="282">
        <v>3531</v>
      </c>
      <c r="BF27" s="276">
        <v>0</v>
      </c>
      <c r="BG27" s="280">
        <v>0</v>
      </c>
      <c r="BH27" s="277">
        <v>0</v>
      </c>
      <c r="BI27" s="279">
        <v>0</v>
      </c>
      <c r="BJ27" s="280">
        <v>269</v>
      </c>
      <c r="BK27" s="280">
        <v>477</v>
      </c>
      <c r="BL27" s="280">
        <v>206</v>
      </c>
      <c r="BM27" s="280">
        <v>116</v>
      </c>
      <c r="BN27" s="280">
        <v>13</v>
      </c>
      <c r="BO27" s="277">
        <v>1081</v>
      </c>
      <c r="BP27" s="282">
        <v>1081</v>
      </c>
      <c r="BQ27" s="276">
        <v>0</v>
      </c>
      <c r="BR27" s="280">
        <v>17</v>
      </c>
      <c r="BS27" s="277">
        <v>17</v>
      </c>
      <c r="BT27" s="279">
        <v>0</v>
      </c>
      <c r="BU27" s="280">
        <v>88</v>
      </c>
      <c r="BV27" s="280">
        <v>142</v>
      </c>
      <c r="BW27" s="280">
        <v>364</v>
      </c>
      <c r="BX27" s="280">
        <v>146</v>
      </c>
      <c r="BY27" s="280">
        <v>45</v>
      </c>
      <c r="BZ27" s="277">
        <v>785</v>
      </c>
      <c r="CA27" s="282">
        <v>802</v>
      </c>
      <c r="CB27" s="276">
        <v>0</v>
      </c>
      <c r="CC27" s="280">
        <v>0</v>
      </c>
      <c r="CD27" s="277">
        <v>0</v>
      </c>
      <c r="CE27" s="279">
        <v>0</v>
      </c>
      <c r="CF27" s="280">
        <v>13</v>
      </c>
      <c r="CG27" s="280">
        <v>37</v>
      </c>
      <c r="CH27" s="280">
        <v>23</v>
      </c>
      <c r="CI27" s="280">
        <v>51</v>
      </c>
      <c r="CJ27" s="280">
        <v>28</v>
      </c>
      <c r="CK27" s="277">
        <v>152</v>
      </c>
      <c r="CL27" s="282">
        <v>152</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2">
        <v>0</v>
      </c>
      <c r="F28" s="279">
        <v>0</v>
      </c>
      <c r="G28" s="280">
        <v>927</v>
      </c>
      <c r="H28" s="280">
        <v>1245</v>
      </c>
      <c r="I28" s="280">
        <v>1528</v>
      </c>
      <c r="J28" s="280">
        <v>1262</v>
      </c>
      <c r="K28" s="280">
        <v>1976</v>
      </c>
      <c r="L28" s="281">
        <v>6938</v>
      </c>
      <c r="M28" s="282">
        <v>6938</v>
      </c>
      <c r="N28" s="276">
        <v>0</v>
      </c>
      <c r="O28" s="280">
        <v>0</v>
      </c>
      <c r="P28" s="277">
        <v>0</v>
      </c>
      <c r="Q28" s="279">
        <v>0</v>
      </c>
      <c r="R28" s="280">
        <v>0</v>
      </c>
      <c r="S28" s="280">
        <v>0</v>
      </c>
      <c r="T28" s="280">
        <v>10</v>
      </c>
      <c r="U28" s="280">
        <v>68</v>
      </c>
      <c r="V28" s="280">
        <v>88</v>
      </c>
      <c r="W28" s="277">
        <v>166</v>
      </c>
      <c r="X28" s="282">
        <v>166</v>
      </c>
      <c r="Y28" s="276">
        <v>75</v>
      </c>
      <c r="Z28" s="280">
        <v>69</v>
      </c>
      <c r="AA28" s="277">
        <v>144</v>
      </c>
      <c r="AB28" s="279">
        <v>0</v>
      </c>
      <c r="AC28" s="280">
        <v>408</v>
      </c>
      <c r="AD28" s="280">
        <v>562</v>
      </c>
      <c r="AE28" s="280">
        <v>326</v>
      </c>
      <c r="AF28" s="280">
        <v>366</v>
      </c>
      <c r="AG28" s="280">
        <v>350</v>
      </c>
      <c r="AH28" s="277">
        <v>2012</v>
      </c>
      <c r="AI28" s="282">
        <v>2156</v>
      </c>
      <c r="AJ28" s="276">
        <v>0</v>
      </c>
      <c r="AK28" s="280">
        <v>0</v>
      </c>
      <c r="AL28" s="277">
        <v>0</v>
      </c>
      <c r="AM28" s="279">
        <v>0</v>
      </c>
      <c r="AN28" s="280">
        <v>17</v>
      </c>
      <c r="AO28" s="280">
        <v>82</v>
      </c>
      <c r="AP28" s="280">
        <v>98</v>
      </c>
      <c r="AQ28" s="280">
        <v>33</v>
      </c>
      <c r="AR28" s="280">
        <v>45</v>
      </c>
      <c r="AS28" s="277">
        <v>275</v>
      </c>
      <c r="AT28" s="282">
        <v>275</v>
      </c>
      <c r="AU28" s="276">
        <v>0</v>
      </c>
      <c r="AV28" s="280">
        <v>0</v>
      </c>
      <c r="AW28" s="277">
        <v>0</v>
      </c>
      <c r="AX28" s="279">
        <v>0</v>
      </c>
      <c r="AY28" s="280">
        <v>1026</v>
      </c>
      <c r="AZ28" s="280">
        <v>823</v>
      </c>
      <c r="BA28" s="280">
        <v>553</v>
      </c>
      <c r="BB28" s="280">
        <v>238</v>
      </c>
      <c r="BC28" s="280">
        <v>236</v>
      </c>
      <c r="BD28" s="281">
        <v>2876</v>
      </c>
      <c r="BE28" s="282">
        <v>2876</v>
      </c>
      <c r="BF28" s="276">
        <v>0</v>
      </c>
      <c r="BG28" s="280">
        <v>0</v>
      </c>
      <c r="BH28" s="277">
        <v>0</v>
      </c>
      <c r="BI28" s="279">
        <v>0</v>
      </c>
      <c r="BJ28" s="280">
        <v>155</v>
      </c>
      <c r="BK28" s="280">
        <v>217</v>
      </c>
      <c r="BL28" s="280">
        <v>113</v>
      </c>
      <c r="BM28" s="280">
        <v>119</v>
      </c>
      <c r="BN28" s="280">
        <v>41</v>
      </c>
      <c r="BO28" s="277">
        <v>645</v>
      </c>
      <c r="BP28" s="282">
        <v>645</v>
      </c>
      <c r="BQ28" s="276">
        <v>7</v>
      </c>
      <c r="BR28" s="280">
        <v>0</v>
      </c>
      <c r="BS28" s="277">
        <v>7</v>
      </c>
      <c r="BT28" s="279">
        <v>0</v>
      </c>
      <c r="BU28" s="280">
        <v>108</v>
      </c>
      <c r="BV28" s="280">
        <v>160</v>
      </c>
      <c r="BW28" s="280">
        <v>163</v>
      </c>
      <c r="BX28" s="280">
        <v>205</v>
      </c>
      <c r="BY28" s="280">
        <v>121</v>
      </c>
      <c r="BZ28" s="277">
        <v>757</v>
      </c>
      <c r="CA28" s="282">
        <v>764</v>
      </c>
      <c r="CB28" s="276">
        <v>0</v>
      </c>
      <c r="CC28" s="280">
        <v>0</v>
      </c>
      <c r="CD28" s="277">
        <v>0</v>
      </c>
      <c r="CE28" s="279">
        <v>0</v>
      </c>
      <c r="CF28" s="280">
        <v>8</v>
      </c>
      <c r="CG28" s="280">
        <v>11</v>
      </c>
      <c r="CH28" s="280">
        <v>40</v>
      </c>
      <c r="CI28" s="280">
        <v>19</v>
      </c>
      <c r="CJ28" s="280">
        <v>0</v>
      </c>
      <c r="CK28" s="277">
        <v>78</v>
      </c>
      <c r="CL28" s="282">
        <v>78</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2">
        <v>0</v>
      </c>
      <c r="F29" s="279">
        <v>0</v>
      </c>
      <c r="G29" s="280">
        <v>654</v>
      </c>
      <c r="H29" s="280">
        <v>856</v>
      </c>
      <c r="I29" s="280">
        <v>1288</v>
      </c>
      <c r="J29" s="280">
        <v>932</v>
      </c>
      <c r="K29" s="280">
        <v>1365</v>
      </c>
      <c r="L29" s="281">
        <v>5095</v>
      </c>
      <c r="M29" s="282">
        <v>5095</v>
      </c>
      <c r="N29" s="276">
        <v>0</v>
      </c>
      <c r="O29" s="280">
        <v>0</v>
      </c>
      <c r="P29" s="277">
        <v>0</v>
      </c>
      <c r="Q29" s="279">
        <v>0</v>
      </c>
      <c r="R29" s="280">
        <v>5</v>
      </c>
      <c r="S29" s="280">
        <v>32</v>
      </c>
      <c r="T29" s="280">
        <v>16</v>
      </c>
      <c r="U29" s="280">
        <v>55</v>
      </c>
      <c r="V29" s="280">
        <v>92</v>
      </c>
      <c r="W29" s="277">
        <v>200</v>
      </c>
      <c r="X29" s="282">
        <v>200</v>
      </c>
      <c r="Y29" s="276">
        <v>145</v>
      </c>
      <c r="Z29" s="280">
        <v>339</v>
      </c>
      <c r="AA29" s="277">
        <v>484</v>
      </c>
      <c r="AB29" s="279">
        <v>0</v>
      </c>
      <c r="AC29" s="280">
        <v>273</v>
      </c>
      <c r="AD29" s="280">
        <v>328</v>
      </c>
      <c r="AE29" s="280">
        <v>374</v>
      </c>
      <c r="AF29" s="280">
        <v>261</v>
      </c>
      <c r="AG29" s="280">
        <v>278</v>
      </c>
      <c r="AH29" s="277">
        <v>1514</v>
      </c>
      <c r="AI29" s="282">
        <v>1998</v>
      </c>
      <c r="AJ29" s="276">
        <v>0</v>
      </c>
      <c r="AK29" s="280">
        <v>6</v>
      </c>
      <c r="AL29" s="277">
        <v>6</v>
      </c>
      <c r="AM29" s="279">
        <v>0</v>
      </c>
      <c r="AN29" s="280">
        <v>0</v>
      </c>
      <c r="AO29" s="280">
        <v>39</v>
      </c>
      <c r="AP29" s="280">
        <v>0</v>
      </c>
      <c r="AQ29" s="280">
        <v>0</v>
      </c>
      <c r="AR29" s="280">
        <v>12</v>
      </c>
      <c r="AS29" s="277">
        <v>51</v>
      </c>
      <c r="AT29" s="282">
        <v>57</v>
      </c>
      <c r="AU29" s="276">
        <v>0</v>
      </c>
      <c r="AV29" s="280">
        <v>0</v>
      </c>
      <c r="AW29" s="277">
        <v>0</v>
      </c>
      <c r="AX29" s="279">
        <v>0</v>
      </c>
      <c r="AY29" s="280">
        <v>1029</v>
      </c>
      <c r="AZ29" s="280">
        <v>656</v>
      </c>
      <c r="BA29" s="280">
        <v>423</v>
      </c>
      <c r="BB29" s="280">
        <v>310</v>
      </c>
      <c r="BC29" s="280">
        <v>129</v>
      </c>
      <c r="BD29" s="281">
        <v>2547</v>
      </c>
      <c r="BE29" s="282">
        <v>2547</v>
      </c>
      <c r="BF29" s="276">
        <v>0</v>
      </c>
      <c r="BG29" s="280">
        <v>0</v>
      </c>
      <c r="BH29" s="277">
        <v>0</v>
      </c>
      <c r="BI29" s="279">
        <v>0</v>
      </c>
      <c r="BJ29" s="280">
        <v>125</v>
      </c>
      <c r="BK29" s="280">
        <v>201</v>
      </c>
      <c r="BL29" s="280">
        <v>93</v>
      </c>
      <c r="BM29" s="280">
        <v>59</v>
      </c>
      <c r="BN29" s="280">
        <v>27</v>
      </c>
      <c r="BO29" s="277">
        <v>505</v>
      </c>
      <c r="BP29" s="282">
        <v>505</v>
      </c>
      <c r="BQ29" s="276">
        <v>0</v>
      </c>
      <c r="BR29" s="280">
        <v>5</v>
      </c>
      <c r="BS29" s="277">
        <v>5</v>
      </c>
      <c r="BT29" s="279">
        <v>0</v>
      </c>
      <c r="BU29" s="280">
        <v>55</v>
      </c>
      <c r="BV29" s="280">
        <v>104</v>
      </c>
      <c r="BW29" s="280">
        <v>198</v>
      </c>
      <c r="BX29" s="280">
        <v>106</v>
      </c>
      <c r="BY29" s="280">
        <v>87</v>
      </c>
      <c r="BZ29" s="277">
        <v>550</v>
      </c>
      <c r="CA29" s="282">
        <v>555</v>
      </c>
      <c r="CB29" s="276">
        <v>0</v>
      </c>
      <c r="CC29" s="280">
        <v>5</v>
      </c>
      <c r="CD29" s="277">
        <v>5</v>
      </c>
      <c r="CE29" s="279">
        <v>0</v>
      </c>
      <c r="CF29" s="280">
        <v>20</v>
      </c>
      <c r="CG29" s="280">
        <v>2</v>
      </c>
      <c r="CH29" s="280">
        <v>23</v>
      </c>
      <c r="CI29" s="280">
        <v>5</v>
      </c>
      <c r="CJ29" s="280">
        <v>3</v>
      </c>
      <c r="CK29" s="277">
        <v>53</v>
      </c>
      <c r="CL29" s="282">
        <v>58</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2">
        <v>0</v>
      </c>
      <c r="F30" s="279">
        <v>0</v>
      </c>
      <c r="G30" s="280">
        <v>64</v>
      </c>
      <c r="H30" s="280">
        <v>326</v>
      </c>
      <c r="I30" s="280">
        <v>164</v>
      </c>
      <c r="J30" s="280">
        <v>462</v>
      </c>
      <c r="K30" s="280">
        <v>502</v>
      </c>
      <c r="L30" s="281">
        <v>1518</v>
      </c>
      <c r="M30" s="282">
        <v>1518</v>
      </c>
      <c r="N30" s="276">
        <v>0</v>
      </c>
      <c r="O30" s="280">
        <v>0</v>
      </c>
      <c r="P30" s="277">
        <v>0</v>
      </c>
      <c r="Q30" s="279">
        <v>0</v>
      </c>
      <c r="R30" s="280">
        <v>0</v>
      </c>
      <c r="S30" s="280">
        <v>5</v>
      </c>
      <c r="T30" s="280">
        <v>4</v>
      </c>
      <c r="U30" s="280">
        <v>19</v>
      </c>
      <c r="V30" s="280">
        <v>19</v>
      </c>
      <c r="W30" s="277">
        <v>47</v>
      </c>
      <c r="X30" s="282">
        <v>47</v>
      </c>
      <c r="Y30" s="276">
        <v>12</v>
      </c>
      <c r="Z30" s="280">
        <v>11</v>
      </c>
      <c r="AA30" s="277">
        <v>23</v>
      </c>
      <c r="AB30" s="279">
        <v>0</v>
      </c>
      <c r="AC30" s="280">
        <v>30</v>
      </c>
      <c r="AD30" s="280">
        <v>130</v>
      </c>
      <c r="AE30" s="280">
        <v>72</v>
      </c>
      <c r="AF30" s="280">
        <v>123</v>
      </c>
      <c r="AG30" s="280">
        <v>71</v>
      </c>
      <c r="AH30" s="277">
        <v>426</v>
      </c>
      <c r="AI30" s="282">
        <v>449</v>
      </c>
      <c r="AJ30" s="276">
        <v>0</v>
      </c>
      <c r="AK30" s="280">
        <v>0</v>
      </c>
      <c r="AL30" s="277">
        <v>0</v>
      </c>
      <c r="AM30" s="279">
        <v>0</v>
      </c>
      <c r="AN30" s="280">
        <v>20</v>
      </c>
      <c r="AO30" s="280">
        <v>30</v>
      </c>
      <c r="AP30" s="280">
        <v>0</v>
      </c>
      <c r="AQ30" s="280">
        <v>9</v>
      </c>
      <c r="AR30" s="280">
        <v>16</v>
      </c>
      <c r="AS30" s="277">
        <v>75</v>
      </c>
      <c r="AT30" s="282">
        <v>75</v>
      </c>
      <c r="AU30" s="276">
        <v>0</v>
      </c>
      <c r="AV30" s="280">
        <v>0</v>
      </c>
      <c r="AW30" s="277">
        <v>0</v>
      </c>
      <c r="AX30" s="279">
        <v>0</v>
      </c>
      <c r="AY30" s="280">
        <v>293</v>
      </c>
      <c r="AZ30" s="280">
        <v>246</v>
      </c>
      <c r="BA30" s="280">
        <v>229</v>
      </c>
      <c r="BB30" s="280">
        <v>139</v>
      </c>
      <c r="BC30" s="280">
        <v>53</v>
      </c>
      <c r="BD30" s="281">
        <v>960</v>
      </c>
      <c r="BE30" s="282">
        <v>960</v>
      </c>
      <c r="BF30" s="276">
        <v>0</v>
      </c>
      <c r="BG30" s="280">
        <v>0</v>
      </c>
      <c r="BH30" s="277">
        <v>0</v>
      </c>
      <c r="BI30" s="279">
        <v>0</v>
      </c>
      <c r="BJ30" s="280">
        <v>34</v>
      </c>
      <c r="BK30" s="280">
        <v>104</v>
      </c>
      <c r="BL30" s="280">
        <v>61</v>
      </c>
      <c r="BM30" s="280">
        <v>60</v>
      </c>
      <c r="BN30" s="280">
        <v>20</v>
      </c>
      <c r="BO30" s="277">
        <v>279</v>
      </c>
      <c r="BP30" s="282">
        <v>279</v>
      </c>
      <c r="BQ30" s="276">
        <v>0</v>
      </c>
      <c r="BR30" s="280">
        <v>4</v>
      </c>
      <c r="BS30" s="277">
        <v>4</v>
      </c>
      <c r="BT30" s="279">
        <v>0</v>
      </c>
      <c r="BU30" s="280">
        <v>14</v>
      </c>
      <c r="BV30" s="280">
        <v>15</v>
      </c>
      <c r="BW30" s="280">
        <v>85</v>
      </c>
      <c r="BX30" s="280">
        <v>51</v>
      </c>
      <c r="BY30" s="280">
        <v>20</v>
      </c>
      <c r="BZ30" s="277">
        <v>185</v>
      </c>
      <c r="CA30" s="282">
        <v>189</v>
      </c>
      <c r="CB30" s="276">
        <v>3</v>
      </c>
      <c r="CC30" s="280">
        <v>0</v>
      </c>
      <c r="CD30" s="277">
        <v>3</v>
      </c>
      <c r="CE30" s="279">
        <v>0</v>
      </c>
      <c r="CF30" s="280">
        <v>5</v>
      </c>
      <c r="CG30" s="280">
        <v>3</v>
      </c>
      <c r="CH30" s="280">
        <v>19</v>
      </c>
      <c r="CI30" s="280">
        <v>13</v>
      </c>
      <c r="CJ30" s="280">
        <v>0</v>
      </c>
      <c r="CK30" s="277">
        <v>40</v>
      </c>
      <c r="CL30" s="282">
        <v>43</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2">
        <v>0</v>
      </c>
      <c r="F31" s="279">
        <v>0</v>
      </c>
      <c r="G31" s="280">
        <v>287</v>
      </c>
      <c r="H31" s="280">
        <v>379</v>
      </c>
      <c r="I31" s="280">
        <v>125</v>
      </c>
      <c r="J31" s="280">
        <v>736</v>
      </c>
      <c r="K31" s="280">
        <v>619</v>
      </c>
      <c r="L31" s="281">
        <v>2146</v>
      </c>
      <c r="M31" s="282">
        <v>2146</v>
      </c>
      <c r="N31" s="276">
        <v>0</v>
      </c>
      <c r="O31" s="280">
        <v>0</v>
      </c>
      <c r="P31" s="277">
        <v>0</v>
      </c>
      <c r="Q31" s="279">
        <v>0</v>
      </c>
      <c r="R31" s="280">
        <v>1</v>
      </c>
      <c r="S31" s="280">
        <v>0</v>
      </c>
      <c r="T31" s="280">
        <v>3</v>
      </c>
      <c r="U31" s="280">
        <v>13</v>
      </c>
      <c r="V31" s="280">
        <v>37</v>
      </c>
      <c r="W31" s="277">
        <v>54</v>
      </c>
      <c r="X31" s="282">
        <v>54</v>
      </c>
      <c r="Y31" s="276">
        <v>9</v>
      </c>
      <c r="Z31" s="280">
        <v>45</v>
      </c>
      <c r="AA31" s="277">
        <v>54</v>
      </c>
      <c r="AB31" s="279">
        <v>0</v>
      </c>
      <c r="AC31" s="280">
        <v>195</v>
      </c>
      <c r="AD31" s="280">
        <v>150</v>
      </c>
      <c r="AE31" s="280">
        <v>201</v>
      </c>
      <c r="AF31" s="280">
        <v>82</v>
      </c>
      <c r="AG31" s="280">
        <v>80</v>
      </c>
      <c r="AH31" s="277">
        <v>708</v>
      </c>
      <c r="AI31" s="282">
        <v>762</v>
      </c>
      <c r="AJ31" s="276">
        <v>0</v>
      </c>
      <c r="AK31" s="280">
        <v>15</v>
      </c>
      <c r="AL31" s="277">
        <v>15</v>
      </c>
      <c r="AM31" s="279">
        <v>0</v>
      </c>
      <c r="AN31" s="280">
        <v>24</v>
      </c>
      <c r="AO31" s="280">
        <v>39</v>
      </c>
      <c r="AP31" s="280">
        <v>45</v>
      </c>
      <c r="AQ31" s="280">
        <v>35</v>
      </c>
      <c r="AR31" s="280">
        <v>0</v>
      </c>
      <c r="AS31" s="277">
        <v>143</v>
      </c>
      <c r="AT31" s="282">
        <v>158</v>
      </c>
      <c r="AU31" s="276">
        <v>0</v>
      </c>
      <c r="AV31" s="280">
        <v>0</v>
      </c>
      <c r="AW31" s="277">
        <v>0</v>
      </c>
      <c r="AX31" s="279">
        <v>0</v>
      </c>
      <c r="AY31" s="280">
        <v>347</v>
      </c>
      <c r="AZ31" s="280">
        <v>436</v>
      </c>
      <c r="BA31" s="280">
        <v>284</v>
      </c>
      <c r="BB31" s="280">
        <v>178</v>
      </c>
      <c r="BC31" s="280">
        <v>60</v>
      </c>
      <c r="BD31" s="281">
        <v>1305</v>
      </c>
      <c r="BE31" s="282">
        <v>1305</v>
      </c>
      <c r="BF31" s="276">
        <v>0</v>
      </c>
      <c r="BG31" s="280">
        <v>0</v>
      </c>
      <c r="BH31" s="277">
        <v>0</v>
      </c>
      <c r="BI31" s="279">
        <v>0</v>
      </c>
      <c r="BJ31" s="280">
        <v>139</v>
      </c>
      <c r="BK31" s="280">
        <v>83</v>
      </c>
      <c r="BL31" s="280">
        <v>98</v>
      </c>
      <c r="BM31" s="280">
        <v>18</v>
      </c>
      <c r="BN31" s="280">
        <v>0</v>
      </c>
      <c r="BO31" s="277">
        <v>338</v>
      </c>
      <c r="BP31" s="282">
        <v>338</v>
      </c>
      <c r="BQ31" s="276">
        <v>0</v>
      </c>
      <c r="BR31" s="280">
        <v>0</v>
      </c>
      <c r="BS31" s="277">
        <v>0</v>
      </c>
      <c r="BT31" s="279">
        <v>0</v>
      </c>
      <c r="BU31" s="280">
        <v>14</v>
      </c>
      <c r="BV31" s="280">
        <v>83</v>
      </c>
      <c r="BW31" s="280">
        <v>202</v>
      </c>
      <c r="BX31" s="280">
        <v>34</v>
      </c>
      <c r="BY31" s="280">
        <v>53</v>
      </c>
      <c r="BZ31" s="277">
        <v>386</v>
      </c>
      <c r="CA31" s="282">
        <v>386</v>
      </c>
      <c r="CB31" s="276">
        <v>0</v>
      </c>
      <c r="CC31" s="280">
        <v>0</v>
      </c>
      <c r="CD31" s="277">
        <v>0</v>
      </c>
      <c r="CE31" s="279">
        <v>0</v>
      </c>
      <c r="CF31" s="280">
        <v>5</v>
      </c>
      <c r="CG31" s="280">
        <v>10</v>
      </c>
      <c r="CH31" s="280">
        <v>8</v>
      </c>
      <c r="CI31" s="280">
        <v>0</v>
      </c>
      <c r="CJ31" s="280">
        <v>4</v>
      </c>
      <c r="CK31" s="277">
        <v>27</v>
      </c>
      <c r="CL31" s="282">
        <v>27</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2">
        <v>0</v>
      </c>
      <c r="F32" s="279">
        <v>0</v>
      </c>
      <c r="G32" s="280">
        <v>318</v>
      </c>
      <c r="H32" s="280">
        <v>425</v>
      </c>
      <c r="I32" s="280">
        <v>667</v>
      </c>
      <c r="J32" s="280">
        <v>1111</v>
      </c>
      <c r="K32" s="280">
        <v>1048</v>
      </c>
      <c r="L32" s="281">
        <v>3569</v>
      </c>
      <c r="M32" s="282">
        <v>3569</v>
      </c>
      <c r="N32" s="276">
        <v>0</v>
      </c>
      <c r="O32" s="280">
        <v>0</v>
      </c>
      <c r="P32" s="277">
        <v>0</v>
      </c>
      <c r="Q32" s="279">
        <v>0</v>
      </c>
      <c r="R32" s="280">
        <v>4</v>
      </c>
      <c r="S32" s="280">
        <v>0</v>
      </c>
      <c r="T32" s="280">
        <v>5</v>
      </c>
      <c r="U32" s="280">
        <v>56</v>
      </c>
      <c r="V32" s="280">
        <v>16</v>
      </c>
      <c r="W32" s="277">
        <v>81</v>
      </c>
      <c r="X32" s="282">
        <v>81</v>
      </c>
      <c r="Y32" s="276">
        <v>9</v>
      </c>
      <c r="Z32" s="280">
        <v>36</v>
      </c>
      <c r="AA32" s="277">
        <v>45</v>
      </c>
      <c r="AB32" s="279">
        <v>0</v>
      </c>
      <c r="AC32" s="280">
        <v>232</v>
      </c>
      <c r="AD32" s="280">
        <v>95</v>
      </c>
      <c r="AE32" s="280">
        <v>155</v>
      </c>
      <c r="AF32" s="280">
        <v>167</v>
      </c>
      <c r="AG32" s="280">
        <v>23</v>
      </c>
      <c r="AH32" s="277">
        <v>672</v>
      </c>
      <c r="AI32" s="282">
        <v>717</v>
      </c>
      <c r="AJ32" s="276">
        <v>0</v>
      </c>
      <c r="AK32" s="280">
        <v>0</v>
      </c>
      <c r="AL32" s="277">
        <v>0</v>
      </c>
      <c r="AM32" s="279">
        <v>0</v>
      </c>
      <c r="AN32" s="280">
        <v>9</v>
      </c>
      <c r="AO32" s="280">
        <v>0</v>
      </c>
      <c r="AP32" s="280">
        <v>71</v>
      </c>
      <c r="AQ32" s="280">
        <v>30</v>
      </c>
      <c r="AR32" s="280">
        <v>0</v>
      </c>
      <c r="AS32" s="277">
        <v>110</v>
      </c>
      <c r="AT32" s="282">
        <v>110</v>
      </c>
      <c r="AU32" s="276">
        <v>0</v>
      </c>
      <c r="AV32" s="280">
        <v>0</v>
      </c>
      <c r="AW32" s="277">
        <v>0</v>
      </c>
      <c r="AX32" s="279">
        <v>0</v>
      </c>
      <c r="AY32" s="280">
        <v>274</v>
      </c>
      <c r="AZ32" s="280">
        <v>234</v>
      </c>
      <c r="BA32" s="280">
        <v>169</v>
      </c>
      <c r="BB32" s="280">
        <v>171</v>
      </c>
      <c r="BC32" s="280">
        <v>11</v>
      </c>
      <c r="BD32" s="281">
        <v>859</v>
      </c>
      <c r="BE32" s="282">
        <v>859</v>
      </c>
      <c r="BF32" s="276">
        <v>0</v>
      </c>
      <c r="BG32" s="280">
        <v>0</v>
      </c>
      <c r="BH32" s="277">
        <v>0</v>
      </c>
      <c r="BI32" s="279">
        <v>0</v>
      </c>
      <c r="BJ32" s="280">
        <v>49</v>
      </c>
      <c r="BK32" s="280">
        <v>62</v>
      </c>
      <c r="BL32" s="280">
        <v>63</v>
      </c>
      <c r="BM32" s="280">
        <v>26</v>
      </c>
      <c r="BN32" s="280">
        <v>0</v>
      </c>
      <c r="BO32" s="277">
        <v>200</v>
      </c>
      <c r="BP32" s="282">
        <v>200</v>
      </c>
      <c r="BQ32" s="276">
        <v>0</v>
      </c>
      <c r="BR32" s="280">
        <v>0</v>
      </c>
      <c r="BS32" s="277">
        <v>0</v>
      </c>
      <c r="BT32" s="279">
        <v>0</v>
      </c>
      <c r="BU32" s="280">
        <v>35</v>
      </c>
      <c r="BV32" s="280">
        <v>48</v>
      </c>
      <c r="BW32" s="280">
        <v>110</v>
      </c>
      <c r="BX32" s="280">
        <v>153</v>
      </c>
      <c r="BY32" s="280">
        <v>4</v>
      </c>
      <c r="BZ32" s="277">
        <v>350</v>
      </c>
      <c r="CA32" s="282">
        <v>350</v>
      </c>
      <c r="CB32" s="276">
        <v>0</v>
      </c>
      <c r="CC32" s="280">
        <v>0</v>
      </c>
      <c r="CD32" s="277">
        <v>0</v>
      </c>
      <c r="CE32" s="279">
        <v>0</v>
      </c>
      <c r="CF32" s="280">
        <v>0</v>
      </c>
      <c r="CG32" s="280">
        <v>12</v>
      </c>
      <c r="CH32" s="280">
        <v>4</v>
      </c>
      <c r="CI32" s="280">
        <v>10</v>
      </c>
      <c r="CJ32" s="280">
        <v>4</v>
      </c>
      <c r="CK32" s="277">
        <v>30</v>
      </c>
      <c r="CL32" s="282">
        <v>3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2">
        <v>0</v>
      </c>
      <c r="F33" s="279">
        <v>0</v>
      </c>
      <c r="G33" s="280">
        <v>115</v>
      </c>
      <c r="H33" s="280">
        <v>184</v>
      </c>
      <c r="I33" s="280">
        <v>556</v>
      </c>
      <c r="J33" s="280">
        <v>133</v>
      </c>
      <c r="K33" s="280">
        <v>243</v>
      </c>
      <c r="L33" s="281">
        <v>1231</v>
      </c>
      <c r="M33" s="282">
        <v>1231</v>
      </c>
      <c r="N33" s="276">
        <v>0</v>
      </c>
      <c r="O33" s="280">
        <v>0</v>
      </c>
      <c r="P33" s="277">
        <v>0</v>
      </c>
      <c r="Q33" s="279">
        <v>0</v>
      </c>
      <c r="R33" s="280">
        <v>4</v>
      </c>
      <c r="S33" s="280">
        <v>4</v>
      </c>
      <c r="T33" s="280">
        <v>20</v>
      </c>
      <c r="U33" s="280">
        <v>38</v>
      </c>
      <c r="V33" s="280">
        <v>27</v>
      </c>
      <c r="W33" s="277">
        <v>93</v>
      </c>
      <c r="X33" s="282">
        <v>93</v>
      </c>
      <c r="Y33" s="276">
        <v>20</v>
      </c>
      <c r="Z33" s="280">
        <v>34</v>
      </c>
      <c r="AA33" s="277">
        <v>54</v>
      </c>
      <c r="AB33" s="279">
        <v>0</v>
      </c>
      <c r="AC33" s="280">
        <v>73</v>
      </c>
      <c r="AD33" s="280">
        <v>127</v>
      </c>
      <c r="AE33" s="280">
        <v>90</v>
      </c>
      <c r="AF33" s="280">
        <v>184</v>
      </c>
      <c r="AG33" s="280">
        <v>83</v>
      </c>
      <c r="AH33" s="277">
        <v>557</v>
      </c>
      <c r="AI33" s="282">
        <v>611</v>
      </c>
      <c r="AJ33" s="276">
        <v>15</v>
      </c>
      <c r="AK33" s="280">
        <v>18</v>
      </c>
      <c r="AL33" s="277">
        <v>33</v>
      </c>
      <c r="AM33" s="279">
        <v>0</v>
      </c>
      <c r="AN33" s="280">
        <v>30</v>
      </c>
      <c r="AO33" s="280">
        <v>36</v>
      </c>
      <c r="AP33" s="280">
        <v>30</v>
      </c>
      <c r="AQ33" s="280">
        <v>57</v>
      </c>
      <c r="AR33" s="280">
        <v>14</v>
      </c>
      <c r="AS33" s="277">
        <v>167</v>
      </c>
      <c r="AT33" s="282">
        <v>200</v>
      </c>
      <c r="AU33" s="276">
        <v>0</v>
      </c>
      <c r="AV33" s="280">
        <v>0</v>
      </c>
      <c r="AW33" s="277">
        <v>0</v>
      </c>
      <c r="AX33" s="279">
        <v>0</v>
      </c>
      <c r="AY33" s="280">
        <v>280</v>
      </c>
      <c r="AZ33" s="280">
        <v>379</v>
      </c>
      <c r="BA33" s="280">
        <v>165</v>
      </c>
      <c r="BB33" s="280">
        <v>150</v>
      </c>
      <c r="BC33" s="280">
        <v>23</v>
      </c>
      <c r="BD33" s="281">
        <v>997</v>
      </c>
      <c r="BE33" s="282">
        <v>997</v>
      </c>
      <c r="BF33" s="276">
        <v>0</v>
      </c>
      <c r="BG33" s="280">
        <v>0</v>
      </c>
      <c r="BH33" s="277">
        <v>0</v>
      </c>
      <c r="BI33" s="279">
        <v>0</v>
      </c>
      <c r="BJ33" s="280">
        <v>29</v>
      </c>
      <c r="BK33" s="280">
        <v>61</v>
      </c>
      <c r="BL33" s="280">
        <v>53</v>
      </c>
      <c r="BM33" s="280">
        <v>17</v>
      </c>
      <c r="BN33" s="280">
        <v>8</v>
      </c>
      <c r="BO33" s="277">
        <v>168</v>
      </c>
      <c r="BP33" s="282">
        <v>168</v>
      </c>
      <c r="BQ33" s="276">
        <v>0</v>
      </c>
      <c r="BR33" s="280">
        <v>12</v>
      </c>
      <c r="BS33" s="277">
        <v>12</v>
      </c>
      <c r="BT33" s="279">
        <v>0</v>
      </c>
      <c r="BU33" s="280">
        <v>31</v>
      </c>
      <c r="BV33" s="280">
        <v>82</v>
      </c>
      <c r="BW33" s="280">
        <v>107</v>
      </c>
      <c r="BX33" s="280">
        <v>95</v>
      </c>
      <c r="BY33" s="280">
        <v>15</v>
      </c>
      <c r="BZ33" s="277">
        <v>330</v>
      </c>
      <c r="CA33" s="282">
        <v>342</v>
      </c>
      <c r="CB33" s="276">
        <v>0</v>
      </c>
      <c r="CC33" s="280">
        <v>0</v>
      </c>
      <c r="CD33" s="277">
        <v>0</v>
      </c>
      <c r="CE33" s="279">
        <v>0</v>
      </c>
      <c r="CF33" s="280">
        <v>12</v>
      </c>
      <c r="CG33" s="280">
        <v>8</v>
      </c>
      <c r="CH33" s="280">
        <v>0</v>
      </c>
      <c r="CI33" s="280">
        <v>3</v>
      </c>
      <c r="CJ33" s="280">
        <v>5</v>
      </c>
      <c r="CK33" s="277">
        <v>28</v>
      </c>
      <c r="CL33" s="282">
        <v>28</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2">
        <v>0</v>
      </c>
      <c r="F34" s="279">
        <v>0</v>
      </c>
      <c r="G34" s="280">
        <v>327</v>
      </c>
      <c r="H34" s="280">
        <v>503</v>
      </c>
      <c r="I34" s="280">
        <v>429</v>
      </c>
      <c r="J34" s="280">
        <v>816</v>
      </c>
      <c r="K34" s="280">
        <v>809</v>
      </c>
      <c r="L34" s="281">
        <v>2884</v>
      </c>
      <c r="M34" s="282">
        <v>2884</v>
      </c>
      <c r="N34" s="276">
        <v>0</v>
      </c>
      <c r="O34" s="280">
        <v>0</v>
      </c>
      <c r="P34" s="277">
        <v>0</v>
      </c>
      <c r="Q34" s="279">
        <v>0</v>
      </c>
      <c r="R34" s="280">
        <v>0</v>
      </c>
      <c r="S34" s="280">
        <v>4</v>
      </c>
      <c r="T34" s="280">
        <v>8</v>
      </c>
      <c r="U34" s="280">
        <v>12</v>
      </c>
      <c r="V34" s="280">
        <v>41</v>
      </c>
      <c r="W34" s="277">
        <v>65</v>
      </c>
      <c r="X34" s="282">
        <v>65</v>
      </c>
      <c r="Y34" s="276">
        <v>15</v>
      </c>
      <c r="Z34" s="280">
        <v>44</v>
      </c>
      <c r="AA34" s="277">
        <v>59</v>
      </c>
      <c r="AB34" s="279">
        <v>0</v>
      </c>
      <c r="AC34" s="280">
        <v>195</v>
      </c>
      <c r="AD34" s="280">
        <v>222</v>
      </c>
      <c r="AE34" s="280">
        <v>148</v>
      </c>
      <c r="AF34" s="280">
        <v>166</v>
      </c>
      <c r="AG34" s="280">
        <v>106</v>
      </c>
      <c r="AH34" s="277">
        <v>837</v>
      </c>
      <c r="AI34" s="282">
        <v>896</v>
      </c>
      <c r="AJ34" s="276">
        <v>10</v>
      </c>
      <c r="AK34" s="280">
        <v>0</v>
      </c>
      <c r="AL34" s="277">
        <v>10</v>
      </c>
      <c r="AM34" s="279">
        <v>0</v>
      </c>
      <c r="AN34" s="280">
        <v>54</v>
      </c>
      <c r="AO34" s="280">
        <v>27</v>
      </c>
      <c r="AP34" s="280">
        <v>24</v>
      </c>
      <c r="AQ34" s="280">
        <v>51</v>
      </c>
      <c r="AR34" s="280">
        <v>24</v>
      </c>
      <c r="AS34" s="277">
        <v>180</v>
      </c>
      <c r="AT34" s="282">
        <v>190</v>
      </c>
      <c r="AU34" s="276">
        <v>0</v>
      </c>
      <c r="AV34" s="280">
        <v>0</v>
      </c>
      <c r="AW34" s="277">
        <v>0</v>
      </c>
      <c r="AX34" s="279">
        <v>0</v>
      </c>
      <c r="AY34" s="280">
        <v>522</v>
      </c>
      <c r="AZ34" s="280">
        <v>474</v>
      </c>
      <c r="BA34" s="280">
        <v>301</v>
      </c>
      <c r="BB34" s="280">
        <v>214</v>
      </c>
      <c r="BC34" s="280">
        <v>41</v>
      </c>
      <c r="BD34" s="281">
        <v>1552</v>
      </c>
      <c r="BE34" s="282">
        <v>1552</v>
      </c>
      <c r="BF34" s="276">
        <v>0</v>
      </c>
      <c r="BG34" s="280">
        <v>0</v>
      </c>
      <c r="BH34" s="277">
        <v>0</v>
      </c>
      <c r="BI34" s="279">
        <v>0</v>
      </c>
      <c r="BJ34" s="280">
        <v>95</v>
      </c>
      <c r="BK34" s="280">
        <v>127</v>
      </c>
      <c r="BL34" s="280">
        <v>53</v>
      </c>
      <c r="BM34" s="280">
        <v>37</v>
      </c>
      <c r="BN34" s="280">
        <v>25</v>
      </c>
      <c r="BO34" s="277">
        <v>337</v>
      </c>
      <c r="BP34" s="282">
        <v>337</v>
      </c>
      <c r="BQ34" s="276">
        <v>0</v>
      </c>
      <c r="BR34" s="280">
        <v>0</v>
      </c>
      <c r="BS34" s="277">
        <v>0</v>
      </c>
      <c r="BT34" s="279">
        <v>0</v>
      </c>
      <c r="BU34" s="280">
        <v>12</v>
      </c>
      <c r="BV34" s="280">
        <v>73</v>
      </c>
      <c r="BW34" s="280">
        <v>63</v>
      </c>
      <c r="BX34" s="280">
        <v>5</v>
      </c>
      <c r="BY34" s="280">
        <v>46</v>
      </c>
      <c r="BZ34" s="277">
        <v>199</v>
      </c>
      <c r="CA34" s="282">
        <v>199</v>
      </c>
      <c r="CB34" s="276">
        <v>0</v>
      </c>
      <c r="CC34" s="280">
        <v>0</v>
      </c>
      <c r="CD34" s="277">
        <v>0</v>
      </c>
      <c r="CE34" s="279">
        <v>0</v>
      </c>
      <c r="CF34" s="280">
        <v>0</v>
      </c>
      <c r="CG34" s="280">
        <v>8</v>
      </c>
      <c r="CH34" s="280">
        <v>4</v>
      </c>
      <c r="CI34" s="280">
        <v>17</v>
      </c>
      <c r="CJ34" s="280">
        <v>10</v>
      </c>
      <c r="CK34" s="277">
        <v>39</v>
      </c>
      <c r="CL34" s="282">
        <v>39</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2">
        <v>0</v>
      </c>
      <c r="F35" s="279">
        <v>0</v>
      </c>
      <c r="G35" s="280">
        <v>159</v>
      </c>
      <c r="H35" s="280">
        <v>270</v>
      </c>
      <c r="I35" s="280">
        <v>342</v>
      </c>
      <c r="J35" s="280">
        <v>254</v>
      </c>
      <c r="K35" s="280">
        <v>696</v>
      </c>
      <c r="L35" s="281">
        <v>1721</v>
      </c>
      <c r="M35" s="282">
        <v>1721</v>
      </c>
      <c r="N35" s="276">
        <v>0</v>
      </c>
      <c r="O35" s="280">
        <v>0</v>
      </c>
      <c r="P35" s="277">
        <v>0</v>
      </c>
      <c r="Q35" s="279">
        <v>0</v>
      </c>
      <c r="R35" s="280">
        <v>0</v>
      </c>
      <c r="S35" s="280">
        <v>0</v>
      </c>
      <c r="T35" s="280">
        <v>12</v>
      </c>
      <c r="U35" s="280">
        <v>14</v>
      </c>
      <c r="V35" s="280">
        <v>23</v>
      </c>
      <c r="W35" s="277">
        <v>49</v>
      </c>
      <c r="X35" s="282">
        <v>49</v>
      </c>
      <c r="Y35" s="276">
        <v>0</v>
      </c>
      <c r="Z35" s="280">
        <v>8</v>
      </c>
      <c r="AA35" s="277">
        <v>8</v>
      </c>
      <c r="AB35" s="279">
        <v>0</v>
      </c>
      <c r="AC35" s="280">
        <v>133</v>
      </c>
      <c r="AD35" s="280">
        <v>92</v>
      </c>
      <c r="AE35" s="280">
        <v>18</v>
      </c>
      <c r="AF35" s="280">
        <v>39</v>
      </c>
      <c r="AG35" s="280">
        <v>30</v>
      </c>
      <c r="AH35" s="277">
        <v>312</v>
      </c>
      <c r="AI35" s="282">
        <v>320</v>
      </c>
      <c r="AJ35" s="276">
        <v>133</v>
      </c>
      <c r="AK35" s="280">
        <v>205</v>
      </c>
      <c r="AL35" s="277">
        <v>338</v>
      </c>
      <c r="AM35" s="279">
        <v>0</v>
      </c>
      <c r="AN35" s="280">
        <v>449</v>
      </c>
      <c r="AO35" s="280">
        <v>281</v>
      </c>
      <c r="AP35" s="280">
        <v>105</v>
      </c>
      <c r="AQ35" s="280">
        <v>71</v>
      </c>
      <c r="AR35" s="280">
        <v>73</v>
      </c>
      <c r="AS35" s="277">
        <v>979</v>
      </c>
      <c r="AT35" s="282">
        <v>1317</v>
      </c>
      <c r="AU35" s="276">
        <v>0</v>
      </c>
      <c r="AV35" s="280">
        <v>0</v>
      </c>
      <c r="AW35" s="277">
        <v>0</v>
      </c>
      <c r="AX35" s="279">
        <v>0</v>
      </c>
      <c r="AY35" s="280">
        <v>98</v>
      </c>
      <c r="AZ35" s="280">
        <v>94</v>
      </c>
      <c r="BA35" s="280">
        <v>51</v>
      </c>
      <c r="BB35" s="280">
        <v>38</v>
      </c>
      <c r="BC35" s="280">
        <v>40</v>
      </c>
      <c r="BD35" s="281">
        <v>321</v>
      </c>
      <c r="BE35" s="282">
        <v>321</v>
      </c>
      <c r="BF35" s="276">
        <v>0</v>
      </c>
      <c r="BG35" s="280">
        <v>0</v>
      </c>
      <c r="BH35" s="277">
        <v>0</v>
      </c>
      <c r="BI35" s="279">
        <v>0</v>
      </c>
      <c r="BJ35" s="280">
        <v>168</v>
      </c>
      <c r="BK35" s="280">
        <v>93</v>
      </c>
      <c r="BL35" s="280">
        <v>69</v>
      </c>
      <c r="BM35" s="280">
        <v>11</v>
      </c>
      <c r="BN35" s="280">
        <v>11</v>
      </c>
      <c r="BO35" s="277">
        <v>352</v>
      </c>
      <c r="BP35" s="282">
        <v>352</v>
      </c>
      <c r="BQ35" s="276">
        <v>0</v>
      </c>
      <c r="BR35" s="280">
        <v>0</v>
      </c>
      <c r="BS35" s="277">
        <v>0</v>
      </c>
      <c r="BT35" s="279">
        <v>0</v>
      </c>
      <c r="BU35" s="280">
        <v>39</v>
      </c>
      <c r="BV35" s="280">
        <v>86</v>
      </c>
      <c r="BW35" s="280">
        <v>75</v>
      </c>
      <c r="BX35" s="280">
        <v>52</v>
      </c>
      <c r="BY35" s="280">
        <v>10</v>
      </c>
      <c r="BZ35" s="277">
        <v>262</v>
      </c>
      <c r="CA35" s="282">
        <v>262</v>
      </c>
      <c r="CB35" s="276">
        <v>0</v>
      </c>
      <c r="CC35" s="280">
        <v>0</v>
      </c>
      <c r="CD35" s="277">
        <v>0</v>
      </c>
      <c r="CE35" s="279">
        <v>0</v>
      </c>
      <c r="CF35" s="280">
        <v>6</v>
      </c>
      <c r="CG35" s="280">
        <v>9</v>
      </c>
      <c r="CH35" s="280">
        <v>6</v>
      </c>
      <c r="CI35" s="280">
        <v>11</v>
      </c>
      <c r="CJ35" s="280">
        <v>4</v>
      </c>
      <c r="CK35" s="277">
        <v>36</v>
      </c>
      <c r="CL35" s="282">
        <v>36</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2">
        <v>0</v>
      </c>
      <c r="F36" s="279">
        <v>0</v>
      </c>
      <c r="G36" s="280">
        <v>142</v>
      </c>
      <c r="H36" s="280">
        <v>112</v>
      </c>
      <c r="I36" s="280">
        <v>215</v>
      </c>
      <c r="J36" s="280">
        <v>274</v>
      </c>
      <c r="K36" s="280">
        <v>26</v>
      </c>
      <c r="L36" s="281">
        <v>769</v>
      </c>
      <c r="M36" s="282">
        <v>769</v>
      </c>
      <c r="N36" s="276">
        <v>0</v>
      </c>
      <c r="O36" s="280">
        <v>0</v>
      </c>
      <c r="P36" s="277">
        <v>0</v>
      </c>
      <c r="Q36" s="279">
        <v>0</v>
      </c>
      <c r="R36" s="280">
        <v>0</v>
      </c>
      <c r="S36" s="280">
        <v>3</v>
      </c>
      <c r="T36" s="280">
        <v>0</v>
      </c>
      <c r="U36" s="280">
        <v>8</v>
      </c>
      <c r="V36" s="280">
        <v>35</v>
      </c>
      <c r="W36" s="277">
        <v>46</v>
      </c>
      <c r="X36" s="282">
        <v>46</v>
      </c>
      <c r="Y36" s="276">
        <v>3</v>
      </c>
      <c r="Z36" s="280">
        <v>90</v>
      </c>
      <c r="AA36" s="277">
        <v>93</v>
      </c>
      <c r="AB36" s="279">
        <v>0</v>
      </c>
      <c r="AC36" s="280">
        <v>135</v>
      </c>
      <c r="AD36" s="280">
        <v>93</v>
      </c>
      <c r="AE36" s="280">
        <v>85</v>
      </c>
      <c r="AF36" s="280">
        <v>72</v>
      </c>
      <c r="AG36" s="280">
        <v>57</v>
      </c>
      <c r="AH36" s="277">
        <v>442</v>
      </c>
      <c r="AI36" s="282">
        <v>535</v>
      </c>
      <c r="AJ36" s="276">
        <v>0</v>
      </c>
      <c r="AK36" s="280">
        <v>0</v>
      </c>
      <c r="AL36" s="277">
        <v>0</v>
      </c>
      <c r="AM36" s="279">
        <v>0</v>
      </c>
      <c r="AN36" s="280">
        <v>76</v>
      </c>
      <c r="AO36" s="280">
        <v>73</v>
      </c>
      <c r="AP36" s="280">
        <v>19</v>
      </c>
      <c r="AQ36" s="280">
        <v>12</v>
      </c>
      <c r="AR36" s="280">
        <v>20</v>
      </c>
      <c r="AS36" s="277">
        <v>200</v>
      </c>
      <c r="AT36" s="282">
        <v>200</v>
      </c>
      <c r="AU36" s="276">
        <v>0</v>
      </c>
      <c r="AV36" s="280">
        <v>0</v>
      </c>
      <c r="AW36" s="277">
        <v>0</v>
      </c>
      <c r="AX36" s="279">
        <v>0</v>
      </c>
      <c r="AY36" s="280">
        <v>248</v>
      </c>
      <c r="AZ36" s="280">
        <v>310</v>
      </c>
      <c r="BA36" s="280">
        <v>186</v>
      </c>
      <c r="BB36" s="280">
        <v>134</v>
      </c>
      <c r="BC36" s="280">
        <v>24</v>
      </c>
      <c r="BD36" s="281">
        <v>902</v>
      </c>
      <c r="BE36" s="282">
        <v>902</v>
      </c>
      <c r="BF36" s="276">
        <v>0</v>
      </c>
      <c r="BG36" s="280">
        <v>0</v>
      </c>
      <c r="BH36" s="277">
        <v>0</v>
      </c>
      <c r="BI36" s="279">
        <v>0</v>
      </c>
      <c r="BJ36" s="280">
        <v>75</v>
      </c>
      <c r="BK36" s="280">
        <v>12</v>
      </c>
      <c r="BL36" s="280">
        <v>7</v>
      </c>
      <c r="BM36" s="280">
        <v>41</v>
      </c>
      <c r="BN36" s="280">
        <v>0</v>
      </c>
      <c r="BO36" s="277">
        <v>135</v>
      </c>
      <c r="BP36" s="282">
        <v>135</v>
      </c>
      <c r="BQ36" s="276">
        <v>0</v>
      </c>
      <c r="BR36" s="280">
        <v>0</v>
      </c>
      <c r="BS36" s="277">
        <v>0</v>
      </c>
      <c r="BT36" s="279">
        <v>0</v>
      </c>
      <c r="BU36" s="280">
        <v>26</v>
      </c>
      <c r="BV36" s="280">
        <v>7</v>
      </c>
      <c r="BW36" s="280">
        <v>7</v>
      </c>
      <c r="BX36" s="280">
        <v>20</v>
      </c>
      <c r="BY36" s="280">
        <v>40</v>
      </c>
      <c r="BZ36" s="277">
        <v>100</v>
      </c>
      <c r="CA36" s="282">
        <v>100</v>
      </c>
      <c r="CB36" s="276">
        <v>0</v>
      </c>
      <c r="CC36" s="280">
        <v>0</v>
      </c>
      <c r="CD36" s="277">
        <v>0</v>
      </c>
      <c r="CE36" s="279">
        <v>0</v>
      </c>
      <c r="CF36" s="280">
        <v>2</v>
      </c>
      <c r="CG36" s="280">
        <v>0</v>
      </c>
      <c r="CH36" s="280">
        <v>0</v>
      </c>
      <c r="CI36" s="280">
        <v>10</v>
      </c>
      <c r="CJ36" s="280">
        <v>0</v>
      </c>
      <c r="CK36" s="277">
        <v>12</v>
      </c>
      <c r="CL36" s="282">
        <v>12</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2">
        <v>0</v>
      </c>
      <c r="F37" s="279">
        <v>0</v>
      </c>
      <c r="G37" s="280">
        <v>1226</v>
      </c>
      <c r="H37" s="280">
        <v>1027</v>
      </c>
      <c r="I37" s="280">
        <v>1702</v>
      </c>
      <c r="J37" s="280">
        <v>1743</v>
      </c>
      <c r="K37" s="280">
        <v>952</v>
      </c>
      <c r="L37" s="281">
        <v>6650</v>
      </c>
      <c r="M37" s="282">
        <v>6650</v>
      </c>
      <c r="N37" s="276">
        <v>0</v>
      </c>
      <c r="O37" s="280">
        <v>0</v>
      </c>
      <c r="P37" s="277">
        <v>0</v>
      </c>
      <c r="Q37" s="279">
        <v>0</v>
      </c>
      <c r="R37" s="280">
        <v>3</v>
      </c>
      <c r="S37" s="280">
        <v>30</v>
      </c>
      <c r="T37" s="280">
        <v>15</v>
      </c>
      <c r="U37" s="280">
        <v>52</v>
      </c>
      <c r="V37" s="280">
        <v>66</v>
      </c>
      <c r="W37" s="277">
        <v>166</v>
      </c>
      <c r="X37" s="282">
        <v>166</v>
      </c>
      <c r="Y37" s="276">
        <v>12</v>
      </c>
      <c r="Z37" s="280">
        <v>54</v>
      </c>
      <c r="AA37" s="277">
        <v>66</v>
      </c>
      <c r="AB37" s="279">
        <v>0</v>
      </c>
      <c r="AC37" s="280">
        <v>448</v>
      </c>
      <c r="AD37" s="280">
        <v>265</v>
      </c>
      <c r="AE37" s="280">
        <v>201</v>
      </c>
      <c r="AF37" s="280">
        <v>212</v>
      </c>
      <c r="AG37" s="280">
        <v>162</v>
      </c>
      <c r="AH37" s="277">
        <v>1288</v>
      </c>
      <c r="AI37" s="282">
        <v>1354</v>
      </c>
      <c r="AJ37" s="276">
        <v>18</v>
      </c>
      <c r="AK37" s="280">
        <v>100</v>
      </c>
      <c r="AL37" s="277">
        <v>118</v>
      </c>
      <c r="AM37" s="279">
        <v>0</v>
      </c>
      <c r="AN37" s="280">
        <v>275</v>
      </c>
      <c r="AO37" s="280">
        <v>171</v>
      </c>
      <c r="AP37" s="280">
        <v>86</v>
      </c>
      <c r="AQ37" s="280">
        <v>147</v>
      </c>
      <c r="AR37" s="280">
        <v>34</v>
      </c>
      <c r="AS37" s="277">
        <v>713</v>
      </c>
      <c r="AT37" s="282">
        <v>831</v>
      </c>
      <c r="AU37" s="276">
        <v>0</v>
      </c>
      <c r="AV37" s="280">
        <v>0</v>
      </c>
      <c r="AW37" s="277">
        <v>0</v>
      </c>
      <c r="AX37" s="279">
        <v>0</v>
      </c>
      <c r="AY37" s="280">
        <v>1416</v>
      </c>
      <c r="AZ37" s="280">
        <v>922</v>
      </c>
      <c r="BA37" s="280">
        <v>564</v>
      </c>
      <c r="BB37" s="280">
        <v>404</v>
      </c>
      <c r="BC37" s="280">
        <v>209</v>
      </c>
      <c r="BD37" s="281">
        <v>3515</v>
      </c>
      <c r="BE37" s="282">
        <v>3515</v>
      </c>
      <c r="BF37" s="276">
        <v>0</v>
      </c>
      <c r="BG37" s="280">
        <v>0</v>
      </c>
      <c r="BH37" s="277">
        <v>0</v>
      </c>
      <c r="BI37" s="279">
        <v>0</v>
      </c>
      <c r="BJ37" s="280">
        <v>500</v>
      </c>
      <c r="BK37" s="280">
        <v>228</v>
      </c>
      <c r="BL37" s="280">
        <v>79</v>
      </c>
      <c r="BM37" s="280">
        <v>123</v>
      </c>
      <c r="BN37" s="280">
        <v>4</v>
      </c>
      <c r="BO37" s="277">
        <v>934</v>
      </c>
      <c r="BP37" s="282">
        <v>934</v>
      </c>
      <c r="BQ37" s="276">
        <v>3</v>
      </c>
      <c r="BR37" s="280">
        <v>0</v>
      </c>
      <c r="BS37" s="277">
        <v>3</v>
      </c>
      <c r="BT37" s="279">
        <v>0</v>
      </c>
      <c r="BU37" s="280">
        <v>201</v>
      </c>
      <c r="BV37" s="280">
        <v>71</v>
      </c>
      <c r="BW37" s="280">
        <v>74</v>
      </c>
      <c r="BX37" s="280">
        <v>162</v>
      </c>
      <c r="BY37" s="280">
        <v>53</v>
      </c>
      <c r="BZ37" s="277">
        <v>561</v>
      </c>
      <c r="CA37" s="282">
        <v>564</v>
      </c>
      <c r="CB37" s="276">
        <v>0</v>
      </c>
      <c r="CC37" s="280">
        <v>0</v>
      </c>
      <c r="CD37" s="277">
        <v>0</v>
      </c>
      <c r="CE37" s="279">
        <v>0</v>
      </c>
      <c r="CF37" s="280">
        <v>30</v>
      </c>
      <c r="CG37" s="280">
        <v>3</v>
      </c>
      <c r="CH37" s="280">
        <v>6</v>
      </c>
      <c r="CI37" s="280">
        <v>15</v>
      </c>
      <c r="CJ37" s="280">
        <v>0</v>
      </c>
      <c r="CK37" s="277">
        <v>54</v>
      </c>
      <c r="CL37" s="282">
        <v>54</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2">
        <v>0</v>
      </c>
      <c r="F38" s="279">
        <v>0</v>
      </c>
      <c r="G38" s="280">
        <v>698</v>
      </c>
      <c r="H38" s="280">
        <v>1276</v>
      </c>
      <c r="I38" s="280">
        <v>1425</v>
      </c>
      <c r="J38" s="280">
        <v>1982</v>
      </c>
      <c r="K38" s="280">
        <v>1864</v>
      </c>
      <c r="L38" s="281">
        <v>7245</v>
      </c>
      <c r="M38" s="282">
        <v>7245</v>
      </c>
      <c r="N38" s="276">
        <v>0</v>
      </c>
      <c r="O38" s="280">
        <v>0</v>
      </c>
      <c r="P38" s="277">
        <v>0</v>
      </c>
      <c r="Q38" s="279">
        <v>0</v>
      </c>
      <c r="R38" s="280">
        <v>23</v>
      </c>
      <c r="S38" s="280">
        <v>38</v>
      </c>
      <c r="T38" s="280">
        <v>27</v>
      </c>
      <c r="U38" s="280">
        <v>30</v>
      </c>
      <c r="V38" s="280">
        <v>60</v>
      </c>
      <c r="W38" s="277">
        <v>178</v>
      </c>
      <c r="X38" s="282">
        <v>178</v>
      </c>
      <c r="Y38" s="276">
        <v>91</v>
      </c>
      <c r="Z38" s="280">
        <v>146</v>
      </c>
      <c r="AA38" s="277">
        <v>237</v>
      </c>
      <c r="AB38" s="279">
        <v>0</v>
      </c>
      <c r="AC38" s="280">
        <v>666</v>
      </c>
      <c r="AD38" s="280">
        <v>568</v>
      </c>
      <c r="AE38" s="280">
        <v>249</v>
      </c>
      <c r="AF38" s="280">
        <v>386</v>
      </c>
      <c r="AG38" s="280">
        <v>366</v>
      </c>
      <c r="AH38" s="277">
        <v>2235</v>
      </c>
      <c r="AI38" s="282">
        <v>2472</v>
      </c>
      <c r="AJ38" s="276">
        <v>30</v>
      </c>
      <c r="AK38" s="280">
        <v>86</v>
      </c>
      <c r="AL38" s="277">
        <v>116</v>
      </c>
      <c r="AM38" s="279">
        <v>0</v>
      </c>
      <c r="AN38" s="280">
        <v>167</v>
      </c>
      <c r="AO38" s="280">
        <v>156</v>
      </c>
      <c r="AP38" s="280">
        <v>44</v>
      </c>
      <c r="AQ38" s="280">
        <v>77</v>
      </c>
      <c r="AR38" s="280">
        <v>72</v>
      </c>
      <c r="AS38" s="277">
        <v>516</v>
      </c>
      <c r="AT38" s="282">
        <v>632</v>
      </c>
      <c r="AU38" s="276">
        <v>0</v>
      </c>
      <c r="AV38" s="280">
        <v>0</v>
      </c>
      <c r="AW38" s="277">
        <v>0</v>
      </c>
      <c r="AX38" s="279">
        <v>0</v>
      </c>
      <c r="AY38" s="280">
        <v>779</v>
      </c>
      <c r="AZ38" s="280">
        <v>970</v>
      </c>
      <c r="BA38" s="280">
        <v>486</v>
      </c>
      <c r="BB38" s="280">
        <v>352</v>
      </c>
      <c r="BC38" s="280">
        <v>164</v>
      </c>
      <c r="BD38" s="281">
        <v>2751</v>
      </c>
      <c r="BE38" s="282">
        <v>2751</v>
      </c>
      <c r="BF38" s="276">
        <v>0</v>
      </c>
      <c r="BG38" s="280">
        <v>0</v>
      </c>
      <c r="BH38" s="277">
        <v>0</v>
      </c>
      <c r="BI38" s="279">
        <v>0</v>
      </c>
      <c r="BJ38" s="280">
        <v>205</v>
      </c>
      <c r="BK38" s="280">
        <v>215</v>
      </c>
      <c r="BL38" s="280">
        <v>127</v>
      </c>
      <c r="BM38" s="280">
        <v>45</v>
      </c>
      <c r="BN38" s="280">
        <v>22</v>
      </c>
      <c r="BO38" s="277">
        <v>614</v>
      </c>
      <c r="BP38" s="282">
        <v>614</v>
      </c>
      <c r="BQ38" s="276">
        <v>0</v>
      </c>
      <c r="BR38" s="280">
        <v>0</v>
      </c>
      <c r="BS38" s="277">
        <v>0</v>
      </c>
      <c r="BT38" s="279">
        <v>0</v>
      </c>
      <c r="BU38" s="280">
        <v>188</v>
      </c>
      <c r="BV38" s="280">
        <v>207</v>
      </c>
      <c r="BW38" s="280">
        <v>273</v>
      </c>
      <c r="BX38" s="280">
        <v>300</v>
      </c>
      <c r="BY38" s="280">
        <v>191</v>
      </c>
      <c r="BZ38" s="277">
        <v>1159</v>
      </c>
      <c r="CA38" s="282">
        <v>1159</v>
      </c>
      <c r="CB38" s="276">
        <v>0</v>
      </c>
      <c r="CC38" s="280">
        <v>0</v>
      </c>
      <c r="CD38" s="277">
        <v>0</v>
      </c>
      <c r="CE38" s="279">
        <v>0</v>
      </c>
      <c r="CF38" s="280">
        <v>5</v>
      </c>
      <c r="CG38" s="280">
        <v>16</v>
      </c>
      <c r="CH38" s="280">
        <v>0</v>
      </c>
      <c r="CI38" s="280">
        <v>2</v>
      </c>
      <c r="CJ38" s="280">
        <v>0</v>
      </c>
      <c r="CK38" s="277">
        <v>23</v>
      </c>
      <c r="CL38" s="282">
        <v>23</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3">
        <v>0</v>
      </c>
      <c r="F39" s="286">
        <v>0</v>
      </c>
      <c r="G39" s="287">
        <v>72</v>
      </c>
      <c r="H39" s="287">
        <v>63</v>
      </c>
      <c r="I39" s="287">
        <v>88</v>
      </c>
      <c r="J39" s="287">
        <v>23</v>
      </c>
      <c r="K39" s="287">
        <v>134</v>
      </c>
      <c r="L39" s="288">
        <v>380</v>
      </c>
      <c r="M39" s="289">
        <v>380</v>
      </c>
      <c r="N39" s="283">
        <v>0</v>
      </c>
      <c r="O39" s="287">
        <v>0</v>
      </c>
      <c r="P39" s="284">
        <v>0</v>
      </c>
      <c r="Q39" s="286">
        <v>0</v>
      </c>
      <c r="R39" s="287">
        <v>0</v>
      </c>
      <c r="S39" s="287">
        <v>0</v>
      </c>
      <c r="T39" s="287">
        <v>0</v>
      </c>
      <c r="U39" s="287">
        <v>0</v>
      </c>
      <c r="V39" s="287">
        <v>0</v>
      </c>
      <c r="W39" s="284">
        <v>0</v>
      </c>
      <c r="X39" s="289">
        <v>0</v>
      </c>
      <c r="Y39" s="283">
        <v>5</v>
      </c>
      <c r="Z39" s="287">
        <v>2</v>
      </c>
      <c r="AA39" s="284">
        <v>7</v>
      </c>
      <c r="AB39" s="286">
        <v>0</v>
      </c>
      <c r="AC39" s="287">
        <v>15</v>
      </c>
      <c r="AD39" s="287">
        <v>21</v>
      </c>
      <c r="AE39" s="287">
        <v>7</v>
      </c>
      <c r="AF39" s="287">
        <v>33</v>
      </c>
      <c r="AG39" s="287">
        <v>5</v>
      </c>
      <c r="AH39" s="284">
        <v>81</v>
      </c>
      <c r="AI39" s="289">
        <v>88</v>
      </c>
      <c r="AJ39" s="283">
        <v>0</v>
      </c>
      <c r="AK39" s="287">
        <v>0</v>
      </c>
      <c r="AL39" s="284">
        <v>0</v>
      </c>
      <c r="AM39" s="286">
        <v>0</v>
      </c>
      <c r="AN39" s="287">
        <v>0</v>
      </c>
      <c r="AO39" s="287">
        <v>8</v>
      </c>
      <c r="AP39" s="287">
        <v>0</v>
      </c>
      <c r="AQ39" s="287">
        <v>19</v>
      </c>
      <c r="AR39" s="287">
        <v>0</v>
      </c>
      <c r="AS39" s="284">
        <v>27</v>
      </c>
      <c r="AT39" s="289">
        <v>27</v>
      </c>
      <c r="AU39" s="283">
        <v>0</v>
      </c>
      <c r="AV39" s="287">
        <v>0</v>
      </c>
      <c r="AW39" s="284">
        <v>0</v>
      </c>
      <c r="AX39" s="286">
        <v>0</v>
      </c>
      <c r="AY39" s="287">
        <v>62</v>
      </c>
      <c r="AZ39" s="287">
        <v>43</v>
      </c>
      <c r="BA39" s="287">
        <v>88</v>
      </c>
      <c r="BB39" s="287">
        <v>29</v>
      </c>
      <c r="BC39" s="287">
        <v>13</v>
      </c>
      <c r="BD39" s="288">
        <v>235</v>
      </c>
      <c r="BE39" s="289">
        <v>235</v>
      </c>
      <c r="BF39" s="283">
        <v>0</v>
      </c>
      <c r="BG39" s="287">
        <v>0</v>
      </c>
      <c r="BH39" s="284">
        <v>0</v>
      </c>
      <c r="BI39" s="286">
        <v>0</v>
      </c>
      <c r="BJ39" s="287">
        <v>54</v>
      </c>
      <c r="BK39" s="287">
        <v>9</v>
      </c>
      <c r="BL39" s="287">
        <v>32</v>
      </c>
      <c r="BM39" s="287">
        <v>33</v>
      </c>
      <c r="BN39" s="287">
        <v>4</v>
      </c>
      <c r="BO39" s="284">
        <v>132</v>
      </c>
      <c r="BP39" s="289">
        <v>132</v>
      </c>
      <c r="BQ39" s="283">
        <v>0</v>
      </c>
      <c r="BR39" s="287">
        <v>0</v>
      </c>
      <c r="BS39" s="284">
        <v>0</v>
      </c>
      <c r="BT39" s="286">
        <v>0</v>
      </c>
      <c r="BU39" s="287">
        <v>0</v>
      </c>
      <c r="BV39" s="287">
        <v>14</v>
      </c>
      <c r="BW39" s="287">
        <v>57</v>
      </c>
      <c r="BX39" s="287">
        <v>10</v>
      </c>
      <c r="BY39" s="287">
        <v>0</v>
      </c>
      <c r="BZ39" s="284">
        <v>81</v>
      </c>
      <c r="CA39" s="289">
        <v>81</v>
      </c>
      <c r="CB39" s="283">
        <v>0</v>
      </c>
      <c r="CC39" s="287">
        <v>0</v>
      </c>
      <c r="CD39" s="284">
        <v>0</v>
      </c>
      <c r="CE39" s="286">
        <v>0</v>
      </c>
      <c r="CF39" s="287">
        <v>0</v>
      </c>
      <c r="CG39" s="287">
        <v>0</v>
      </c>
      <c r="CH39" s="287">
        <v>0</v>
      </c>
      <c r="CI39" s="287">
        <v>4</v>
      </c>
      <c r="CJ39" s="287">
        <v>4</v>
      </c>
      <c r="CK39" s="284">
        <v>8</v>
      </c>
      <c r="CL39" s="289">
        <v>8</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08-30T06:33:48Z</cp:lastPrinted>
  <dcterms:created xsi:type="dcterms:W3CDTF">2008-02-08T04:23:07Z</dcterms:created>
  <dcterms:modified xsi:type="dcterms:W3CDTF">2023-10-11T05:26:07Z</dcterms:modified>
</cp:coreProperties>
</file>